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codeName="ThisWorkbook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2\HP2602\"/>
    </mc:Choice>
  </mc:AlternateContent>
  <xr:revisionPtr revIDLastSave="0" documentId="13_ncr:1_{BEAFEE64-F6A8-45A5-98DE-0B8441269093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目次" sheetId="91" r:id="rId1"/>
    <sheet name="年齢別・性別人口(01総曲輪)" sheetId="2" r:id="rId2"/>
    <sheet name="年齢別・性別人口(02愛宕)" sheetId="3" r:id="rId3"/>
    <sheet name="年齢別・性別人口(03安野屋)" sheetId="4" r:id="rId4"/>
    <sheet name="年齢別・性別人口(04八人町)" sheetId="5" r:id="rId5"/>
    <sheet name="年齢別・性別人口(05五番町)" sheetId="6" r:id="rId6"/>
    <sheet name="年齢別・性別人口(06柳町)" sheetId="7" r:id="rId7"/>
    <sheet name="年齢別・性別人口(07清水町)" sheetId="8" r:id="rId8"/>
    <sheet name="年齢別・性別人口(08星井町)" sheetId="9" r:id="rId9"/>
    <sheet name="年齢別・性別人口(09西田地方)" sheetId="10" r:id="rId10"/>
    <sheet name="年齢別・性別人口(10堀川)" sheetId="11" r:id="rId11"/>
    <sheet name="年齢別・性別人口(11堀川南)" sheetId="12" r:id="rId12"/>
    <sheet name="年齢別・性別人口(12東部)" sheetId="13" r:id="rId13"/>
    <sheet name="年齢別・性別人口(13奥田)" sheetId="14" r:id="rId14"/>
    <sheet name="年齢別・性別人口(14奥田北)" sheetId="15" r:id="rId15"/>
    <sheet name="年齢別・性別人口(15桜谷)" sheetId="16" r:id="rId16"/>
    <sheet name="年齢別・性別人口(16五福)" sheetId="17" r:id="rId17"/>
    <sheet name="年齢別・性別人口(17神明)" sheetId="18" r:id="rId18"/>
    <sheet name="年齢別・性別人口(18岩瀬)" sheetId="19" r:id="rId19"/>
    <sheet name="年齢別・性別人口(19萩浦)" sheetId="20" r:id="rId20"/>
    <sheet name="年齢別・性別人口(20大広田)" sheetId="21" r:id="rId21"/>
    <sheet name="年齢別・性別人口(21浜黒崎)" sheetId="22" r:id="rId22"/>
    <sheet name="年齢別・性別人口(22針原)" sheetId="23" r:id="rId23"/>
    <sheet name="年齢別・性別人口(23豊田)" sheetId="24" r:id="rId24"/>
    <sheet name="年齢別・性別人口(24広田)" sheetId="25" r:id="rId25"/>
    <sheet name="年齢別・性別人口(25新庄)" sheetId="26" r:id="rId26"/>
    <sheet name="年齢別・性別人口(26藤ノ木)" sheetId="27" r:id="rId27"/>
    <sheet name="年齢別・性別人口(27山室)" sheetId="28" r:id="rId28"/>
    <sheet name="年齢別・性別人口(28山室中部)" sheetId="29" r:id="rId29"/>
    <sheet name="年齢別・性別人口(29太田)" sheetId="30" r:id="rId30"/>
    <sheet name="年齢別・性別人口(30蜷川)" sheetId="31" r:id="rId31"/>
    <sheet name="年齢別・性別人口(31新保)" sheetId="32" r:id="rId32"/>
    <sheet name="年齢別・性別人口(32熊野)" sheetId="33" r:id="rId33"/>
    <sheet name="年齢別・性別人口(33月岡)" sheetId="34" r:id="rId34"/>
    <sheet name="年齢別・性別人口(34四方)" sheetId="35" r:id="rId35"/>
    <sheet name="年齢別・性別人口(35八幡)" sheetId="36" r:id="rId36"/>
    <sheet name="年齢別・性別人口(36草島)" sheetId="37" r:id="rId37"/>
    <sheet name="年齢別・性別人口(37倉垣)" sheetId="38" r:id="rId38"/>
    <sheet name="年齢別・性別人口(38呉羽)" sheetId="39" r:id="rId39"/>
    <sheet name="年齢別・性別人口(39長岡)" sheetId="40" r:id="rId40"/>
    <sheet name="年齢別・性別人口(40寒江)" sheetId="41" r:id="rId41"/>
    <sheet name="年齢別・性別人口(41古沢)" sheetId="42" r:id="rId42"/>
    <sheet name="年齢別・性別人口(42老田)" sheetId="43" r:id="rId43"/>
    <sheet name="年齢別・性別人口(43池多)" sheetId="44" r:id="rId44"/>
    <sheet name="年齢別・性別人口(44水橋中部)" sheetId="45" r:id="rId45"/>
    <sheet name="年齢別・性別人口(45水橋西部)" sheetId="46" r:id="rId46"/>
    <sheet name="年齢別・性別人口(46水橋東部)" sheetId="47" r:id="rId47"/>
    <sheet name="年齢別・性別人口(47三郷)" sheetId="48" r:id="rId48"/>
    <sheet name="年齢別・性別人口(48上条)" sheetId="49" r:id="rId49"/>
    <sheet name="年齢別・性別人口(49光陽)" sheetId="50" r:id="rId50"/>
    <sheet name="年齢別・性別人口(50新庄北）" sheetId="51" r:id="rId51"/>
    <sheet name="年齢別・性別人口(0099富山地域)" sheetId="52" r:id="rId52"/>
    <sheet name="年齢別・性別人口0101下タ)" sheetId="53" r:id="rId53"/>
    <sheet name="年齢別・性別人口(0102小羽)" sheetId="54" r:id="rId54"/>
    <sheet name="年齢別・性別人口(0103船峅)" sheetId="55" r:id="rId55"/>
    <sheet name="年齢別・性別人口(0104大沢野)" sheetId="56" r:id="rId56"/>
    <sheet name="年齢別・性別人口(0105大久保)" sheetId="57" r:id="rId57"/>
    <sheet name="年齢別・性別人口(0199大沢野地域)" sheetId="58" r:id="rId58"/>
    <sheet name="年齢別・性別人口(0201上滝)" sheetId="59" r:id="rId59"/>
    <sheet name="年齢別・性別人口(0202大山)" sheetId="60" r:id="rId60"/>
    <sheet name="年齢別・性別人口(0203大庄)" sheetId="61" r:id="rId61"/>
    <sheet name="年齢別・性別人口(0204福沢)" sheetId="62" r:id="rId62"/>
    <sheet name="年齢別・性別人口(0299大山地域)" sheetId="63" r:id="rId63"/>
    <sheet name="年齢別・性別人口(0301八尾)" sheetId="64" r:id="rId64"/>
    <sheet name="年齢別・性別人口(0302保内)" sheetId="65" r:id="rId65"/>
    <sheet name="年齢別・性別人口(0303杉原)" sheetId="66" r:id="rId66"/>
    <sheet name="年齢別・性別人口(0304卯花)" sheetId="67" r:id="rId67"/>
    <sheet name="年齢別・性別人口(0305室牧)" sheetId="68" r:id="rId68"/>
    <sheet name="年齢別・性別人口(0306黒瀬谷)" sheetId="69" r:id="rId69"/>
    <sheet name="年齢別・性別人口(0307野積)" sheetId="70" r:id="rId70"/>
    <sheet name="年齢別・性別人口(0308仁歩)" sheetId="71" r:id="rId71"/>
    <sheet name="年齢別・性別人口(0309大長谷)" sheetId="72" r:id="rId72"/>
    <sheet name="年齢別・性別人口(0399八尾地域)" sheetId="73" r:id="rId73"/>
    <sheet name="年齢別・性別人口(0401速星)" sheetId="74" r:id="rId74"/>
    <sheet name="年齢別・性別人口(0402鵜坂)" sheetId="75" r:id="rId75"/>
    <sheet name="年齢別・性別人口(0403朝日)" sheetId="76" r:id="rId76"/>
    <sheet name="年齢別・性別人口(0404宮川)" sheetId="77" r:id="rId77"/>
    <sheet name="年齢別・性別人口(0405婦中熊野)" sheetId="78" r:id="rId78"/>
    <sheet name="年齢別・性別人口(0406古里)" sheetId="79" r:id="rId79"/>
    <sheet name="年齢別・性別人口(0407音川)" sheetId="80" r:id="rId80"/>
    <sheet name="年齢別・性別人口(0408神保)" sheetId="81" r:id="rId81"/>
    <sheet name="年齢別・性別人口(0499婦中地域)" sheetId="82" r:id="rId82"/>
    <sheet name="年齢別・性別人口(0501山田南部)" sheetId="83" r:id="rId83"/>
    <sheet name="年齢別・性別人口(0502山田中部)" sheetId="84" r:id="rId84"/>
    <sheet name="年齢別・性別人口(0503山田西部)" sheetId="85" r:id="rId85"/>
    <sheet name="年齢別・性別人口(0504山田東部)" sheetId="86" r:id="rId86"/>
    <sheet name="年齢別・性別人口(0599山田地域)" sheetId="87" r:id="rId87"/>
    <sheet name="年齢別・性別人口(0601細入北部)" sheetId="88" r:id="rId88"/>
    <sheet name="年齢別・性別人口(0602細入南部)" sheetId="89" r:id="rId89"/>
    <sheet name="年齢別・性別人口(0699細入地域)" sheetId="90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3686" uniqueCount="220">
  <si>
    <t>《75～79》</t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2"/>
  </si>
  <si>
    <t>《25～29》</t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2"/>
  </si>
  <si>
    <t>年齢</t>
    <rPh sb="0" eb="2">
      <t>ネンレイ</t>
    </rPh>
    <phoneticPr fontId="2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2"/>
  </si>
  <si>
    <t>【0～14】</t>
  </si>
  <si>
    <t>《0～4》</t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2"/>
  </si>
  <si>
    <t>《20～24》</t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2"/>
  </si>
  <si>
    <t>《5～9》</t>
  </si>
  <si>
    <t>《10～14》</t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2"/>
  </si>
  <si>
    <t>《15～19》</t>
  </si>
  <si>
    <t>《30～34》</t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2"/>
  </si>
  <si>
    <t>《45～49》</t>
  </si>
  <si>
    <t>《35～39》</t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2"/>
  </si>
  <si>
    <t>《65～69》</t>
  </si>
  <si>
    <t>《40～44》</t>
  </si>
  <si>
    <t>《50～54》</t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2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2"/>
  </si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2"/>
  </si>
  <si>
    <t>計</t>
    <rPh sb="0" eb="1">
      <t>ケイ</t>
    </rPh>
    <phoneticPr fontId="2"/>
  </si>
  <si>
    <t>《55～59》</t>
  </si>
  <si>
    <t>《60～64》</t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2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【15～64】</t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2"/>
  </si>
  <si>
    <t>《70～74》</t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2"/>
  </si>
  <si>
    <t>《80～84》</t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2"/>
  </si>
  <si>
    <t>《85～89》</t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2"/>
  </si>
  <si>
    <t>《90～94》</t>
  </si>
  <si>
    <t>《95～99》</t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2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2"/>
  </si>
  <si>
    <t>101～</t>
  </si>
  <si>
    <t>《100～》</t>
  </si>
  <si>
    <t>【合計】</t>
    <rPh sb="1" eb="3">
      <t>ゴウケイ</t>
    </rPh>
    <phoneticPr fontId="2"/>
  </si>
  <si>
    <t>【65～】</t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2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2"/>
  </si>
  <si>
    <t>令和8年2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男</t>
    <rPh sb="0" eb="1">
      <t>オトコ</t>
    </rPh>
    <phoneticPr fontId="2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2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2"/>
  </si>
  <si>
    <t>女</t>
    <rPh sb="0" eb="1">
      <t>オンナ</t>
    </rPh>
    <phoneticPr fontId="2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2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2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2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2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2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2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2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2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2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2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2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2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2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2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2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2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2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2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2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2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2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2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2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2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2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2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2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2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2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2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2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2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2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2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2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2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2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2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2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2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2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2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2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2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2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2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2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2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2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2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2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2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2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2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2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2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2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2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2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2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2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2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2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2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2"/>
  </si>
  <si>
    <t>年齢別・性別人口（地区別）</t>
    <rPh sb="0" eb="3">
      <t>ネンレイベツ</t>
    </rPh>
    <rPh sb="4" eb="6">
      <t>セイベツ</t>
    </rPh>
    <rPh sb="6" eb="8">
      <t>ジンコウ</t>
    </rPh>
    <rPh sb="9" eb="12">
      <t>チクベツ</t>
    </rPh>
    <phoneticPr fontId="2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2"/>
  </si>
  <si>
    <t>富山地域</t>
    <rPh sb="0" eb="2">
      <t>トヤマ</t>
    </rPh>
    <rPh sb="2" eb="4">
      <t>チイキ</t>
    </rPh>
    <phoneticPr fontId="2"/>
  </si>
  <si>
    <t>大沢野地域</t>
    <rPh sb="0" eb="3">
      <t>オオサワノ</t>
    </rPh>
    <rPh sb="3" eb="5">
      <t>チイキ</t>
    </rPh>
    <phoneticPr fontId="2"/>
  </si>
  <si>
    <t>総曲輪</t>
    <rPh sb="0" eb="3">
      <t>ソウガワ</t>
    </rPh>
    <phoneticPr fontId="2"/>
  </si>
  <si>
    <t>下タ</t>
    <rPh sb="0" eb="1">
      <t>シタ</t>
    </rPh>
    <phoneticPr fontId="2"/>
  </si>
  <si>
    <t>愛宕</t>
    <rPh sb="0" eb="2">
      <t>アタゴ</t>
    </rPh>
    <phoneticPr fontId="2"/>
  </si>
  <si>
    <t>小羽</t>
    <rPh sb="0" eb="1">
      <t>チイ</t>
    </rPh>
    <rPh sb="1" eb="2">
      <t>ハネ</t>
    </rPh>
    <phoneticPr fontId="2"/>
  </si>
  <si>
    <t>安野屋</t>
    <rPh sb="0" eb="3">
      <t>ヤスノヤ</t>
    </rPh>
    <phoneticPr fontId="2"/>
  </si>
  <si>
    <t>船峅</t>
    <rPh sb="0" eb="2">
      <t>フナクラ</t>
    </rPh>
    <phoneticPr fontId="2"/>
  </si>
  <si>
    <t>八人町</t>
    <rPh sb="0" eb="3">
      <t>ハチニンマチ</t>
    </rPh>
    <phoneticPr fontId="2"/>
  </si>
  <si>
    <t>大沢野</t>
    <rPh sb="0" eb="3">
      <t>オオサワノ</t>
    </rPh>
    <phoneticPr fontId="2"/>
  </si>
  <si>
    <t>五番町</t>
    <rPh sb="0" eb="3">
      <t>ゴバンマチ</t>
    </rPh>
    <phoneticPr fontId="2"/>
  </si>
  <si>
    <t>大久保</t>
    <rPh sb="0" eb="3">
      <t>オオクボ</t>
    </rPh>
    <phoneticPr fontId="2"/>
  </si>
  <si>
    <t>柳町</t>
    <rPh sb="0" eb="2">
      <t>ヤナギマチ</t>
    </rPh>
    <phoneticPr fontId="2"/>
  </si>
  <si>
    <t>大沢野地域（合計）</t>
    <rPh sb="0" eb="3">
      <t>オオサワノ</t>
    </rPh>
    <rPh sb="3" eb="5">
      <t>チイキ</t>
    </rPh>
    <rPh sb="6" eb="8">
      <t>ゴウケイ</t>
    </rPh>
    <phoneticPr fontId="2"/>
  </si>
  <si>
    <t>清水町</t>
    <rPh sb="0" eb="3">
      <t>シミズマチ</t>
    </rPh>
    <phoneticPr fontId="2"/>
  </si>
  <si>
    <t>星井町</t>
    <rPh sb="0" eb="3">
      <t>ホシイマチ</t>
    </rPh>
    <phoneticPr fontId="2"/>
  </si>
  <si>
    <t>大山地域</t>
    <rPh sb="0" eb="2">
      <t>オオヤマ</t>
    </rPh>
    <rPh sb="2" eb="4">
      <t>チイキ</t>
    </rPh>
    <phoneticPr fontId="2"/>
  </si>
  <si>
    <t>西田地方</t>
    <rPh sb="0" eb="4">
      <t>ニシデンジガタ</t>
    </rPh>
    <phoneticPr fontId="2"/>
  </si>
  <si>
    <t>上滝</t>
    <rPh sb="0" eb="2">
      <t>カミダキ</t>
    </rPh>
    <phoneticPr fontId="2"/>
  </si>
  <si>
    <t>堀川</t>
    <rPh sb="0" eb="2">
      <t>ホリカワ</t>
    </rPh>
    <phoneticPr fontId="2"/>
  </si>
  <si>
    <t>大山</t>
    <rPh sb="0" eb="2">
      <t>オオヤマ</t>
    </rPh>
    <phoneticPr fontId="2"/>
  </si>
  <si>
    <t>堀川南</t>
    <rPh sb="0" eb="2">
      <t>ホリカワ</t>
    </rPh>
    <rPh sb="2" eb="3">
      <t>ミナミ</t>
    </rPh>
    <phoneticPr fontId="2"/>
  </si>
  <si>
    <t>大庄</t>
    <rPh sb="0" eb="2">
      <t>ダイショウ</t>
    </rPh>
    <phoneticPr fontId="2"/>
  </si>
  <si>
    <t>東部</t>
    <rPh sb="0" eb="2">
      <t>トウブ</t>
    </rPh>
    <phoneticPr fontId="2"/>
  </si>
  <si>
    <t>福沢</t>
    <rPh sb="0" eb="2">
      <t>フクサワ</t>
    </rPh>
    <phoneticPr fontId="2"/>
  </si>
  <si>
    <t>奥田</t>
    <rPh sb="0" eb="2">
      <t>オクダ</t>
    </rPh>
    <phoneticPr fontId="2"/>
  </si>
  <si>
    <t>大山地域（合計）</t>
    <rPh sb="0" eb="2">
      <t>オオヤマ</t>
    </rPh>
    <rPh sb="2" eb="4">
      <t>チイキ</t>
    </rPh>
    <rPh sb="5" eb="7">
      <t>ゴウケイ</t>
    </rPh>
    <phoneticPr fontId="2"/>
  </si>
  <si>
    <t>奥田北</t>
    <rPh sb="0" eb="3">
      <t>オクダキタ</t>
    </rPh>
    <phoneticPr fontId="2"/>
  </si>
  <si>
    <t>桜谷</t>
    <rPh sb="0" eb="2">
      <t>サクラタニ</t>
    </rPh>
    <phoneticPr fontId="2"/>
  </si>
  <si>
    <t>八尾地域</t>
    <rPh sb="0" eb="4">
      <t>ヤツオチイキ</t>
    </rPh>
    <phoneticPr fontId="2"/>
  </si>
  <si>
    <t>五福</t>
    <rPh sb="0" eb="2">
      <t>ゴフク</t>
    </rPh>
    <phoneticPr fontId="2"/>
  </si>
  <si>
    <t>八尾</t>
    <rPh sb="0" eb="2">
      <t>ヤツオ</t>
    </rPh>
    <phoneticPr fontId="2"/>
  </si>
  <si>
    <t>神明</t>
    <rPh sb="0" eb="2">
      <t>シンメイ</t>
    </rPh>
    <phoneticPr fontId="2"/>
  </si>
  <si>
    <t>保内</t>
    <rPh sb="0" eb="2">
      <t>ヤスウチ</t>
    </rPh>
    <phoneticPr fontId="2"/>
  </si>
  <si>
    <t>岩瀬</t>
    <rPh sb="0" eb="2">
      <t>イワセ</t>
    </rPh>
    <phoneticPr fontId="2"/>
  </si>
  <si>
    <t>杉原</t>
    <rPh sb="0" eb="2">
      <t>スギハラ</t>
    </rPh>
    <phoneticPr fontId="2"/>
  </si>
  <si>
    <t>萩浦</t>
    <rPh sb="0" eb="1">
      <t>ハギ</t>
    </rPh>
    <rPh sb="1" eb="2">
      <t>ウラ</t>
    </rPh>
    <phoneticPr fontId="2"/>
  </si>
  <si>
    <t>卯花</t>
    <rPh sb="0" eb="2">
      <t>ウノハナ</t>
    </rPh>
    <phoneticPr fontId="2"/>
  </si>
  <si>
    <t>大広田</t>
    <rPh sb="0" eb="3">
      <t>オオヒロタ</t>
    </rPh>
    <phoneticPr fontId="2"/>
  </si>
  <si>
    <t>室牧</t>
    <rPh sb="0" eb="2">
      <t>ムロマキ</t>
    </rPh>
    <phoneticPr fontId="2"/>
  </si>
  <si>
    <t>浜黒崎</t>
    <rPh sb="0" eb="3">
      <t>ハマクロサキ</t>
    </rPh>
    <phoneticPr fontId="2"/>
  </si>
  <si>
    <t>黒瀬谷</t>
    <rPh sb="0" eb="3">
      <t>クロセタニ</t>
    </rPh>
    <phoneticPr fontId="2"/>
  </si>
  <si>
    <t>針原</t>
    <rPh sb="0" eb="2">
      <t>ハリハラ</t>
    </rPh>
    <phoneticPr fontId="2"/>
  </si>
  <si>
    <t>野積</t>
    <rPh sb="0" eb="2">
      <t>ノヅ</t>
    </rPh>
    <phoneticPr fontId="2"/>
  </si>
  <si>
    <t>豊田</t>
    <rPh sb="0" eb="2">
      <t>トヨタ</t>
    </rPh>
    <phoneticPr fontId="2"/>
  </si>
  <si>
    <t>仁歩</t>
    <rPh sb="0" eb="1">
      <t>ニ</t>
    </rPh>
    <rPh sb="1" eb="2">
      <t>アル</t>
    </rPh>
    <phoneticPr fontId="2"/>
  </si>
  <si>
    <t>広田</t>
    <rPh sb="0" eb="2">
      <t>ヒロタ</t>
    </rPh>
    <phoneticPr fontId="2"/>
  </si>
  <si>
    <t>大長谷</t>
    <rPh sb="0" eb="3">
      <t>オオナガタニ</t>
    </rPh>
    <phoneticPr fontId="2"/>
  </si>
  <si>
    <t>新庄</t>
    <rPh sb="0" eb="2">
      <t>シンジョウ</t>
    </rPh>
    <phoneticPr fontId="2"/>
  </si>
  <si>
    <t>八尾地域（合計）</t>
    <rPh sb="0" eb="4">
      <t>ヤツオチイキ</t>
    </rPh>
    <rPh sb="5" eb="7">
      <t>ゴウケイ</t>
    </rPh>
    <phoneticPr fontId="2"/>
  </si>
  <si>
    <t>藤ノ木</t>
    <rPh sb="0" eb="1">
      <t>フジ</t>
    </rPh>
    <rPh sb="2" eb="3">
      <t>キ</t>
    </rPh>
    <phoneticPr fontId="2"/>
  </si>
  <si>
    <t>山室</t>
    <rPh sb="0" eb="2">
      <t>ヤマムロ</t>
    </rPh>
    <phoneticPr fontId="2"/>
  </si>
  <si>
    <t>婦中地域</t>
    <rPh sb="0" eb="2">
      <t>フチュウ</t>
    </rPh>
    <rPh sb="2" eb="4">
      <t>チイキ</t>
    </rPh>
    <phoneticPr fontId="2"/>
  </si>
  <si>
    <t>山室中部</t>
    <rPh sb="0" eb="4">
      <t>ヤマムロチュウブ</t>
    </rPh>
    <phoneticPr fontId="2"/>
  </si>
  <si>
    <t>速星</t>
    <rPh sb="0" eb="2">
      <t>ハヤホシ</t>
    </rPh>
    <phoneticPr fontId="2"/>
  </si>
  <si>
    <t>太田</t>
    <rPh sb="0" eb="2">
      <t>オオタ</t>
    </rPh>
    <phoneticPr fontId="2"/>
  </si>
  <si>
    <t>鵜坂</t>
    <rPh sb="0" eb="2">
      <t>ウサカ</t>
    </rPh>
    <phoneticPr fontId="2"/>
  </si>
  <si>
    <t>蜷川</t>
    <rPh sb="0" eb="2">
      <t>ニナガワ</t>
    </rPh>
    <phoneticPr fontId="2"/>
  </si>
  <si>
    <t>朝日</t>
    <rPh sb="0" eb="2">
      <t>アサヒ</t>
    </rPh>
    <phoneticPr fontId="2"/>
  </si>
  <si>
    <t>新保</t>
    <rPh sb="0" eb="2">
      <t>シンボ</t>
    </rPh>
    <phoneticPr fontId="2"/>
  </si>
  <si>
    <t>宮川</t>
    <rPh sb="0" eb="2">
      <t>ミヤガワ</t>
    </rPh>
    <phoneticPr fontId="2"/>
  </si>
  <si>
    <t>熊野</t>
    <rPh sb="0" eb="2">
      <t>クマノ</t>
    </rPh>
    <phoneticPr fontId="2"/>
  </si>
  <si>
    <t>婦中熊野</t>
    <rPh sb="0" eb="2">
      <t>フチュウ</t>
    </rPh>
    <rPh sb="2" eb="4">
      <t>クマノ</t>
    </rPh>
    <phoneticPr fontId="2"/>
  </si>
  <si>
    <t>月岡</t>
    <rPh sb="0" eb="2">
      <t>ツキオカ</t>
    </rPh>
    <phoneticPr fontId="2"/>
  </si>
  <si>
    <t>古里</t>
    <rPh sb="0" eb="2">
      <t>フルサト</t>
    </rPh>
    <phoneticPr fontId="2"/>
  </si>
  <si>
    <t>四方</t>
    <rPh sb="0" eb="2">
      <t>ヨカタ</t>
    </rPh>
    <phoneticPr fontId="2"/>
  </si>
  <si>
    <t>音川</t>
    <rPh sb="0" eb="2">
      <t>オトガワ</t>
    </rPh>
    <phoneticPr fontId="2"/>
  </si>
  <si>
    <t>八幡</t>
    <rPh sb="0" eb="2">
      <t>ハチマン</t>
    </rPh>
    <phoneticPr fontId="2"/>
  </si>
  <si>
    <t>神保</t>
    <rPh sb="0" eb="2">
      <t>シンボ</t>
    </rPh>
    <phoneticPr fontId="2"/>
  </si>
  <si>
    <t>草島</t>
    <rPh sb="0" eb="2">
      <t>クサジマ</t>
    </rPh>
    <phoneticPr fontId="2"/>
  </si>
  <si>
    <t>婦中地域（合計）</t>
    <rPh sb="0" eb="2">
      <t>フチュウ</t>
    </rPh>
    <rPh sb="2" eb="4">
      <t>チイキ</t>
    </rPh>
    <rPh sb="5" eb="7">
      <t>ゴウケイ</t>
    </rPh>
    <phoneticPr fontId="2"/>
  </si>
  <si>
    <t>倉垣</t>
    <rPh sb="0" eb="2">
      <t>クラガキ</t>
    </rPh>
    <phoneticPr fontId="2"/>
  </si>
  <si>
    <t>呉羽</t>
    <rPh sb="0" eb="2">
      <t>クレハ</t>
    </rPh>
    <phoneticPr fontId="2"/>
  </si>
  <si>
    <t>山田地域</t>
    <rPh sb="0" eb="4">
      <t>ヤマダチイキ</t>
    </rPh>
    <phoneticPr fontId="2"/>
  </si>
  <si>
    <t>長岡</t>
    <rPh sb="0" eb="2">
      <t>ナガオカ</t>
    </rPh>
    <phoneticPr fontId="2"/>
  </si>
  <si>
    <t>山田南部</t>
    <rPh sb="0" eb="2">
      <t>ヤマダ</t>
    </rPh>
    <rPh sb="2" eb="4">
      <t>ナンブ</t>
    </rPh>
    <phoneticPr fontId="2"/>
  </si>
  <si>
    <t>寒江</t>
    <rPh sb="0" eb="1">
      <t>サム</t>
    </rPh>
    <rPh sb="1" eb="2">
      <t>エ</t>
    </rPh>
    <phoneticPr fontId="2"/>
  </si>
  <si>
    <t>山田中部</t>
    <rPh sb="0" eb="2">
      <t>ヤマダ</t>
    </rPh>
    <rPh sb="2" eb="4">
      <t>チュウブ</t>
    </rPh>
    <phoneticPr fontId="2"/>
  </si>
  <si>
    <t>古沢</t>
    <rPh sb="0" eb="2">
      <t>フルサワ</t>
    </rPh>
    <phoneticPr fontId="2"/>
  </si>
  <si>
    <t>山田西部</t>
    <rPh sb="0" eb="2">
      <t>ヤマダ</t>
    </rPh>
    <rPh sb="2" eb="4">
      <t>セイブ</t>
    </rPh>
    <phoneticPr fontId="2"/>
  </si>
  <si>
    <t>老田</t>
    <rPh sb="0" eb="2">
      <t>オイダ</t>
    </rPh>
    <phoneticPr fontId="2"/>
  </si>
  <si>
    <t>山田東部</t>
    <rPh sb="0" eb="4">
      <t>ヤマダトウブ</t>
    </rPh>
    <phoneticPr fontId="2"/>
  </si>
  <si>
    <t>池多</t>
    <rPh sb="0" eb="2">
      <t>イケダ</t>
    </rPh>
    <phoneticPr fontId="2"/>
  </si>
  <si>
    <t>山田地域（合計）</t>
    <rPh sb="0" eb="4">
      <t>ヤマダチイキ</t>
    </rPh>
    <rPh sb="5" eb="7">
      <t>ゴウケイ</t>
    </rPh>
    <phoneticPr fontId="2"/>
  </si>
  <si>
    <t>水橋中部</t>
    <rPh sb="0" eb="2">
      <t>ミズハシ</t>
    </rPh>
    <rPh sb="2" eb="4">
      <t>チュウブ</t>
    </rPh>
    <phoneticPr fontId="2"/>
  </si>
  <si>
    <t>水橋西部</t>
    <rPh sb="0" eb="2">
      <t>ミズハシ</t>
    </rPh>
    <rPh sb="2" eb="4">
      <t>セイブ</t>
    </rPh>
    <phoneticPr fontId="2"/>
  </si>
  <si>
    <t>細入地域</t>
    <rPh sb="0" eb="2">
      <t>ホソイリ</t>
    </rPh>
    <rPh sb="2" eb="4">
      <t>チイキ</t>
    </rPh>
    <phoneticPr fontId="2"/>
  </si>
  <si>
    <t>水橋東部</t>
    <rPh sb="0" eb="2">
      <t>ミズハシ</t>
    </rPh>
    <rPh sb="2" eb="4">
      <t>トウブ</t>
    </rPh>
    <phoneticPr fontId="2"/>
  </si>
  <si>
    <t>細入北部</t>
    <rPh sb="0" eb="2">
      <t>ホソイリ</t>
    </rPh>
    <rPh sb="2" eb="4">
      <t>ホクブ</t>
    </rPh>
    <phoneticPr fontId="2"/>
  </si>
  <si>
    <t>三郷</t>
    <rPh sb="0" eb="2">
      <t>サンゴウ</t>
    </rPh>
    <phoneticPr fontId="2"/>
  </si>
  <si>
    <t>細入南部</t>
    <rPh sb="0" eb="2">
      <t>ホソイリ</t>
    </rPh>
    <rPh sb="2" eb="4">
      <t>ナンブ</t>
    </rPh>
    <phoneticPr fontId="2"/>
  </si>
  <si>
    <t>上条</t>
    <rPh sb="0" eb="1">
      <t>ウエ</t>
    </rPh>
    <rPh sb="1" eb="2">
      <t>ジョウ</t>
    </rPh>
    <phoneticPr fontId="2"/>
  </si>
  <si>
    <t>細入地域（合計）</t>
    <rPh sb="0" eb="2">
      <t>ホソイリ</t>
    </rPh>
    <rPh sb="2" eb="4">
      <t>チイキ</t>
    </rPh>
    <rPh sb="5" eb="7">
      <t>ゴウケイ</t>
    </rPh>
    <phoneticPr fontId="2"/>
  </si>
  <si>
    <t>光陽</t>
    <rPh sb="0" eb="2">
      <t>コウヨウ</t>
    </rPh>
    <phoneticPr fontId="2"/>
  </si>
  <si>
    <t>新庄北</t>
    <rPh sb="0" eb="3">
      <t>シンジョウキタ</t>
    </rPh>
    <phoneticPr fontId="2"/>
  </si>
  <si>
    <t>富山地域（合計）</t>
    <rPh sb="0" eb="4">
      <t>トヤマチイキ</t>
    </rPh>
    <rPh sb="5" eb="7">
      <t>ゴウケイ</t>
    </rPh>
    <phoneticPr fontId="2"/>
  </si>
  <si>
    <t xml:space="preserve">※世帯数が6世帯以下の校区については年齢別人口を公表しておりません。
また、7世帯以上の町丁において6世帯以下の町丁との関連で公表していないものがあります。 
人口計はすべての町丁において公表しています。   </t>
    <rPh sb="11" eb="13">
      <t>コウク</t>
    </rPh>
    <phoneticPr fontId="11"/>
  </si>
  <si>
    <t>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明朝"/>
      <family val="1"/>
    </font>
    <font>
      <sz val="11"/>
      <name val="ＭＳ 明朝"/>
      <family val="1"/>
    </font>
    <font>
      <sz val="6"/>
      <name val="ＭＳ 明朝"/>
      <family val="1"/>
    </font>
    <font>
      <sz val="14"/>
      <name val="ＭＳ 明朝"/>
      <family val="1"/>
    </font>
    <font>
      <sz val="12"/>
      <name val="ＭＳ 明朝"/>
      <family val="1"/>
    </font>
    <font>
      <u/>
      <sz val="11"/>
      <color theme="10"/>
      <name val="ＭＳ 明朝"/>
      <family val="1"/>
    </font>
    <font>
      <b/>
      <sz val="14"/>
      <name val="BIZ UD明朝 Medium"/>
      <family val="1"/>
    </font>
    <font>
      <sz val="6"/>
      <name val="ＭＳ Ｐ明朝"/>
      <family val="1"/>
      <charset val="128"/>
    </font>
    <font>
      <sz val="11"/>
      <name val="BIZ UD明朝 Medium"/>
      <family val="1"/>
    </font>
    <font>
      <b/>
      <sz val="11"/>
      <name val="BIZ UD明朝 Medium"/>
      <family val="1"/>
      <charset val="128"/>
    </font>
    <font>
      <u/>
      <sz val="11"/>
      <color theme="10"/>
      <name val="BIZ UD明朝 Medium"/>
      <family val="1"/>
    </font>
    <font>
      <sz val="6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0" fontId="5" fillId="0" borderId="0" applyNumberFormat="0" applyFill="0" applyBorder="0" applyAlignment="0" applyProtection="0"/>
    <xf numFmtId="38" fontId="1" fillId="0" borderId="0" applyFont="0" applyFill="0" applyBorder="0" applyAlignment="0" applyProtection="0"/>
  </cellStyleXfs>
  <cellXfs count="48">
    <xf numFmtId="0" fontId="0" fillId="0" borderId="0" xfId="0"/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1" xfId="0" applyFont="1" applyBorder="1" applyAlignment="1">
      <alignment horizontal="center" vertical="center"/>
    </xf>
    <xf numFmtId="38" fontId="1" fillId="0" borderId="2" xfId="1" applyFont="1" applyBorder="1" applyAlignment="1">
      <alignment horizontal="distributed" vertical="center"/>
    </xf>
    <xf numFmtId="38" fontId="1" fillId="0" borderId="3" xfId="1" applyFont="1" applyBorder="1" applyAlignment="1">
      <alignment horizontal="distributed" vertical="center"/>
    </xf>
    <xf numFmtId="38" fontId="1" fillId="0" borderId="3" xfId="1" applyFont="1" applyBorder="1" applyAlignment="1">
      <alignment horizontal="center" vertical="center"/>
    </xf>
    <xf numFmtId="38" fontId="1" fillId="0" borderId="4" xfId="1" applyFont="1" applyBorder="1" applyAlignment="1">
      <alignment horizontal="distributed" vertical="center"/>
    </xf>
    <xf numFmtId="0" fontId="4" fillId="0" borderId="5" xfId="0" applyFont="1" applyBorder="1" applyAlignment="1">
      <alignment horizontal="center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0" fontId="4" fillId="0" borderId="9" xfId="0" applyFont="1" applyBorder="1" applyAlignment="1">
      <alignment horizontal="center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0" fontId="4" fillId="0" borderId="13" xfId="0" applyFont="1" applyBorder="1" applyAlignment="1">
      <alignment horizontal="center" vertical="center"/>
    </xf>
    <xf numFmtId="38" fontId="1" fillId="0" borderId="14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0" fontId="4" fillId="0" borderId="17" xfId="0" applyFont="1" applyBorder="1" applyAlignment="1">
      <alignment horizontal="center"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4" fillId="0" borderId="21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38" fontId="1" fillId="0" borderId="23" xfId="1" applyFont="1" applyBorder="1" applyAlignment="1">
      <alignment vertical="center"/>
    </xf>
    <xf numFmtId="38" fontId="1" fillId="0" borderId="24" xfId="1" applyFont="1" applyBorder="1" applyAlignment="1">
      <alignment vertical="center"/>
    </xf>
    <xf numFmtId="38" fontId="1" fillId="0" borderId="25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26" xfId="1" applyFont="1" applyBorder="1" applyAlignment="1">
      <alignment vertical="center"/>
    </xf>
    <xf numFmtId="38" fontId="1" fillId="0" borderId="13" xfId="1" applyFont="1" applyBorder="1" applyAlignment="1">
      <alignment vertical="center"/>
    </xf>
    <xf numFmtId="38" fontId="1" fillId="0" borderId="27" xfId="1" applyFont="1" applyBorder="1" applyAlignment="1">
      <alignment vertical="center"/>
    </xf>
    <xf numFmtId="0" fontId="8" fillId="0" borderId="0" xfId="0" applyFont="1" applyAlignment="1">
      <alignment horizontal="right"/>
    </xf>
    <xf numFmtId="0" fontId="8" fillId="0" borderId="0" xfId="0" applyFont="1"/>
    <xf numFmtId="0" fontId="9" fillId="0" borderId="0" xfId="0" applyFont="1"/>
    <xf numFmtId="0" fontId="8" fillId="0" borderId="30" xfId="0" applyFont="1" applyBorder="1"/>
    <xf numFmtId="0" fontId="10" fillId="0" borderId="31" xfId="2" applyFont="1" applyBorder="1"/>
    <xf numFmtId="0" fontId="8" fillId="0" borderId="32" xfId="0" applyFont="1" applyBorder="1"/>
    <xf numFmtId="0" fontId="10" fillId="0" borderId="33" xfId="2" applyFont="1" applyBorder="1"/>
    <xf numFmtId="0" fontId="8" fillId="2" borderId="28" xfId="0" applyFont="1" applyFill="1" applyBorder="1" applyAlignment="1">
      <alignment horizontal="center"/>
    </xf>
    <xf numFmtId="0" fontId="8" fillId="2" borderId="29" xfId="0" applyFont="1" applyFill="1" applyBorder="1" applyAlignment="1">
      <alignment horizontal="center"/>
    </xf>
    <xf numFmtId="0" fontId="8" fillId="0" borderId="0" xfId="0" applyFont="1" applyAlignment="1">
      <alignment horizontal="left" vertical="center" wrapText="1"/>
    </xf>
    <xf numFmtId="0" fontId="6" fillId="0" borderId="0" xfId="0" applyFont="1" applyAlignment="1">
      <alignment horizont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0" xfId="0" applyAlignment="1"/>
    <xf numFmtId="0" fontId="4" fillId="0" borderId="0" xfId="0" applyFont="1" applyAlignment="1" applyProtection="1">
      <alignment horizontal="right" vertical="center"/>
      <protection locked="0"/>
    </xf>
  </cellXfs>
  <cellStyles count="4">
    <cellStyle name="ハイパーリンク" xfId="2" builtinId="8"/>
    <cellStyle name="桁区切り 2" xfId="3" xr:uid="{9EE188F9-34FF-422F-8E40-A33B93F1CF84}"/>
    <cellStyle name="桁区切り_HP2602（公表用）" xfId="1" xr:uid="{00000000-0005-0000-0000-000000000000}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標準">
  <a:themeElements>
    <a:clrScheme name="標準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標準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標準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9A3D84-C748-4132-ABDF-94715AE513CA}">
  <dimension ref="B1:H59"/>
  <sheetViews>
    <sheetView tabSelected="1" workbookViewId="0">
      <selection activeCell="B1" sqref="B1:E1"/>
    </sheetView>
  </sheetViews>
  <sheetFormatPr defaultColWidth="8.875" defaultRowHeight="13.5" x14ac:dyDescent="0.15"/>
  <cols>
    <col min="1" max="1" width="1.5" style="34" customWidth="1"/>
    <col min="2" max="2" width="4.625" style="34" customWidth="1"/>
    <col min="3" max="3" width="20.5" style="34" customWidth="1"/>
    <col min="4" max="4" width="8.875" style="34"/>
    <col min="5" max="5" width="4.625" style="34" customWidth="1"/>
    <col min="6" max="6" width="20.5" style="34" bestFit="1" customWidth="1"/>
    <col min="7" max="16384" width="8.875" style="34"/>
  </cols>
  <sheetData>
    <row r="1" spans="2:6" ht="23.45" customHeight="1" x14ac:dyDescent="0.15">
      <c r="B1" s="43" t="s">
        <v>120</v>
      </c>
      <c r="C1" s="43"/>
      <c r="D1" s="43"/>
      <c r="E1" s="43"/>
      <c r="F1" s="33" t="s">
        <v>49</v>
      </c>
    </row>
    <row r="2" spans="2:6" ht="14.25" thickBot="1" x14ac:dyDescent="0.2">
      <c r="B2" s="35"/>
      <c r="C2" s="34" t="s">
        <v>121</v>
      </c>
    </row>
    <row r="3" spans="2:6" x14ac:dyDescent="0.15">
      <c r="B3" s="40" t="s">
        <v>122</v>
      </c>
      <c r="C3" s="41"/>
      <c r="E3" s="40" t="s">
        <v>123</v>
      </c>
      <c r="F3" s="41"/>
    </row>
    <row r="4" spans="2:6" x14ac:dyDescent="0.15">
      <c r="B4" s="36">
        <v>1</v>
      </c>
      <c r="C4" s="37" t="s">
        <v>124</v>
      </c>
      <c r="E4" s="36">
        <v>101</v>
      </c>
      <c r="F4" s="37" t="s">
        <v>125</v>
      </c>
    </row>
    <row r="5" spans="2:6" x14ac:dyDescent="0.15">
      <c r="B5" s="36">
        <v>2</v>
      </c>
      <c r="C5" s="37" t="s">
        <v>126</v>
      </c>
      <c r="E5" s="36">
        <v>102</v>
      </c>
      <c r="F5" s="37" t="s">
        <v>127</v>
      </c>
    </row>
    <row r="6" spans="2:6" x14ac:dyDescent="0.15">
      <c r="B6" s="36">
        <v>3</v>
      </c>
      <c r="C6" s="37" t="s">
        <v>128</v>
      </c>
      <c r="E6" s="36">
        <v>103</v>
      </c>
      <c r="F6" s="37" t="s">
        <v>129</v>
      </c>
    </row>
    <row r="7" spans="2:6" x14ac:dyDescent="0.15">
      <c r="B7" s="36">
        <v>4</v>
      </c>
      <c r="C7" s="37" t="s">
        <v>130</v>
      </c>
      <c r="E7" s="36">
        <v>104</v>
      </c>
      <c r="F7" s="37" t="s">
        <v>131</v>
      </c>
    </row>
    <row r="8" spans="2:6" x14ac:dyDescent="0.15">
      <c r="B8" s="36">
        <v>5</v>
      </c>
      <c r="C8" s="37" t="s">
        <v>132</v>
      </c>
      <c r="E8" s="36">
        <v>105</v>
      </c>
      <c r="F8" s="37" t="s">
        <v>133</v>
      </c>
    </row>
    <row r="9" spans="2:6" ht="14.25" thickBot="1" x14ac:dyDescent="0.2">
      <c r="B9" s="36">
        <v>6</v>
      </c>
      <c r="C9" s="37" t="s">
        <v>134</v>
      </c>
      <c r="E9" s="38">
        <v>199</v>
      </c>
      <c r="F9" s="39" t="s">
        <v>135</v>
      </c>
    </row>
    <row r="10" spans="2:6" ht="14.25" thickBot="1" x14ac:dyDescent="0.2">
      <c r="B10" s="36">
        <v>7</v>
      </c>
      <c r="C10" s="37" t="s">
        <v>136</v>
      </c>
    </row>
    <row r="11" spans="2:6" x14ac:dyDescent="0.15">
      <c r="B11" s="36">
        <v>8</v>
      </c>
      <c r="C11" s="37" t="s">
        <v>137</v>
      </c>
      <c r="E11" s="40" t="s">
        <v>138</v>
      </c>
      <c r="F11" s="41"/>
    </row>
    <row r="12" spans="2:6" x14ac:dyDescent="0.15">
      <c r="B12" s="36">
        <v>9</v>
      </c>
      <c r="C12" s="37" t="s">
        <v>139</v>
      </c>
      <c r="E12" s="36">
        <v>201</v>
      </c>
      <c r="F12" s="37" t="s">
        <v>140</v>
      </c>
    </row>
    <row r="13" spans="2:6" x14ac:dyDescent="0.15">
      <c r="B13" s="36">
        <v>10</v>
      </c>
      <c r="C13" s="37" t="s">
        <v>141</v>
      </c>
      <c r="E13" s="36">
        <v>202</v>
      </c>
      <c r="F13" s="37" t="s">
        <v>142</v>
      </c>
    </row>
    <row r="14" spans="2:6" x14ac:dyDescent="0.15">
      <c r="B14" s="36">
        <v>11</v>
      </c>
      <c r="C14" s="37" t="s">
        <v>143</v>
      </c>
      <c r="E14" s="36">
        <v>203</v>
      </c>
      <c r="F14" s="37" t="s">
        <v>144</v>
      </c>
    </row>
    <row r="15" spans="2:6" x14ac:dyDescent="0.15">
      <c r="B15" s="36">
        <v>12</v>
      </c>
      <c r="C15" s="37" t="s">
        <v>145</v>
      </c>
      <c r="E15" s="36">
        <v>204</v>
      </c>
      <c r="F15" s="37" t="s">
        <v>146</v>
      </c>
    </row>
    <row r="16" spans="2:6" ht="14.25" thickBot="1" x14ac:dyDescent="0.2">
      <c r="B16" s="36">
        <v>13</v>
      </c>
      <c r="C16" s="37" t="s">
        <v>147</v>
      </c>
      <c r="E16" s="38">
        <v>299</v>
      </c>
      <c r="F16" s="39" t="s">
        <v>148</v>
      </c>
    </row>
    <row r="17" spans="2:6" ht="14.25" thickBot="1" x14ac:dyDescent="0.2">
      <c r="B17" s="36">
        <v>14</v>
      </c>
      <c r="C17" s="37" t="s">
        <v>149</v>
      </c>
    </row>
    <row r="18" spans="2:6" x14ac:dyDescent="0.15">
      <c r="B18" s="36">
        <v>15</v>
      </c>
      <c r="C18" s="37" t="s">
        <v>150</v>
      </c>
      <c r="E18" s="40" t="s">
        <v>151</v>
      </c>
      <c r="F18" s="41"/>
    </row>
    <row r="19" spans="2:6" x14ac:dyDescent="0.15">
      <c r="B19" s="36">
        <v>16</v>
      </c>
      <c r="C19" s="37" t="s">
        <v>152</v>
      </c>
      <c r="E19" s="36">
        <v>301</v>
      </c>
      <c r="F19" s="37" t="s">
        <v>153</v>
      </c>
    </row>
    <row r="20" spans="2:6" x14ac:dyDescent="0.15">
      <c r="B20" s="36">
        <v>17</v>
      </c>
      <c r="C20" s="37" t="s">
        <v>154</v>
      </c>
      <c r="E20" s="36">
        <v>302</v>
      </c>
      <c r="F20" s="37" t="s">
        <v>155</v>
      </c>
    </row>
    <row r="21" spans="2:6" x14ac:dyDescent="0.15">
      <c r="B21" s="36">
        <v>18</v>
      </c>
      <c r="C21" s="37" t="s">
        <v>156</v>
      </c>
      <c r="E21" s="36">
        <v>303</v>
      </c>
      <c r="F21" s="37" t="s">
        <v>157</v>
      </c>
    </row>
    <row r="22" spans="2:6" x14ac:dyDescent="0.15">
      <c r="B22" s="36">
        <v>19</v>
      </c>
      <c r="C22" s="37" t="s">
        <v>158</v>
      </c>
      <c r="E22" s="36">
        <v>304</v>
      </c>
      <c r="F22" s="37" t="s">
        <v>159</v>
      </c>
    </row>
    <row r="23" spans="2:6" x14ac:dyDescent="0.15">
      <c r="B23" s="36">
        <v>20</v>
      </c>
      <c r="C23" s="37" t="s">
        <v>160</v>
      </c>
      <c r="E23" s="36">
        <v>305</v>
      </c>
      <c r="F23" s="37" t="s">
        <v>161</v>
      </c>
    </row>
    <row r="24" spans="2:6" x14ac:dyDescent="0.15">
      <c r="B24" s="36">
        <v>21</v>
      </c>
      <c r="C24" s="37" t="s">
        <v>162</v>
      </c>
      <c r="E24" s="36">
        <v>306</v>
      </c>
      <c r="F24" s="37" t="s">
        <v>163</v>
      </c>
    </row>
    <row r="25" spans="2:6" x14ac:dyDescent="0.15">
      <c r="B25" s="36">
        <v>22</v>
      </c>
      <c r="C25" s="37" t="s">
        <v>164</v>
      </c>
      <c r="E25" s="36">
        <v>307</v>
      </c>
      <c r="F25" s="37" t="s">
        <v>165</v>
      </c>
    </row>
    <row r="26" spans="2:6" x14ac:dyDescent="0.15">
      <c r="B26" s="36">
        <v>23</v>
      </c>
      <c r="C26" s="37" t="s">
        <v>166</v>
      </c>
      <c r="E26" s="36">
        <v>308</v>
      </c>
      <c r="F26" s="37" t="s">
        <v>167</v>
      </c>
    </row>
    <row r="27" spans="2:6" x14ac:dyDescent="0.15">
      <c r="B27" s="36">
        <v>24</v>
      </c>
      <c r="C27" s="37" t="s">
        <v>168</v>
      </c>
      <c r="E27" s="36">
        <v>309</v>
      </c>
      <c r="F27" s="37" t="s">
        <v>169</v>
      </c>
    </row>
    <row r="28" spans="2:6" ht="14.25" thickBot="1" x14ac:dyDescent="0.2">
      <c r="B28" s="36">
        <v>25</v>
      </c>
      <c r="C28" s="37" t="s">
        <v>170</v>
      </c>
      <c r="E28" s="38">
        <v>399</v>
      </c>
      <c r="F28" s="39" t="s">
        <v>171</v>
      </c>
    </row>
    <row r="29" spans="2:6" ht="14.25" thickBot="1" x14ac:dyDescent="0.2">
      <c r="B29" s="36">
        <v>26</v>
      </c>
      <c r="C29" s="37" t="s">
        <v>172</v>
      </c>
    </row>
    <row r="30" spans="2:6" x14ac:dyDescent="0.15">
      <c r="B30" s="36">
        <v>27</v>
      </c>
      <c r="C30" s="37" t="s">
        <v>173</v>
      </c>
      <c r="E30" s="40" t="s">
        <v>174</v>
      </c>
      <c r="F30" s="41"/>
    </row>
    <row r="31" spans="2:6" x14ac:dyDescent="0.15">
      <c r="B31" s="36">
        <v>28</v>
      </c>
      <c r="C31" s="37" t="s">
        <v>175</v>
      </c>
      <c r="E31" s="36">
        <v>401</v>
      </c>
      <c r="F31" s="37" t="s">
        <v>176</v>
      </c>
    </row>
    <row r="32" spans="2:6" x14ac:dyDescent="0.15">
      <c r="B32" s="36">
        <v>29</v>
      </c>
      <c r="C32" s="37" t="s">
        <v>177</v>
      </c>
      <c r="E32" s="36">
        <v>402</v>
      </c>
      <c r="F32" s="37" t="s">
        <v>178</v>
      </c>
    </row>
    <row r="33" spans="2:6" x14ac:dyDescent="0.15">
      <c r="B33" s="36">
        <v>30</v>
      </c>
      <c r="C33" s="37" t="s">
        <v>179</v>
      </c>
      <c r="E33" s="36">
        <v>403</v>
      </c>
      <c r="F33" s="37" t="s">
        <v>180</v>
      </c>
    </row>
    <row r="34" spans="2:6" x14ac:dyDescent="0.15">
      <c r="B34" s="36">
        <v>31</v>
      </c>
      <c r="C34" s="37" t="s">
        <v>181</v>
      </c>
      <c r="E34" s="36">
        <v>404</v>
      </c>
      <c r="F34" s="37" t="s">
        <v>182</v>
      </c>
    </row>
    <row r="35" spans="2:6" x14ac:dyDescent="0.15">
      <c r="B35" s="36">
        <v>32</v>
      </c>
      <c r="C35" s="37" t="s">
        <v>183</v>
      </c>
      <c r="E35" s="36">
        <v>405</v>
      </c>
      <c r="F35" s="37" t="s">
        <v>184</v>
      </c>
    </row>
    <row r="36" spans="2:6" x14ac:dyDescent="0.15">
      <c r="B36" s="36">
        <v>33</v>
      </c>
      <c r="C36" s="37" t="s">
        <v>185</v>
      </c>
      <c r="E36" s="36">
        <v>406</v>
      </c>
      <c r="F36" s="37" t="s">
        <v>186</v>
      </c>
    </row>
    <row r="37" spans="2:6" x14ac:dyDescent="0.15">
      <c r="B37" s="36">
        <v>34</v>
      </c>
      <c r="C37" s="37" t="s">
        <v>187</v>
      </c>
      <c r="E37" s="36">
        <v>407</v>
      </c>
      <c r="F37" s="37" t="s">
        <v>188</v>
      </c>
    </row>
    <row r="38" spans="2:6" x14ac:dyDescent="0.15">
      <c r="B38" s="36">
        <v>35</v>
      </c>
      <c r="C38" s="37" t="s">
        <v>189</v>
      </c>
      <c r="E38" s="36">
        <v>408</v>
      </c>
      <c r="F38" s="37" t="s">
        <v>190</v>
      </c>
    </row>
    <row r="39" spans="2:6" ht="14.25" thickBot="1" x14ac:dyDescent="0.2">
      <c r="B39" s="36">
        <v>36</v>
      </c>
      <c r="C39" s="37" t="s">
        <v>191</v>
      </c>
      <c r="E39" s="38">
        <v>499</v>
      </c>
      <c r="F39" s="39" t="s">
        <v>192</v>
      </c>
    </row>
    <row r="40" spans="2:6" ht="14.25" thickBot="1" x14ac:dyDescent="0.2">
      <c r="B40" s="36">
        <v>37</v>
      </c>
      <c r="C40" s="37" t="s">
        <v>193</v>
      </c>
    </row>
    <row r="41" spans="2:6" x14ac:dyDescent="0.15">
      <c r="B41" s="36">
        <v>38</v>
      </c>
      <c r="C41" s="37" t="s">
        <v>194</v>
      </c>
      <c r="E41" s="40" t="s">
        <v>195</v>
      </c>
      <c r="F41" s="41"/>
    </row>
    <row r="42" spans="2:6" x14ac:dyDescent="0.15">
      <c r="B42" s="36">
        <v>39</v>
      </c>
      <c r="C42" s="37" t="s">
        <v>196</v>
      </c>
      <c r="E42" s="36">
        <v>501</v>
      </c>
      <c r="F42" s="37" t="s">
        <v>197</v>
      </c>
    </row>
    <row r="43" spans="2:6" x14ac:dyDescent="0.15">
      <c r="B43" s="36">
        <v>40</v>
      </c>
      <c r="C43" s="37" t="s">
        <v>198</v>
      </c>
      <c r="E43" s="36">
        <v>502</v>
      </c>
      <c r="F43" s="37" t="s">
        <v>199</v>
      </c>
    </row>
    <row r="44" spans="2:6" x14ac:dyDescent="0.15">
      <c r="B44" s="36">
        <v>41</v>
      </c>
      <c r="C44" s="37" t="s">
        <v>200</v>
      </c>
      <c r="E44" s="36">
        <v>503</v>
      </c>
      <c r="F44" s="37" t="s">
        <v>201</v>
      </c>
    </row>
    <row r="45" spans="2:6" x14ac:dyDescent="0.15">
      <c r="B45" s="36">
        <v>42</v>
      </c>
      <c r="C45" s="37" t="s">
        <v>202</v>
      </c>
      <c r="E45" s="36">
        <v>504</v>
      </c>
      <c r="F45" s="37" t="s">
        <v>203</v>
      </c>
    </row>
    <row r="46" spans="2:6" ht="14.25" thickBot="1" x14ac:dyDescent="0.2">
      <c r="B46" s="36">
        <v>43</v>
      </c>
      <c r="C46" s="37" t="s">
        <v>204</v>
      </c>
      <c r="E46" s="38">
        <v>599</v>
      </c>
      <c r="F46" s="39" t="s">
        <v>205</v>
      </c>
    </row>
    <row r="47" spans="2:6" ht="14.25" thickBot="1" x14ac:dyDescent="0.2">
      <c r="B47" s="36">
        <v>44</v>
      </c>
      <c r="C47" s="37" t="s">
        <v>206</v>
      </c>
    </row>
    <row r="48" spans="2:6" x14ac:dyDescent="0.15">
      <c r="B48" s="36">
        <v>45</v>
      </c>
      <c r="C48" s="37" t="s">
        <v>207</v>
      </c>
      <c r="E48" s="40" t="s">
        <v>208</v>
      </c>
      <c r="F48" s="41"/>
    </row>
    <row r="49" spans="2:8" x14ac:dyDescent="0.15">
      <c r="B49" s="36">
        <v>46</v>
      </c>
      <c r="C49" s="37" t="s">
        <v>209</v>
      </c>
      <c r="E49" s="36">
        <v>601</v>
      </c>
      <c r="F49" s="37" t="s">
        <v>210</v>
      </c>
    </row>
    <row r="50" spans="2:8" x14ac:dyDescent="0.15">
      <c r="B50" s="36">
        <v>47</v>
      </c>
      <c r="C50" s="37" t="s">
        <v>211</v>
      </c>
      <c r="E50" s="36">
        <v>602</v>
      </c>
      <c r="F50" s="37" t="s">
        <v>212</v>
      </c>
    </row>
    <row r="51" spans="2:8" ht="14.25" thickBot="1" x14ac:dyDescent="0.2">
      <c r="B51" s="36">
        <v>48</v>
      </c>
      <c r="C51" s="37" t="s">
        <v>213</v>
      </c>
      <c r="E51" s="38">
        <v>699</v>
      </c>
      <c r="F51" s="39" t="s">
        <v>214</v>
      </c>
    </row>
    <row r="52" spans="2:8" x14ac:dyDescent="0.15">
      <c r="B52" s="36">
        <v>49</v>
      </c>
      <c r="C52" s="37" t="s">
        <v>215</v>
      </c>
    </row>
    <row r="53" spans="2:8" x14ac:dyDescent="0.15">
      <c r="B53" s="36">
        <v>50</v>
      </c>
      <c r="C53" s="37" t="s">
        <v>216</v>
      </c>
    </row>
    <row r="54" spans="2:8" ht="14.25" thickBot="1" x14ac:dyDescent="0.2">
      <c r="B54" s="38">
        <v>99</v>
      </c>
      <c r="C54" s="39" t="s">
        <v>217</v>
      </c>
    </row>
    <row r="57" spans="2:8" x14ac:dyDescent="0.15">
      <c r="B57" s="42" t="s">
        <v>218</v>
      </c>
      <c r="C57" s="42"/>
      <c r="D57" s="42"/>
      <c r="E57" s="42"/>
      <c r="F57" s="42"/>
      <c r="G57" s="42"/>
      <c r="H57" s="42"/>
    </row>
    <row r="58" spans="2:8" x14ac:dyDescent="0.15">
      <c r="B58" s="42"/>
      <c r="C58" s="42"/>
      <c r="D58" s="42"/>
      <c r="E58" s="42"/>
      <c r="F58" s="42"/>
      <c r="G58" s="42"/>
      <c r="H58" s="42"/>
    </row>
    <row r="59" spans="2:8" x14ac:dyDescent="0.15">
      <c r="B59" s="42"/>
      <c r="C59" s="42"/>
      <c r="D59" s="42"/>
      <c r="E59" s="42"/>
      <c r="F59" s="42"/>
      <c r="G59" s="42"/>
      <c r="H59" s="42"/>
    </row>
  </sheetData>
  <mergeCells count="9">
    <mergeCell ref="E41:F41"/>
    <mergeCell ref="E48:F48"/>
    <mergeCell ref="B57:H59"/>
    <mergeCell ref="B1:E1"/>
    <mergeCell ref="B3:C3"/>
    <mergeCell ref="E3:F3"/>
    <mergeCell ref="E11:F11"/>
    <mergeCell ref="E18:F18"/>
    <mergeCell ref="E30:F30"/>
  </mergeCells>
  <phoneticPr fontId="7"/>
  <hyperlinks>
    <hyperlink ref="C5" location="'年齢別・性別人口(02愛宕)'!A1" display="愛宕" xr:uid="{5FBED2E2-9D89-404D-8033-146099BD0C7B}"/>
    <hyperlink ref="C6" location="'年齢別・性別人口(03安野屋)'!A1" display="安野屋" xr:uid="{6DAE7C42-3B1B-4D15-AC51-155164569B89}"/>
    <hyperlink ref="C7" location="'年齢別・性別人口(04八人町)'!A1" display="八人町" xr:uid="{0B03ADC4-2D63-42DD-A14F-74B6465F1AEF}"/>
    <hyperlink ref="C8" location="'年齢別・性別人口(05五番町)'!A1" display="五番町" xr:uid="{73741187-5461-4DCF-8CBA-2F72CBB2884F}"/>
    <hyperlink ref="C9" location="'年齢別・性別人口(06柳町)'!A1" display="柳町" xr:uid="{52FE97BE-58D5-479C-8DAD-DD964F33DD6D}"/>
    <hyperlink ref="C10" location="'年齢別・性別人口(07清水町)'!A1" display="清水町" xr:uid="{B894DD8F-84E4-4337-BC35-087E19A4DB90}"/>
    <hyperlink ref="C11" location="'年齢別・性別人口(08星井町)'!A1" display="星井町" xr:uid="{592EDFC0-B8AA-4F53-84C0-7E780F1BD720}"/>
    <hyperlink ref="C12" location="'年齢別・性別人口(09西田地方)'!A1" display="西田地方" xr:uid="{5031CBCF-E07F-4C56-8CD6-1E27ED9D6970}"/>
    <hyperlink ref="C13" location="'年齢別・性別人口(10堀川)'!A1" display="堀川" xr:uid="{3EE87F9F-DAAD-4A12-823F-8937BC6C1365}"/>
    <hyperlink ref="C14" location="'年齢別・性別人口(11堀川南)'!A1" display="堀川南" xr:uid="{82B6AAF9-FFFF-4ECC-ACC6-A4E24F764838}"/>
    <hyperlink ref="C15" location="'年齢別・性別人口(12東部)'!A1" display="東部" xr:uid="{D81915AB-3DD9-4321-A951-031BC1AC50CF}"/>
    <hyperlink ref="C16" location="'年齢別・性別人口(13奥田)'!A1" display="奥田" xr:uid="{7306B41D-AB5D-4872-B834-5F668CF30A0D}"/>
    <hyperlink ref="C17" location="'年齢別・性別人口(14奥田北)'!A1" display="奥田北" xr:uid="{E8EE90C8-C0E1-4501-B704-EC33990AA297}"/>
    <hyperlink ref="C19" location="'年齢別・性別人口(16五福)'!A1" display="五福" xr:uid="{E5965C1C-F80B-4DEA-8843-50699F8D1C8E}"/>
    <hyperlink ref="C20" location="'年齢別・性別人口(17神明)'!A1" display="神明" xr:uid="{AFB3D1C4-62FA-46AB-8F19-9451D6254E62}"/>
    <hyperlink ref="C21" location="'年齢別・性別人口(18岩瀬)'!A1" display="岩瀬" xr:uid="{862EEF75-EA35-4191-8AD3-8C5481733327}"/>
    <hyperlink ref="C22" location="'年齢別・性別人口(19萩浦)'!A1" display="萩浦" xr:uid="{52308A2B-C71D-45EE-A52D-3876E217A3D8}"/>
    <hyperlink ref="C23" location="'年齢別・性別人口(20大広田)'!A1" display="大広田" xr:uid="{375FAEE6-DA99-4F83-9C46-8355231DFBDF}"/>
    <hyperlink ref="C24" location="'年齢別・性別人口(21浜黒崎)'!A1" display="浜黒崎" xr:uid="{ECB551EB-F476-4A9A-9887-E82F2E06E8AE}"/>
    <hyperlink ref="C25" location="'年齢別・性別人口(22針原)'!A1" display="針原" xr:uid="{5F83BFFF-99B3-45F6-9A63-B48233441909}"/>
    <hyperlink ref="C26" location="'年齢別・性別人口(23豊田)'!A1" display="豊田" xr:uid="{3AAB537F-BD26-43F7-8720-48C831C2615C}"/>
    <hyperlink ref="C27" location="'年齢別・性別人口(24広田)'!A1" display="広田" xr:uid="{05269CF5-1AB6-4C49-953F-682913D81DD2}"/>
    <hyperlink ref="C28" location="'年齢別・性別人口(25新庄)'!A1" display="新庄" xr:uid="{ED402645-B659-43D6-9C1C-1FD4DEBEA346}"/>
    <hyperlink ref="C29" location="'年齢別・性別人口(26藤ノ木)'!A1" display="藤ノ木" xr:uid="{51EF20A8-4C52-47D6-9892-5521DF25FDE6}"/>
    <hyperlink ref="C30" location="'年齢別・性別人口(27山室)'!A1" display="山室" xr:uid="{5A564871-3A19-485F-B392-A93D83B9CDAB}"/>
    <hyperlink ref="C31" location="'年齢別・性別人口(28山室中部)'!A1" display="山室中部" xr:uid="{3252B81F-2FDD-4695-B30D-B3D892F6A15C}"/>
    <hyperlink ref="C32" location="'年齢別・性別人口(29太田)'!A1" display="太田" xr:uid="{7B607658-06B7-4562-B82B-86FA5B51FA3B}"/>
    <hyperlink ref="C33" location="'年齢別・性別人口(30蜷川)'!A1" display="蜷川" xr:uid="{0756F311-45EC-4AA2-B225-027DDBD5A976}"/>
    <hyperlink ref="C34" location="'年齢別・性別人口(31新保)'!A1" display="新保" xr:uid="{364A9023-8D7F-438A-9305-D9D8B9C45C8A}"/>
    <hyperlink ref="C35" location="'年齢別・性別人口(32熊野)'!A1" display="熊野" xr:uid="{39F13500-4099-4E47-A12F-F88B0F00921B}"/>
    <hyperlink ref="C36" location="'年齢別・性別人口(33月岡)'!A1" display="月岡" xr:uid="{571D6094-99F4-4D88-9081-A863718EE251}"/>
    <hyperlink ref="C37" location="'年齢別・性別人口(34四方)'!A1" display="四方" xr:uid="{844D6772-9D34-43FF-9092-7B94390BB937}"/>
    <hyperlink ref="C38" location="'年齢別・性別人口(35八幡)'!A1" display="八幡" xr:uid="{C4ED4397-7326-4175-92C4-AC766B2F3E51}"/>
    <hyperlink ref="C39" location="'年齢別・性別人口(36草島)'!A1" display="草島" xr:uid="{92C9D132-4A3D-4E2A-BA11-589D5F5DBAD0}"/>
    <hyperlink ref="C40" location="'年齢別・性別人口(37倉垣)'!A1" display="倉垣" xr:uid="{A11E2CCF-6BA7-45E1-88EB-9DE617D56B07}"/>
    <hyperlink ref="C41" location="'年齢別・性別人口(38呉羽)'!A1" display="呉羽" xr:uid="{37BD0782-CBE5-48CF-A11F-BE2CAC064EAB}"/>
    <hyperlink ref="C42" location="'年齢別・性別人口(39長岡)'!A1" display="長岡" xr:uid="{C50398A1-0732-4F7E-865D-F75CCC521A76}"/>
    <hyperlink ref="C43" location="'年齢別・性別人口(40寒江)'!A1" display="寒江" xr:uid="{4F795A8E-D8D5-4ABA-8852-A6870B9FC14D}"/>
    <hyperlink ref="C44" location="'年齢別・性別人口(41古沢)'!A1" display="古沢" xr:uid="{C53EAF54-00FC-4E67-BFCD-5762D808C048}"/>
    <hyperlink ref="C45" location="'年齢別・性別人口(42老田)'!A1" display="老田" xr:uid="{0B49672E-5258-4231-A398-367C830FE9C2}"/>
    <hyperlink ref="C46" location="'年齢別・性別人口(43池多)'!A1" display="池多" xr:uid="{B0B7D486-10E4-4284-8E42-DF386DB5C557}"/>
    <hyperlink ref="C47" location="'年齢別・性別人口(44水橋中部)'!A1" display="水橋中部" xr:uid="{47FF5FCB-6E86-4A3F-AB7D-58A3DE229E22}"/>
    <hyperlink ref="C48" location="'年齢別・性別人口(45水橋西部)'!A1" display="水橋西部" xr:uid="{6D71222E-FA72-44E3-BF55-DF74C6A9C38F}"/>
    <hyperlink ref="C49" location="'年齢別・性別人口(46水橋東部)'!A1" display="水橋東部" xr:uid="{727FAC44-2AE1-42B0-8148-F6A8051B7EDF}"/>
    <hyperlink ref="C50" location="'年齢別・性別人口(47三郷)'!A1" display="三郷" xr:uid="{9B559F81-AE05-45B0-842E-C576E08E75E4}"/>
    <hyperlink ref="C51" location="'年齢別・性別人口(48上条)'!A1" display="上条" xr:uid="{178C170F-7E9B-4565-A81F-37F984937048}"/>
    <hyperlink ref="C52" location="'年齢別・性別人口(49光陽)'!A1" display="光陽" xr:uid="{04ED182D-7676-4A2D-8043-FF0AAC0B8559}"/>
    <hyperlink ref="C53" location="'年齢別・性別人口(50新庄北）'!A1" display="新庄北" xr:uid="{EF7A6EBC-C8F6-4C75-9E19-F340C643FCEC}"/>
    <hyperlink ref="C54" location="'年齢別・性別人口(0099富山地域)'!A1" display="富山地域（合計）" xr:uid="{E3D4521B-B003-455F-89DF-509C2D58C62E}"/>
    <hyperlink ref="F4" location="'年齢別・性別人口0101下タ)'!A1" display="下タ" xr:uid="{C1E8EF4A-5A29-4BC1-94F4-C692F9DE04AD}"/>
    <hyperlink ref="F5" location="'年齢別・性別人口(0102小羽)'!A1" display="小羽" xr:uid="{D366B109-E3BE-449E-812F-AE7BD217A374}"/>
    <hyperlink ref="F6" location="'年齢別・性別人口(0103船峅)'!A1" display="船峅" xr:uid="{2A0973F7-DCBD-438E-97DF-3362E658524E}"/>
    <hyperlink ref="F7" location="'年齢別・性別人口(0104大沢野)'!A1" display="大沢野" xr:uid="{8E4889FF-845E-47D2-853B-45B84CD3A183}"/>
    <hyperlink ref="F8" location="'年齢別・性別人口(0105大久保)'!A1" display="大久保" xr:uid="{6748F72D-177C-458F-9E0A-850CD0D5FC05}"/>
    <hyperlink ref="F9" location="'年齢別・性別人口(0199大沢野地域)'!A1" display="大沢野地域（合計）" xr:uid="{6CEF98BB-B563-458B-8A3B-46662F50002D}"/>
    <hyperlink ref="F12" location="'年齢別・性別人口(0201上滝)'!A1" display="上滝" xr:uid="{0B7DE841-7044-4B94-B62D-1691B3BDC4A3}"/>
    <hyperlink ref="F13" location="'年齢別・性別人口(0202大山)'!A1" display="大山" xr:uid="{5EB1DCD3-7974-415D-9B06-F4086645E567}"/>
    <hyperlink ref="F14" location="'年齢別・性別人口(0203大庄)'!A1" display="大庄" xr:uid="{129DF862-CA9F-4D4E-B8B0-45038460CEED}"/>
    <hyperlink ref="F15" location="'年齢別・性別人口(0204福沢)'!A1" display="福沢" xr:uid="{36CDABD3-B422-43D1-A3B6-26B3E72EC3BC}"/>
    <hyperlink ref="F16" location="'年齢別・性別人口(0299大山地域)'!A1" display="大山地域（合計）" xr:uid="{21CB790D-A027-4ED9-B424-2E445827B50B}"/>
    <hyperlink ref="F19" location="'年齢別・性別人口(0301八尾)'!A1" display="八尾" xr:uid="{F7610753-0167-406A-BBCD-DBB6F4A45605}"/>
    <hyperlink ref="F20" location="'年齢別・性別人口(0302保内)'!A1" display="保内" xr:uid="{71842C55-E4E6-4E00-B1F9-95E72CA69D5E}"/>
    <hyperlink ref="F21" location="'年齢別・性別人口(0303杉原)'!A1" display="杉原" xr:uid="{265EFC4F-2BB2-4EDB-83FE-E62E7DFC1F58}"/>
    <hyperlink ref="F22" location="'年齢別・性別人口(0304卯花)'!A1" display="卯花" xr:uid="{59499E17-AD8D-46A0-8384-1AA6D03FF467}"/>
    <hyperlink ref="F23" location="'年齢別・性別人口(0305室牧)'!A1" display="室牧" xr:uid="{DBB13463-8B23-4C63-A374-C38016B460A3}"/>
    <hyperlink ref="F24" location="'年齢別・性別人口(0306黒瀬谷)'!A1" display="黒瀬谷" xr:uid="{FF4F96D5-46C7-4095-88D0-123585CD1EF5}"/>
    <hyperlink ref="F25" location="'年齢別・性別人口(0307野積)'!A1" display="野積" xr:uid="{E2912F92-60A8-4475-95FE-6BAD87D7D904}"/>
    <hyperlink ref="F26" location="'年齢別・性別人口(0308仁歩)'!A1" display="仁歩" xr:uid="{8A3D59AB-FA07-4B9C-8220-F412C23858E8}"/>
    <hyperlink ref="F27" location="'年齢別・性別人口(0309大長谷)'!A1" display="大長谷" xr:uid="{38A73376-C287-4DCA-A222-D6FCF2C9E665}"/>
    <hyperlink ref="F28" location="'年齢別・性別人口(0399八尾地域)'!A1" display="八尾地域（合計）" xr:uid="{9E86FB4C-B263-4ADB-AE4C-A167D6A4C8AD}"/>
    <hyperlink ref="F31" location="'年齢別・性別人口(0401速星)'!A1" display="速星" xr:uid="{EFD37965-E1F2-4556-9944-1726A22CA09B}"/>
    <hyperlink ref="F32" location="'年齢別・性別人口(0402鵜坂)'!A1" display="鵜坂" xr:uid="{BDD5D5B1-DEA3-405F-AE2C-90BA8F224476}"/>
    <hyperlink ref="F33" location="'年齢別・性別人口(0403朝日)'!A1" display="朝日" xr:uid="{0E29F03C-2519-4E85-9FC2-322CD9DB1213}"/>
    <hyperlink ref="F34" location="'年齢別・性別人口(0404宮川)'!A1" display="宮川" xr:uid="{44339D74-7456-46EC-A768-72B58271D45B}"/>
    <hyperlink ref="F35" location="'年齢別・性別人口(0405婦中熊野)'!A1" display="婦中熊野" xr:uid="{D96F1E77-EB50-4192-92A4-2CF5A4FCC8AF}"/>
    <hyperlink ref="F36" location="'年齢別・性別人口(0406古里)'!A1" display="古里" xr:uid="{35C30311-DC91-4A49-A280-CF32A1ACE251}"/>
    <hyperlink ref="F37" location="'年齢別・性別人口(0407音川)'!A1" display="音川" xr:uid="{8529768E-F37C-4D69-9541-42764D7CB344}"/>
    <hyperlink ref="F38" location="'年齢別・性別人口(0408神保)'!A1" display="神保" xr:uid="{C33E9FE0-0B2E-4454-87B7-65C8B7030DF5}"/>
    <hyperlink ref="F39" location="'年齢別・性別人口(0499婦中地域)'!A1" display="婦中地域（合計）" xr:uid="{09279CBD-369F-4CFC-AEC8-4D67BA3B8846}"/>
    <hyperlink ref="F42" location="'年齢別・性別人口(0501山田南部)'!A1" display="山田南部" xr:uid="{365FAD8D-69AD-4A05-AE5D-93E839DA9F65}"/>
    <hyperlink ref="F43" location="'年齢別・性別人口(0502山田中部)'!A1" display="山田中部" xr:uid="{3E994419-9432-454D-8B09-2BB1F58ABEE3}"/>
    <hyperlink ref="F44" location="'年齢別・性別人口(0503山田西部)'!A1" display="山田西部" xr:uid="{C99F3D89-11E7-453F-9FE6-6B12C85A9BD5}"/>
    <hyperlink ref="F45" location="'年齢別・性別人口(0504山田東部)'!A1" display="山田東部" xr:uid="{5A0BC5E1-78C2-46C6-9F92-2E7E35B8B590}"/>
    <hyperlink ref="F46" location="'年齢別・性別人口(0599山田地域)'!A1" display="山田地域（合計）" xr:uid="{0CBF32A3-82C6-4818-B53A-18EE85DEA615}"/>
    <hyperlink ref="F49" location="'年齢別・性別人口(0601細入北部)'!A1" display="細入北部" xr:uid="{98441DC8-7117-45A1-A8E7-66826CE87D35}"/>
    <hyperlink ref="F50" location="'年齢別・性別人口(0602細入南部)'!A1" display="細入南部" xr:uid="{1557401A-AF22-4B28-B59C-3CE03E52C39E}"/>
    <hyperlink ref="F51" location="'年齢別・性別人口(0699細入地域)'!A1" display="細入地域（合計）" xr:uid="{501F456B-0358-4CB4-92D6-E568DBBC7CBD}"/>
    <hyperlink ref="C18" location="'年齢別・性別人口(15桜谷)'!A1" display="桜谷" xr:uid="{64E64F35-3D7C-4876-BF26-54A004593364}"/>
    <hyperlink ref="C4" location="'年齢別・性別人口(01総曲輪)'!A1" display="総曲輪" xr:uid="{4D0107FE-9A9A-404F-AC5B-99816BA1DF74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5</v>
      </c>
      <c r="C5" s="13">
        <v>16</v>
      </c>
      <c r="D5" s="17">
        <v>31</v>
      </c>
    </row>
    <row r="6" spans="1:4" ht="18" customHeight="1" x14ac:dyDescent="0.15">
      <c r="A6" s="5">
        <v>1</v>
      </c>
      <c r="B6" s="22">
        <v>18</v>
      </c>
      <c r="C6" s="14">
        <v>18</v>
      </c>
      <c r="D6" s="18">
        <v>36</v>
      </c>
    </row>
    <row r="7" spans="1:4" ht="18" customHeight="1" x14ac:dyDescent="0.15">
      <c r="A7" s="5">
        <v>2</v>
      </c>
      <c r="B7" s="22">
        <v>23</v>
      </c>
      <c r="C7" s="14">
        <v>14</v>
      </c>
      <c r="D7" s="18">
        <v>37</v>
      </c>
    </row>
    <row r="8" spans="1:4" ht="18" customHeight="1" x14ac:dyDescent="0.15">
      <c r="A8" s="5">
        <v>3</v>
      </c>
      <c r="B8" s="22">
        <v>21</v>
      </c>
      <c r="C8" s="14">
        <v>22</v>
      </c>
      <c r="D8" s="18">
        <v>43</v>
      </c>
    </row>
    <row r="9" spans="1:4" ht="18" customHeight="1" x14ac:dyDescent="0.15">
      <c r="A9" s="5">
        <v>4</v>
      </c>
      <c r="B9" s="22">
        <v>18</v>
      </c>
      <c r="C9" s="14">
        <v>15</v>
      </c>
      <c r="D9" s="18">
        <v>33</v>
      </c>
    </row>
    <row r="10" spans="1:4" ht="18" customHeight="1" x14ac:dyDescent="0.15">
      <c r="A10" s="5" t="s">
        <v>7</v>
      </c>
      <c r="B10" s="22">
        <v>95</v>
      </c>
      <c r="C10" s="14">
        <v>85</v>
      </c>
      <c r="D10" s="18">
        <v>180</v>
      </c>
    </row>
    <row r="11" spans="1:4" ht="18" customHeight="1" x14ac:dyDescent="0.15">
      <c r="A11" s="5">
        <v>5</v>
      </c>
      <c r="B11" s="22">
        <v>26</v>
      </c>
      <c r="C11" s="14">
        <v>22</v>
      </c>
      <c r="D11" s="18">
        <v>48</v>
      </c>
    </row>
    <row r="12" spans="1:4" ht="18" customHeight="1" x14ac:dyDescent="0.15">
      <c r="A12" s="5">
        <v>6</v>
      </c>
      <c r="B12" s="22">
        <v>27</v>
      </c>
      <c r="C12" s="14">
        <v>27</v>
      </c>
      <c r="D12" s="18">
        <v>54</v>
      </c>
    </row>
    <row r="13" spans="1:4" ht="18" customHeight="1" x14ac:dyDescent="0.15">
      <c r="A13" s="5">
        <v>7</v>
      </c>
      <c r="B13" s="22">
        <v>22</v>
      </c>
      <c r="C13" s="14">
        <v>23</v>
      </c>
      <c r="D13" s="18">
        <v>45</v>
      </c>
    </row>
    <row r="14" spans="1:4" ht="18" customHeight="1" x14ac:dyDescent="0.15">
      <c r="A14" s="5">
        <v>8</v>
      </c>
      <c r="B14" s="22">
        <v>31</v>
      </c>
      <c r="C14" s="14">
        <v>22</v>
      </c>
      <c r="D14" s="18">
        <v>53</v>
      </c>
    </row>
    <row r="15" spans="1:4" ht="18" customHeight="1" x14ac:dyDescent="0.15">
      <c r="A15" s="5">
        <v>9</v>
      </c>
      <c r="B15" s="22">
        <v>20</v>
      </c>
      <c r="C15" s="14">
        <v>27</v>
      </c>
      <c r="D15" s="18">
        <v>47</v>
      </c>
    </row>
    <row r="16" spans="1:4" ht="18" customHeight="1" x14ac:dyDescent="0.15">
      <c r="A16" s="5" t="s">
        <v>11</v>
      </c>
      <c r="B16" s="22">
        <v>126</v>
      </c>
      <c r="C16" s="14">
        <v>121</v>
      </c>
      <c r="D16" s="18">
        <v>247</v>
      </c>
    </row>
    <row r="17" spans="1:4" ht="18" customHeight="1" x14ac:dyDescent="0.15">
      <c r="A17" s="5">
        <v>10</v>
      </c>
      <c r="B17" s="22">
        <v>33</v>
      </c>
      <c r="C17" s="14">
        <v>27</v>
      </c>
      <c r="D17" s="18">
        <v>60</v>
      </c>
    </row>
    <row r="18" spans="1:4" ht="18" customHeight="1" x14ac:dyDescent="0.15">
      <c r="A18" s="5">
        <v>11</v>
      </c>
      <c r="B18" s="22">
        <v>22</v>
      </c>
      <c r="C18" s="14">
        <v>28</v>
      </c>
      <c r="D18" s="18">
        <v>50</v>
      </c>
    </row>
    <row r="19" spans="1:4" ht="18" customHeight="1" x14ac:dyDescent="0.15">
      <c r="A19" s="5">
        <v>12</v>
      </c>
      <c r="B19" s="22">
        <v>28</v>
      </c>
      <c r="C19" s="14">
        <v>27</v>
      </c>
      <c r="D19" s="18">
        <v>55</v>
      </c>
    </row>
    <row r="20" spans="1:4" ht="18" customHeight="1" x14ac:dyDescent="0.15">
      <c r="A20" s="5">
        <v>13</v>
      </c>
      <c r="B20" s="22">
        <v>27</v>
      </c>
      <c r="C20" s="14">
        <v>27</v>
      </c>
      <c r="D20" s="18">
        <v>54</v>
      </c>
    </row>
    <row r="21" spans="1:4" ht="18" customHeight="1" x14ac:dyDescent="0.15">
      <c r="A21" s="5">
        <v>14</v>
      </c>
      <c r="B21" s="22">
        <v>30</v>
      </c>
      <c r="C21" s="14">
        <v>34</v>
      </c>
      <c r="D21" s="18">
        <v>64</v>
      </c>
    </row>
    <row r="22" spans="1:4" ht="18" customHeight="1" x14ac:dyDescent="0.15">
      <c r="A22" s="5" t="s">
        <v>12</v>
      </c>
      <c r="B22" s="22">
        <v>140</v>
      </c>
      <c r="C22" s="14">
        <v>143</v>
      </c>
      <c r="D22" s="18">
        <v>283</v>
      </c>
    </row>
    <row r="23" spans="1:4" ht="18" customHeight="1" x14ac:dyDescent="0.15">
      <c r="A23" s="5" t="s">
        <v>6</v>
      </c>
      <c r="B23" s="22">
        <v>361</v>
      </c>
      <c r="C23" s="14">
        <v>349</v>
      </c>
      <c r="D23" s="18">
        <v>710</v>
      </c>
    </row>
    <row r="24" spans="1:4" ht="18" customHeight="1" x14ac:dyDescent="0.15">
      <c r="A24" s="5">
        <v>15</v>
      </c>
      <c r="B24" s="22">
        <v>31</v>
      </c>
      <c r="C24" s="14">
        <v>26</v>
      </c>
      <c r="D24" s="18">
        <v>57</v>
      </c>
    </row>
    <row r="25" spans="1:4" ht="18" customHeight="1" x14ac:dyDescent="0.15">
      <c r="A25" s="5">
        <v>16</v>
      </c>
      <c r="B25" s="22">
        <v>25</v>
      </c>
      <c r="C25" s="14">
        <v>17</v>
      </c>
      <c r="D25" s="18">
        <v>42</v>
      </c>
    </row>
    <row r="26" spans="1:4" ht="18" customHeight="1" x14ac:dyDescent="0.15">
      <c r="A26" s="5">
        <v>17</v>
      </c>
      <c r="B26" s="22">
        <v>36</v>
      </c>
      <c r="C26" s="14">
        <v>32</v>
      </c>
      <c r="D26" s="18">
        <v>68</v>
      </c>
    </row>
    <row r="27" spans="1:4" ht="18" customHeight="1" x14ac:dyDescent="0.15">
      <c r="A27" s="5">
        <v>18</v>
      </c>
      <c r="B27" s="22">
        <v>24</v>
      </c>
      <c r="C27" s="14">
        <v>45</v>
      </c>
      <c r="D27" s="18">
        <v>69</v>
      </c>
    </row>
    <row r="28" spans="1:4" ht="18" customHeight="1" x14ac:dyDescent="0.15">
      <c r="A28" s="5">
        <v>19</v>
      </c>
      <c r="B28" s="22">
        <v>26</v>
      </c>
      <c r="C28" s="14">
        <v>17</v>
      </c>
      <c r="D28" s="18">
        <v>43</v>
      </c>
    </row>
    <row r="29" spans="1:4" ht="18" customHeight="1" x14ac:dyDescent="0.15">
      <c r="A29" s="5" t="s">
        <v>14</v>
      </c>
      <c r="B29" s="22">
        <v>142</v>
      </c>
      <c r="C29" s="14">
        <v>137</v>
      </c>
      <c r="D29" s="18">
        <v>279</v>
      </c>
    </row>
    <row r="30" spans="1:4" ht="18" customHeight="1" x14ac:dyDescent="0.15">
      <c r="A30" s="5">
        <v>20</v>
      </c>
      <c r="B30" s="22">
        <v>16</v>
      </c>
      <c r="C30" s="14">
        <v>29</v>
      </c>
      <c r="D30" s="18">
        <v>45</v>
      </c>
    </row>
    <row r="31" spans="1:4" ht="18" customHeight="1" x14ac:dyDescent="0.15">
      <c r="A31" s="5">
        <v>21</v>
      </c>
      <c r="B31" s="22">
        <v>16</v>
      </c>
      <c r="C31" s="14">
        <v>22</v>
      </c>
      <c r="D31" s="18">
        <v>38</v>
      </c>
    </row>
    <row r="32" spans="1:4" ht="18" customHeight="1" x14ac:dyDescent="0.15">
      <c r="A32" s="5">
        <v>22</v>
      </c>
      <c r="B32" s="22">
        <v>30</v>
      </c>
      <c r="C32" s="14">
        <v>20</v>
      </c>
      <c r="D32" s="18">
        <v>50</v>
      </c>
    </row>
    <row r="33" spans="1:4" ht="18" customHeight="1" x14ac:dyDescent="0.15">
      <c r="A33" s="5">
        <v>23</v>
      </c>
      <c r="B33" s="22">
        <v>28</v>
      </c>
      <c r="C33" s="14">
        <v>23</v>
      </c>
      <c r="D33" s="18">
        <v>51</v>
      </c>
    </row>
    <row r="34" spans="1:4" ht="18" customHeight="1" x14ac:dyDescent="0.15">
      <c r="A34" s="5">
        <v>24</v>
      </c>
      <c r="B34" s="22">
        <v>22</v>
      </c>
      <c r="C34" s="14">
        <v>22</v>
      </c>
      <c r="D34" s="18">
        <v>44</v>
      </c>
    </row>
    <row r="35" spans="1:4" ht="18" customHeight="1" x14ac:dyDescent="0.15">
      <c r="A35" s="5" t="s">
        <v>9</v>
      </c>
      <c r="B35" s="22">
        <v>112</v>
      </c>
      <c r="C35" s="14">
        <v>116</v>
      </c>
      <c r="D35" s="18">
        <v>228</v>
      </c>
    </row>
    <row r="36" spans="1:4" ht="18" customHeight="1" x14ac:dyDescent="0.15">
      <c r="A36" s="5">
        <v>25</v>
      </c>
      <c r="B36" s="22">
        <v>25</v>
      </c>
      <c r="C36" s="14">
        <v>23</v>
      </c>
      <c r="D36" s="18">
        <v>48</v>
      </c>
    </row>
    <row r="37" spans="1:4" ht="18" customHeight="1" x14ac:dyDescent="0.15">
      <c r="A37" s="5">
        <v>26</v>
      </c>
      <c r="B37" s="22">
        <v>29</v>
      </c>
      <c r="C37" s="14">
        <v>27</v>
      </c>
      <c r="D37" s="18">
        <v>56</v>
      </c>
    </row>
    <row r="38" spans="1:4" ht="18" customHeight="1" x14ac:dyDescent="0.15">
      <c r="A38" s="5">
        <v>27</v>
      </c>
      <c r="B38" s="22">
        <v>22</v>
      </c>
      <c r="C38" s="14">
        <v>32</v>
      </c>
      <c r="D38" s="18">
        <v>54</v>
      </c>
    </row>
    <row r="39" spans="1:4" ht="18" customHeight="1" x14ac:dyDescent="0.15">
      <c r="A39" s="5">
        <v>28</v>
      </c>
      <c r="B39" s="22">
        <v>37</v>
      </c>
      <c r="C39" s="14">
        <v>22</v>
      </c>
      <c r="D39" s="18">
        <v>59</v>
      </c>
    </row>
    <row r="40" spans="1:4" ht="18" customHeight="1" x14ac:dyDescent="0.15">
      <c r="A40" s="5">
        <v>29</v>
      </c>
      <c r="B40" s="22">
        <v>37</v>
      </c>
      <c r="C40" s="14">
        <v>41</v>
      </c>
      <c r="D40" s="18">
        <v>78</v>
      </c>
    </row>
    <row r="41" spans="1:4" ht="18" customHeight="1" x14ac:dyDescent="0.15">
      <c r="A41" s="5" t="s">
        <v>2</v>
      </c>
      <c r="B41" s="22">
        <v>150</v>
      </c>
      <c r="C41" s="14">
        <v>145</v>
      </c>
      <c r="D41" s="18">
        <v>295</v>
      </c>
    </row>
    <row r="42" spans="1:4" ht="18" customHeight="1" x14ac:dyDescent="0.15">
      <c r="A42" s="5">
        <v>30</v>
      </c>
      <c r="B42" s="22">
        <v>27</v>
      </c>
      <c r="C42" s="14">
        <v>25</v>
      </c>
      <c r="D42" s="18">
        <v>52</v>
      </c>
    </row>
    <row r="43" spans="1:4" ht="18" customHeight="1" x14ac:dyDescent="0.15">
      <c r="A43" s="5">
        <v>31</v>
      </c>
      <c r="B43" s="22">
        <v>23</v>
      </c>
      <c r="C43" s="14">
        <v>27</v>
      </c>
      <c r="D43" s="18">
        <v>50</v>
      </c>
    </row>
    <row r="44" spans="1:4" ht="18" customHeight="1" x14ac:dyDescent="0.15">
      <c r="A44" s="5">
        <v>32</v>
      </c>
      <c r="B44" s="22">
        <v>34</v>
      </c>
      <c r="C44" s="14">
        <v>19</v>
      </c>
      <c r="D44" s="18">
        <v>53</v>
      </c>
    </row>
    <row r="45" spans="1:4" ht="18" customHeight="1" x14ac:dyDescent="0.15">
      <c r="A45" s="5">
        <v>33</v>
      </c>
      <c r="B45" s="22">
        <v>31</v>
      </c>
      <c r="C45" s="14">
        <v>26</v>
      </c>
      <c r="D45" s="18">
        <v>57</v>
      </c>
    </row>
    <row r="46" spans="1:4" ht="18" customHeight="1" x14ac:dyDescent="0.15">
      <c r="A46" s="5">
        <v>34</v>
      </c>
      <c r="B46" s="22">
        <v>42</v>
      </c>
      <c r="C46" s="14">
        <v>36</v>
      </c>
      <c r="D46" s="18">
        <v>78</v>
      </c>
    </row>
    <row r="47" spans="1:4" ht="18" customHeight="1" x14ac:dyDescent="0.15">
      <c r="A47" s="5" t="s">
        <v>15</v>
      </c>
      <c r="B47" s="22">
        <v>157</v>
      </c>
      <c r="C47" s="14">
        <v>133</v>
      </c>
      <c r="D47" s="18">
        <v>290</v>
      </c>
    </row>
    <row r="48" spans="1:4" ht="18" customHeight="1" x14ac:dyDescent="0.15">
      <c r="A48" s="5">
        <v>35</v>
      </c>
      <c r="B48" s="22">
        <v>31</v>
      </c>
      <c r="C48" s="14">
        <v>31</v>
      </c>
      <c r="D48" s="18">
        <v>62</v>
      </c>
    </row>
    <row r="49" spans="1:4" ht="18" customHeight="1" x14ac:dyDescent="0.15">
      <c r="A49" s="5">
        <v>36</v>
      </c>
      <c r="B49" s="22">
        <v>34</v>
      </c>
      <c r="C49" s="14">
        <v>30</v>
      </c>
      <c r="D49" s="18">
        <v>64</v>
      </c>
    </row>
    <row r="50" spans="1:4" ht="18" customHeight="1" x14ac:dyDescent="0.15">
      <c r="A50" s="5">
        <v>37</v>
      </c>
      <c r="B50" s="22">
        <v>32</v>
      </c>
      <c r="C50" s="14">
        <v>38</v>
      </c>
      <c r="D50" s="18">
        <v>70</v>
      </c>
    </row>
    <row r="51" spans="1:4" ht="18" customHeight="1" x14ac:dyDescent="0.15">
      <c r="A51" s="5">
        <v>38</v>
      </c>
      <c r="B51" s="22">
        <v>44</v>
      </c>
      <c r="C51" s="14">
        <v>34</v>
      </c>
      <c r="D51" s="18">
        <v>78</v>
      </c>
    </row>
    <row r="52" spans="1:4" ht="18" customHeight="1" x14ac:dyDescent="0.15">
      <c r="A52" s="5">
        <v>39</v>
      </c>
      <c r="B52" s="22">
        <v>39</v>
      </c>
      <c r="C52" s="14">
        <v>45</v>
      </c>
      <c r="D52" s="18">
        <v>84</v>
      </c>
    </row>
    <row r="53" spans="1:4" ht="18" customHeight="1" x14ac:dyDescent="0.15">
      <c r="A53" s="5" t="s">
        <v>18</v>
      </c>
      <c r="B53" s="22">
        <v>180</v>
      </c>
      <c r="C53" s="14">
        <v>178</v>
      </c>
      <c r="D53" s="18">
        <v>358</v>
      </c>
    </row>
    <row r="54" spans="1:4" ht="18" customHeight="1" x14ac:dyDescent="0.15">
      <c r="A54" s="5">
        <v>40</v>
      </c>
      <c r="B54" s="22">
        <v>37</v>
      </c>
      <c r="C54" s="14">
        <v>33</v>
      </c>
      <c r="D54" s="18">
        <v>70</v>
      </c>
    </row>
    <row r="55" spans="1:4" ht="18" customHeight="1" x14ac:dyDescent="0.15">
      <c r="A55" s="5">
        <v>41</v>
      </c>
      <c r="B55" s="22">
        <v>45</v>
      </c>
      <c r="C55" s="14">
        <v>41</v>
      </c>
      <c r="D55" s="18">
        <v>86</v>
      </c>
    </row>
    <row r="56" spans="1:4" ht="18" customHeight="1" x14ac:dyDescent="0.15">
      <c r="A56" s="5">
        <v>42</v>
      </c>
      <c r="B56" s="22">
        <v>47</v>
      </c>
      <c r="C56" s="14">
        <v>32</v>
      </c>
      <c r="D56" s="18">
        <v>79</v>
      </c>
    </row>
    <row r="57" spans="1:4" ht="18" customHeight="1" x14ac:dyDescent="0.15">
      <c r="A57" s="5">
        <v>43</v>
      </c>
      <c r="B57" s="22">
        <v>27</v>
      </c>
      <c r="C57" s="14">
        <v>24</v>
      </c>
      <c r="D57" s="18">
        <v>51</v>
      </c>
    </row>
    <row r="58" spans="1:4" ht="18" customHeight="1" x14ac:dyDescent="0.15">
      <c r="A58" s="5">
        <v>44</v>
      </c>
      <c r="B58" s="22">
        <v>38</v>
      </c>
      <c r="C58" s="14">
        <v>41</v>
      </c>
      <c r="D58" s="18">
        <v>79</v>
      </c>
    </row>
    <row r="59" spans="1:4" ht="18" customHeight="1" x14ac:dyDescent="0.15">
      <c r="A59" s="5" t="s">
        <v>21</v>
      </c>
      <c r="B59" s="22">
        <v>194</v>
      </c>
      <c r="C59" s="14">
        <v>171</v>
      </c>
      <c r="D59" s="18">
        <v>365</v>
      </c>
    </row>
    <row r="60" spans="1:4" ht="18" customHeight="1" x14ac:dyDescent="0.15">
      <c r="A60" s="5">
        <v>45</v>
      </c>
      <c r="B60" s="22">
        <v>42</v>
      </c>
      <c r="C60" s="14">
        <v>35</v>
      </c>
      <c r="D60" s="18">
        <v>77</v>
      </c>
    </row>
    <row r="61" spans="1:4" ht="18" customHeight="1" x14ac:dyDescent="0.15">
      <c r="A61" s="5">
        <v>46</v>
      </c>
      <c r="B61" s="22">
        <v>39</v>
      </c>
      <c r="C61" s="14">
        <v>35</v>
      </c>
      <c r="D61" s="18">
        <v>74</v>
      </c>
    </row>
    <row r="62" spans="1:4" ht="18" customHeight="1" x14ac:dyDescent="0.15">
      <c r="A62" s="5">
        <v>47</v>
      </c>
      <c r="B62" s="22">
        <v>42</v>
      </c>
      <c r="C62" s="14">
        <v>43</v>
      </c>
      <c r="D62" s="18">
        <v>85</v>
      </c>
    </row>
    <row r="63" spans="1:4" ht="18" customHeight="1" x14ac:dyDescent="0.15">
      <c r="A63" s="5">
        <v>48</v>
      </c>
      <c r="B63" s="22">
        <v>48</v>
      </c>
      <c r="C63" s="14">
        <v>41</v>
      </c>
      <c r="D63" s="18">
        <v>89</v>
      </c>
    </row>
    <row r="64" spans="1:4" ht="18" customHeight="1" x14ac:dyDescent="0.15">
      <c r="A64" s="5">
        <v>49</v>
      </c>
      <c r="B64" s="22">
        <v>45</v>
      </c>
      <c r="C64" s="14">
        <v>45</v>
      </c>
      <c r="D64" s="18">
        <v>90</v>
      </c>
    </row>
    <row r="65" spans="1:4" ht="18" customHeight="1" x14ac:dyDescent="0.15">
      <c r="A65" s="5" t="s">
        <v>17</v>
      </c>
      <c r="B65" s="22">
        <v>216</v>
      </c>
      <c r="C65" s="14">
        <v>199</v>
      </c>
      <c r="D65" s="18">
        <v>415</v>
      </c>
    </row>
    <row r="66" spans="1:4" ht="18" customHeight="1" x14ac:dyDescent="0.15">
      <c r="A66" s="5">
        <v>50</v>
      </c>
      <c r="B66" s="22">
        <v>38</v>
      </c>
      <c r="C66" s="14">
        <v>50</v>
      </c>
      <c r="D66" s="18">
        <v>88</v>
      </c>
    </row>
    <row r="67" spans="1:4" ht="18" customHeight="1" x14ac:dyDescent="0.15">
      <c r="A67" s="5">
        <v>51</v>
      </c>
      <c r="B67" s="22">
        <v>60</v>
      </c>
      <c r="C67" s="14">
        <v>64</v>
      </c>
      <c r="D67" s="18">
        <v>124</v>
      </c>
    </row>
    <row r="68" spans="1:4" ht="18" customHeight="1" x14ac:dyDescent="0.15">
      <c r="A68" s="5">
        <v>52</v>
      </c>
      <c r="B68" s="22">
        <v>71</v>
      </c>
      <c r="C68" s="14">
        <v>74</v>
      </c>
      <c r="D68" s="18">
        <v>145</v>
      </c>
    </row>
    <row r="69" spans="1:4" ht="18" customHeight="1" x14ac:dyDescent="0.15">
      <c r="A69" s="5">
        <v>53</v>
      </c>
      <c r="B69" s="22">
        <v>58</v>
      </c>
      <c r="C69" s="14">
        <v>61</v>
      </c>
      <c r="D69" s="18">
        <v>119</v>
      </c>
    </row>
    <row r="70" spans="1:4" ht="18" customHeight="1" x14ac:dyDescent="0.15">
      <c r="A70" s="5">
        <v>54</v>
      </c>
      <c r="B70" s="22">
        <v>50</v>
      </c>
      <c r="C70" s="14">
        <v>60</v>
      </c>
      <c r="D70" s="18">
        <v>110</v>
      </c>
    </row>
    <row r="71" spans="1:4" ht="18" customHeight="1" x14ac:dyDescent="0.15">
      <c r="A71" s="5" t="s">
        <v>22</v>
      </c>
      <c r="B71" s="22">
        <v>277</v>
      </c>
      <c r="C71" s="14">
        <v>309</v>
      </c>
      <c r="D71" s="18">
        <v>586</v>
      </c>
    </row>
    <row r="72" spans="1:4" ht="18" customHeight="1" x14ac:dyDescent="0.15">
      <c r="A72" s="5">
        <v>55</v>
      </c>
      <c r="B72" s="22">
        <v>57</v>
      </c>
      <c r="C72" s="14">
        <v>47</v>
      </c>
      <c r="D72" s="18">
        <v>104</v>
      </c>
    </row>
    <row r="73" spans="1:4" ht="18" customHeight="1" x14ac:dyDescent="0.15">
      <c r="A73" s="5">
        <v>56</v>
      </c>
      <c r="B73" s="22">
        <v>68</v>
      </c>
      <c r="C73" s="14">
        <v>36</v>
      </c>
      <c r="D73" s="18">
        <v>104</v>
      </c>
    </row>
    <row r="74" spans="1:4" ht="18" customHeight="1" x14ac:dyDescent="0.15">
      <c r="A74" s="5">
        <v>57</v>
      </c>
      <c r="B74" s="22">
        <v>57</v>
      </c>
      <c r="C74" s="14">
        <v>47</v>
      </c>
      <c r="D74" s="18">
        <v>104</v>
      </c>
    </row>
    <row r="75" spans="1:4" ht="18" customHeight="1" x14ac:dyDescent="0.15">
      <c r="A75" s="5">
        <v>58</v>
      </c>
      <c r="B75" s="22">
        <v>56</v>
      </c>
      <c r="C75" s="14">
        <v>45</v>
      </c>
      <c r="D75" s="18">
        <v>101</v>
      </c>
    </row>
    <row r="76" spans="1:4" ht="18" customHeight="1" x14ac:dyDescent="0.15">
      <c r="A76" s="5">
        <v>59</v>
      </c>
      <c r="B76" s="22">
        <v>30</v>
      </c>
      <c r="C76" s="14">
        <v>36</v>
      </c>
      <c r="D76" s="18">
        <v>66</v>
      </c>
    </row>
    <row r="77" spans="1:4" ht="18" customHeight="1" x14ac:dyDescent="0.15">
      <c r="A77" s="5" t="s">
        <v>27</v>
      </c>
      <c r="B77" s="22">
        <v>268</v>
      </c>
      <c r="C77" s="14">
        <v>211</v>
      </c>
      <c r="D77" s="18">
        <v>479</v>
      </c>
    </row>
    <row r="78" spans="1:4" ht="18" customHeight="1" x14ac:dyDescent="0.15">
      <c r="A78" s="5">
        <v>60</v>
      </c>
      <c r="B78" s="22">
        <v>23</v>
      </c>
      <c r="C78" s="14">
        <v>44</v>
      </c>
      <c r="D78" s="18">
        <v>67</v>
      </c>
    </row>
    <row r="79" spans="1:4" ht="18" customHeight="1" x14ac:dyDescent="0.15">
      <c r="A79" s="5">
        <v>61</v>
      </c>
      <c r="B79" s="22">
        <v>47</v>
      </c>
      <c r="C79" s="14">
        <v>41</v>
      </c>
      <c r="D79" s="18">
        <v>88</v>
      </c>
    </row>
    <row r="80" spans="1:4" ht="18" customHeight="1" x14ac:dyDescent="0.15">
      <c r="A80" s="5">
        <v>62</v>
      </c>
      <c r="B80" s="22">
        <v>26</v>
      </c>
      <c r="C80" s="14">
        <v>33</v>
      </c>
      <c r="D80" s="18">
        <v>59</v>
      </c>
    </row>
    <row r="81" spans="1:4" ht="18" customHeight="1" x14ac:dyDescent="0.15">
      <c r="A81" s="5">
        <v>63</v>
      </c>
      <c r="B81" s="22">
        <v>46</v>
      </c>
      <c r="C81" s="14">
        <v>37</v>
      </c>
      <c r="D81" s="18">
        <v>83</v>
      </c>
    </row>
    <row r="82" spans="1:4" ht="18" customHeight="1" x14ac:dyDescent="0.15">
      <c r="A82" s="5">
        <v>64</v>
      </c>
      <c r="B82" s="22">
        <v>42</v>
      </c>
      <c r="C82" s="14">
        <v>41</v>
      </c>
      <c r="D82" s="18">
        <v>83</v>
      </c>
    </row>
    <row r="83" spans="1:4" ht="18" customHeight="1" x14ac:dyDescent="0.15">
      <c r="A83" s="5" t="s">
        <v>28</v>
      </c>
      <c r="B83" s="22">
        <v>184</v>
      </c>
      <c r="C83" s="14">
        <v>196</v>
      </c>
      <c r="D83" s="18">
        <v>380</v>
      </c>
    </row>
    <row r="84" spans="1:4" ht="18" customHeight="1" x14ac:dyDescent="0.15">
      <c r="A84" s="5" t="s">
        <v>31</v>
      </c>
      <c r="B84" s="22">
        <v>1880</v>
      </c>
      <c r="C84" s="14">
        <v>1795</v>
      </c>
      <c r="D84" s="18">
        <v>3675</v>
      </c>
    </row>
    <row r="85" spans="1:4" ht="18" customHeight="1" x14ac:dyDescent="0.15">
      <c r="A85" s="5">
        <v>65</v>
      </c>
      <c r="B85" s="22">
        <v>40</v>
      </c>
      <c r="C85" s="14">
        <v>39</v>
      </c>
      <c r="D85" s="18">
        <v>79</v>
      </c>
    </row>
    <row r="86" spans="1:4" ht="18" customHeight="1" x14ac:dyDescent="0.15">
      <c r="A86" s="5">
        <v>66</v>
      </c>
      <c r="B86" s="22">
        <v>32</v>
      </c>
      <c r="C86" s="14">
        <v>38</v>
      </c>
      <c r="D86" s="18">
        <v>70</v>
      </c>
    </row>
    <row r="87" spans="1:4" ht="18" customHeight="1" x14ac:dyDescent="0.15">
      <c r="A87" s="5">
        <v>67</v>
      </c>
      <c r="B87" s="22">
        <v>35</v>
      </c>
      <c r="C87" s="14">
        <v>40</v>
      </c>
      <c r="D87" s="18">
        <v>75</v>
      </c>
    </row>
    <row r="88" spans="1:4" ht="18" customHeight="1" x14ac:dyDescent="0.15">
      <c r="A88" s="5">
        <v>68</v>
      </c>
      <c r="B88" s="22">
        <v>36</v>
      </c>
      <c r="C88" s="14">
        <v>36</v>
      </c>
      <c r="D88" s="18">
        <v>72</v>
      </c>
    </row>
    <row r="89" spans="1:4" ht="18" customHeight="1" x14ac:dyDescent="0.15">
      <c r="A89" s="5">
        <v>69</v>
      </c>
      <c r="B89" s="22">
        <v>33</v>
      </c>
      <c r="C89" s="14">
        <v>32</v>
      </c>
      <c r="D89" s="18">
        <v>65</v>
      </c>
    </row>
    <row r="90" spans="1:4" ht="18" customHeight="1" x14ac:dyDescent="0.15">
      <c r="A90" s="5" t="s">
        <v>20</v>
      </c>
      <c r="B90" s="22">
        <v>176</v>
      </c>
      <c r="C90" s="14">
        <v>185</v>
      </c>
      <c r="D90" s="18">
        <v>361</v>
      </c>
    </row>
    <row r="91" spans="1:4" ht="18" customHeight="1" x14ac:dyDescent="0.15">
      <c r="A91" s="5">
        <v>70</v>
      </c>
      <c r="B91" s="22">
        <v>35</v>
      </c>
      <c r="C91" s="14">
        <v>30</v>
      </c>
      <c r="D91" s="18">
        <v>65</v>
      </c>
    </row>
    <row r="92" spans="1:4" ht="18" customHeight="1" x14ac:dyDescent="0.15">
      <c r="A92" s="5">
        <v>71</v>
      </c>
      <c r="B92" s="22">
        <v>24</v>
      </c>
      <c r="C92" s="14">
        <v>37</v>
      </c>
      <c r="D92" s="18">
        <v>61</v>
      </c>
    </row>
    <row r="93" spans="1:4" ht="18" customHeight="1" x14ac:dyDescent="0.15">
      <c r="A93" s="5">
        <v>72</v>
      </c>
      <c r="B93" s="22">
        <v>44</v>
      </c>
      <c r="C93" s="14">
        <v>42</v>
      </c>
      <c r="D93" s="18">
        <v>86</v>
      </c>
    </row>
    <row r="94" spans="1:4" ht="18" customHeight="1" x14ac:dyDescent="0.15">
      <c r="A94" s="5">
        <v>73</v>
      </c>
      <c r="B94" s="22">
        <v>31</v>
      </c>
      <c r="C94" s="14">
        <v>40</v>
      </c>
      <c r="D94" s="18">
        <v>71</v>
      </c>
    </row>
    <row r="95" spans="1:4" ht="18" customHeight="1" x14ac:dyDescent="0.15">
      <c r="A95" s="5">
        <v>74</v>
      </c>
      <c r="B95" s="22">
        <v>28</v>
      </c>
      <c r="C95" s="14">
        <v>41</v>
      </c>
      <c r="D95" s="18">
        <v>69</v>
      </c>
    </row>
    <row r="96" spans="1:4" ht="18" customHeight="1" x14ac:dyDescent="0.15">
      <c r="A96" s="5" t="s">
        <v>33</v>
      </c>
      <c r="B96" s="22">
        <v>162</v>
      </c>
      <c r="C96" s="14">
        <v>190</v>
      </c>
      <c r="D96" s="18">
        <v>352</v>
      </c>
    </row>
    <row r="97" spans="1:4" ht="18" customHeight="1" x14ac:dyDescent="0.15">
      <c r="A97" s="5">
        <v>75</v>
      </c>
      <c r="B97" s="22">
        <v>43</v>
      </c>
      <c r="C97" s="14">
        <v>44</v>
      </c>
      <c r="D97" s="18">
        <v>87</v>
      </c>
    </row>
    <row r="98" spans="1:4" ht="18" customHeight="1" x14ac:dyDescent="0.15">
      <c r="A98" s="5">
        <v>76</v>
      </c>
      <c r="B98" s="22">
        <v>37</v>
      </c>
      <c r="C98" s="14">
        <v>46</v>
      </c>
      <c r="D98" s="18">
        <v>83</v>
      </c>
    </row>
    <row r="99" spans="1:4" ht="18" customHeight="1" x14ac:dyDescent="0.15">
      <c r="A99" s="5">
        <v>77</v>
      </c>
      <c r="B99" s="22">
        <v>38</v>
      </c>
      <c r="C99" s="14">
        <v>51</v>
      </c>
      <c r="D99" s="18">
        <v>89</v>
      </c>
    </row>
    <row r="100" spans="1:4" ht="18" customHeight="1" x14ac:dyDescent="0.15">
      <c r="A100" s="5">
        <v>78</v>
      </c>
      <c r="B100" s="22">
        <v>47</v>
      </c>
      <c r="C100" s="14">
        <v>64</v>
      </c>
      <c r="D100" s="18">
        <v>111</v>
      </c>
    </row>
    <row r="101" spans="1:4" ht="18" customHeight="1" x14ac:dyDescent="0.15">
      <c r="A101" s="5">
        <v>79</v>
      </c>
      <c r="B101" s="22">
        <v>27</v>
      </c>
      <c r="C101" s="14">
        <v>47</v>
      </c>
      <c r="D101" s="18">
        <v>74</v>
      </c>
    </row>
    <row r="102" spans="1:4" ht="18" customHeight="1" x14ac:dyDescent="0.15">
      <c r="A102" s="5" t="s">
        <v>0</v>
      </c>
      <c r="B102" s="22">
        <v>192</v>
      </c>
      <c r="C102" s="14">
        <v>252</v>
      </c>
      <c r="D102" s="18">
        <v>444</v>
      </c>
    </row>
    <row r="103" spans="1:4" ht="18" customHeight="1" x14ac:dyDescent="0.15">
      <c r="A103" s="5">
        <v>80</v>
      </c>
      <c r="B103" s="22">
        <v>22</v>
      </c>
      <c r="C103" s="14">
        <v>32</v>
      </c>
      <c r="D103" s="18">
        <v>54</v>
      </c>
    </row>
    <row r="104" spans="1:4" ht="18" customHeight="1" x14ac:dyDescent="0.15">
      <c r="A104" s="5">
        <v>81</v>
      </c>
      <c r="B104" s="22">
        <v>30</v>
      </c>
      <c r="C104" s="14">
        <v>45</v>
      </c>
      <c r="D104" s="18">
        <v>75</v>
      </c>
    </row>
    <row r="105" spans="1:4" ht="18" customHeight="1" x14ac:dyDescent="0.15">
      <c r="A105" s="5">
        <v>82</v>
      </c>
      <c r="B105" s="22">
        <v>27</v>
      </c>
      <c r="C105" s="14">
        <v>41</v>
      </c>
      <c r="D105" s="18">
        <v>68</v>
      </c>
    </row>
    <row r="106" spans="1:4" ht="18" customHeight="1" x14ac:dyDescent="0.15">
      <c r="A106" s="5">
        <v>83</v>
      </c>
      <c r="B106" s="22">
        <v>30</v>
      </c>
      <c r="C106" s="14">
        <v>43</v>
      </c>
      <c r="D106" s="18">
        <v>73</v>
      </c>
    </row>
    <row r="107" spans="1:4" ht="18" customHeight="1" x14ac:dyDescent="0.15">
      <c r="A107" s="5">
        <v>84</v>
      </c>
      <c r="B107" s="22">
        <v>26</v>
      </c>
      <c r="C107" s="14">
        <v>51</v>
      </c>
      <c r="D107" s="18">
        <v>77</v>
      </c>
    </row>
    <row r="108" spans="1:4" ht="18" customHeight="1" x14ac:dyDescent="0.15">
      <c r="A108" s="5" t="s">
        <v>35</v>
      </c>
      <c r="B108" s="22">
        <v>135</v>
      </c>
      <c r="C108" s="14">
        <v>212</v>
      </c>
      <c r="D108" s="18">
        <v>347</v>
      </c>
    </row>
    <row r="109" spans="1:4" ht="18" customHeight="1" x14ac:dyDescent="0.15">
      <c r="A109" s="5">
        <v>85</v>
      </c>
      <c r="B109" s="22">
        <v>22</v>
      </c>
      <c r="C109" s="14">
        <v>37</v>
      </c>
      <c r="D109" s="18">
        <v>59</v>
      </c>
    </row>
    <row r="110" spans="1:4" ht="18" customHeight="1" x14ac:dyDescent="0.15">
      <c r="A110" s="5">
        <v>86</v>
      </c>
      <c r="B110" s="22">
        <v>19</v>
      </c>
      <c r="C110" s="14">
        <v>29</v>
      </c>
      <c r="D110" s="18">
        <v>48</v>
      </c>
    </row>
    <row r="111" spans="1:4" ht="18" customHeight="1" x14ac:dyDescent="0.15">
      <c r="A111" s="5">
        <v>87</v>
      </c>
      <c r="B111" s="22">
        <v>17</v>
      </c>
      <c r="C111" s="14">
        <v>31</v>
      </c>
      <c r="D111" s="18">
        <v>48</v>
      </c>
    </row>
    <row r="112" spans="1:4" ht="18" customHeight="1" x14ac:dyDescent="0.15">
      <c r="A112" s="5">
        <v>88</v>
      </c>
      <c r="B112" s="22">
        <v>13</v>
      </c>
      <c r="C112" s="14">
        <v>43</v>
      </c>
      <c r="D112" s="18">
        <v>56</v>
      </c>
    </row>
    <row r="113" spans="1:4" ht="18" customHeight="1" x14ac:dyDescent="0.15">
      <c r="A113" s="5">
        <v>89</v>
      </c>
      <c r="B113" s="22">
        <v>8</v>
      </c>
      <c r="C113" s="14">
        <v>24</v>
      </c>
      <c r="D113" s="18">
        <v>32</v>
      </c>
    </row>
    <row r="114" spans="1:4" ht="18" customHeight="1" x14ac:dyDescent="0.15">
      <c r="A114" s="5" t="s">
        <v>37</v>
      </c>
      <c r="B114" s="22">
        <v>79</v>
      </c>
      <c r="C114" s="14">
        <v>164</v>
      </c>
      <c r="D114" s="18">
        <v>243</v>
      </c>
    </row>
    <row r="115" spans="1:4" ht="18" customHeight="1" x14ac:dyDescent="0.15">
      <c r="A115" s="5">
        <v>90</v>
      </c>
      <c r="B115" s="22">
        <v>6</v>
      </c>
      <c r="C115" s="14">
        <v>22</v>
      </c>
      <c r="D115" s="18">
        <v>28</v>
      </c>
    </row>
    <row r="116" spans="1:4" ht="18" customHeight="1" x14ac:dyDescent="0.15">
      <c r="A116" s="5">
        <v>91</v>
      </c>
      <c r="B116" s="22">
        <v>10</v>
      </c>
      <c r="C116" s="14">
        <v>19</v>
      </c>
      <c r="D116" s="18">
        <v>29</v>
      </c>
    </row>
    <row r="117" spans="1:4" ht="18" customHeight="1" x14ac:dyDescent="0.15">
      <c r="A117" s="5">
        <v>92</v>
      </c>
      <c r="B117" s="22">
        <v>5</v>
      </c>
      <c r="C117" s="14">
        <v>18</v>
      </c>
      <c r="D117" s="18">
        <v>23</v>
      </c>
    </row>
    <row r="118" spans="1:4" ht="18" customHeight="1" x14ac:dyDescent="0.15">
      <c r="A118" s="5">
        <v>93</v>
      </c>
      <c r="B118" s="22">
        <v>2</v>
      </c>
      <c r="C118" s="14">
        <v>28</v>
      </c>
      <c r="D118" s="18">
        <v>30</v>
      </c>
    </row>
    <row r="119" spans="1:4" ht="18" customHeight="1" x14ac:dyDescent="0.15">
      <c r="A119" s="5">
        <v>94</v>
      </c>
      <c r="B119" s="22">
        <v>0</v>
      </c>
      <c r="C119" s="14">
        <v>13</v>
      </c>
      <c r="D119" s="18">
        <v>13</v>
      </c>
    </row>
    <row r="120" spans="1:4" ht="18" customHeight="1" x14ac:dyDescent="0.15">
      <c r="A120" s="5" t="s">
        <v>39</v>
      </c>
      <c r="B120" s="22">
        <v>23</v>
      </c>
      <c r="C120" s="14">
        <v>100</v>
      </c>
      <c r="D120" s="18">
        <v>123</v>
      </c>
    </row>
    <row r="121" spans="1:4" ht="18" customHeight="1" x14ac:dyDescent="0.15">
      <c r="A121" s="5">
        <v>95</v>
      </c>
      <c r="B121" s="22">
        <v>2</v>
      </c>
      <c r="C121" s="14">
        <v>9</v>
      </c>
      <c r="D121" s="18">
        <v>11</v>
      </c>
    </row>
    <row r="122" spans="1:4" ht="18" customHeight="1" x14ac:dyDescent="0.15">
      <c r="A122" s="5">
        <v>96</v>
      </c>
      <c r="B122" s="22">
        <v>1</v>
      </c>
      <c r="C122" s="14">
        <v>9</v>
      </c>
      <c r="D122" s="18">
        <v>10</v>
      </c>
    </row>
    <row r="123" spans="1:4" ht="18" customHeight="1" x14ac:dyDescent="0.15">
      <c r="A123" s="5">
        <v>97</v>
      </c>
      <c r="B123" s="22">
        <v>2</v>
      </c>
      <c r="C123" s="14">
        <v>4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5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7</v>
      </c>
      <c r="C126" s="14">
        <v>31</v>
      </c>
      <c r="D126" s="18">
        <v>38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1</v>
      </c>
      <c r="C128" s="14">
        <v>5</v>
      </c>
      <c r="D128" s="18">
        <v>6</v>
      </c>
    </row>
    <row r="129" spans="1:4" ht="18" customHeight="1" x14ac:dyDescent="0.15">
      <c r="A129" s="5" t="s">
        <v>44</v>
      </c>
      <c r="B129" s="22">
        <v>2</v>
      </c>
      <c r="C129" s="14">
        <v>9</v>
      </c>
      <c r="D129" s="18">
        <v>11</v>
      </c>
    </row>
    <row r="130" spans="1:4" ht="18" customHeight="1" x14ac:dyDescent="0.15">
      <c r="A130" s="5" t="s">
        <v>46</v>
      </c>
      <c r="B130" s="22">
        <v>776</v>
      </c>
      <c r="C130" s="14">
        <v>1143</v>
      </c>
      <c r="D130" s="18">
        <v>1919</v>
      </c>
    </row>
    <row r="131" spans="1:4" ht="18" customHeight="1" x14ac:dyDescent="0.15">
      <c r="A131" s="7" t="s">
        <v>45</v>
      </c>
      <c r="B131" s="23">
        <v>3017</v>
      </c>
      <c r="C131" s="15">
        <v>3287</v>
      </c>
      <c r="D131" s="19">
        <v>630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2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33</v>
      </c>
      <c r="C5" s="13">
        <v>31</v>
      </c>
      <c r="D5" s="17">
        <v>64</v>
      </c>
    </row>
    <row r="6" spans="1:4" ht="18" customHeight="1" x14ac:dyDescent="0.15">
      <c r="A6" s="5">
        <v>1</v>
      </c>
      <c r="B6" s="22">
        <v>39</v>
      </c>
      <c r="C6" s="14">
        <v>26</v>
      </c>
      <c r="D6" s="18">
        <v>65</v>
      </c>
    </row>
    <row r="7" spans="1:4" ht="18" customHeight="1" x14ac:dyDescent="0.15">
      <c r="A7" s="5">
        <v>2</v>
      </c>
      <c r="B7" s="22">
        <v>34</v>
      </c>
      <c r="C7" s="14">
        <v>34</v>
      </c>
      <c r="D7" s="18">
        <v>68</v>
      </c>
    </row>
    <row r="8" spans="1:4" ht="18" customHeight="1" x14ac:dyDescent="0.15">
      <c r="A8" s="5">
        <v>3</v>
      </c>
      <c r="B8" s="22">
        <v>36</v>
      </c>
      <c r="C8" s="14">
        <v>40</v>
      </c>
      <c r="D8" s="18">
        <v>76</v>
      </c>
    </row>
    <row r="9" spans="1:4" ht="18" customHeight="1" x14ac:dyDescent="0.15">
      <c r="A9" s="5">
        <v>4</v>
      </c>
      <c r="B9" s="22">
        <v>30</v>
      </c>
      <c r="C9" s="14">
        <v>33</v>
      </c>
      <c r="D9" s="18">
        <v>63</v>
      </c>
    </row>
    <row r="10" spans="1:4" ht="18" customHeight="1" x14ac:dyDescent="0.15">
      <c r="A10" s="5" t="s">
        <v>7</v>
      </c>
      <c r="B10" s="22">
        <v>172</v>
      </c>
      <c r="C10" s="14">
        <v>164</v>
      </c>
      <c r="D10" s="18">
        <v>336</v>
      </c>
    </row>
    <row r="11" spans="1:4" ht="18" customHeight="1" x14ac:dyDescent="0.15">
      <c r="A11" s="5">
        <v>5</v>
      </c>
      <c r="B11" s="22">
        <v>60</v>
      </c>
      <c r="C11" s="14">
        <v>34</v>
      </c>
      <c r="D11" s="18">
        <v>94</v>
      </c>
    </row>
    <row r="12" spans="1:4" ht="18" customHeight="1" x14ac:dyDescent="0.15">
      <c r="A12" s="5">
        <v>6</v>
      </c>
      <c r="B12" s="22">
        <v>47</v>
      </c>
      <c r="C12" s="14">
        <v>39</v>
      </c>
      <c r="D12" s="18">
        <v>86</v>
      </c>
    </row>
    <row r="13" spans="1:4" ht="18" customHeight="1" x14ac:dyDescent="0.15">
      <c r="A13" s="5">
        <v>7</v>
      </c>
      <c r="B13" s="22">
        <v>50</v>
      </c>
      <c r="C13" s="14">
        <v>37</v>
      </c>
      <c r="D13" s="18">
        <v>87</v>
      </c>
    </row>
    <row r="14" spans="1:4" ht="18" customHeight="1" x14ac:dyDescent="0.15">
      <c r="A14" s="5">
        <v>8</v>
      </c>
      <c r="B14" s="22">
        <v>49</v>
      </c>
      <c r="C14" s="14">
        <v>42</v>
      </c>
      <c r="D14" s="18">
        <v>91</v>
      </c>
    </row>
    <row r="15" spans="1:4" ht="18" customHeight="1" x14ac:dyDescent="0.15">
      <c r="A15" s="5">
        <v>9</v>
      </c>
      <c r="B15" s="22">
        <v>52</v>
      </c>
      <c r="C15" s="14">
        <v>50</v>
      </c>
      <c r="D15" s="18">
        <v>102</v>
      </c>
    </row>
    <row r="16" spans="1:4" ht="18" customHeight="1" x14ac:dyDescent="0.15">
      <c r="A16" s="5" t="s">
        <v>11</v>
      </c>
      <c r="B16" s="22">
        <v>258</v>
      </c>
      <c r="C16" s="14">
        <v>202</v>
      </c>
      <c r="D16" s="18">
        <v>460</v>
      </c>
    </row>
    <row r="17" spans="1:4" ht="18" customHeight="1" x14ac:dyDescent="0.15">
      <c r="A17" s="5">
        <v>10</v>
      </c>
      <c r="B17" s="22">
        <v>46</v>
      </c>
      <c r="C17" s="14">
        <v>46</v>
      </c>
      <c r="D17" s="18">
        <v>92</v>
      </c>
    </row>
    <row r="18" spans="1:4" ht="18" customHeight="1" x14ac:dyDescent="0.15">
      <c r="A18" s="5">
        <v>11</v>
      </c>
      <c r="B18" s="22">
        <v>47</v>
      </c>
      <c r="C18" s="14">
        <v>49</v>
      </c>
      <c r="D18" s="18">
        <v>96</v>
      </c>
    </row>
    <row r="19" spans="1:4" ht="18" customHeight="1" x14ac:dyDescent="0.15">
      <c r="A19" s="5">
        <v>12</v>
      </c>
      <c r="B19" s="22">
        <v>59</v>
      </c>
      <c r="C19" s="14">
        <v>53</v>
      </c>
      <c r="D19" s="18">
        <v>112</v>
      </c>
    </row>
    <row r="20" spans="1:4" ht="18" customHeight="1" x14ac:dyDescent="0.15">
      <c r="A20" s="5">
        <v>13</v>
      </c>
      <c r="B20" s="22">
        <v>56</v>
      </c>
      <c r="C20" s="14">
        <v>48</v>
      </c>
      <c r="D20" s="18">
        <v>104</v>
      </c>
    </row>
    <row r="21" spans="1:4" ht="18" customHeight="1" x14ac:dyDescent="0.15">
      <c r="A21" s="5">
        <v>14</v>
      </c>
      <c r="B21" s="22">
        <v>44</v>
      </c>
      <c r="C21" s="14">
        <v>56</v>
      </c>
      <c r="D21" s="18">
        <v>100</v>
      </c>
    </row>
    <row r="22" spans="1:4" ht="18" customHeight="1" x14ac:dyDescent="0.15">
      <c r="A22" s="5" t="s">
        <v>12</v>
      </c>
      <c r="B22" s="22">
        <v>252</v>
      </c>
      <c r="C22" s="14">
        <v>252</v>
      </c>
      <c r="D22" s="18">
        <v>504</v>
      </c>
    </row>
    <row r="23" spans="1:4" ht="18" customHeight="1" x14ac:dyDescent="0.15">
      <c r="A23" s="5" t="s">
        <v>6</v>
      </c>
      <c r="B23" s="22">
        <v>682</v>
      </c>
      <c r="C23" s="14">
        <v>618</v>
      </c>
      <c r="D23" s="18">
        <v>1300</v>
      </c>
    </row>
    <row r="24" spans="1:4" ht="18" customHeight="1" x14ac:dyDescent="0.15">
      <c r="A24" s="5">
        <v>15</v>
      </c>
      <c r="B24" s="22">
        <v>71</v>
      </c>
      <c r="C24" s="14">
        <v>45</v>
      </c>
      <c r="D24" s="18">
        <v>116</v>
      </c>
    </row>
    <row r="25" spans="1:4" ht="18" customHeight="1" x14ac:dyDescent="0.15">
      <c r="A25" s="5">
        <v>16</v>
      </c>
      <c r="B25" s="22">
        <v>51</v>
      </c>
      <c r="C25" s="14">
        <v>37</v>
      </c>
      <c r="D25" s="18">
        <v>88</v>
      </c>
    </row>
    <row r="26" spans="1:4" ht="18" customHeight="1" x14ac:dyDescent="0.15">
      <c r="A26" s="5">
        <v>17</v>
      </c>
      <c r="B26" s="22">
        <v>34</v>
      </c>
      <c r="C26" s="14">
        <v>48</v>
      </c>
      <c r="D26" s="18">
        <v>82</v>
      </c>
    </row>
    <row r="27" spans="1:4" ht="18" customHeight="1" x14ac:dyDescent="0.15">
      <c r="A27" s="5">
        <v>18</v>
      </c>
      <c r="B27" s="22">
        <v>43</v>
      </c>
      <c r="C27" s="14">
        <v>63</v>
      </c>
      <c r="D27" s="18">
        <v>106</v>
      </c>
    </row>
    <row r="28" spans="1:4" ht="18" customHeight="1" x14ac:dyDescent="0.15">
      <c r="A28" s="5">
        <v>19</v>
      </c>
      <c r="B28" s="22">
        <v>51</v>
      </c>
      <c r="C28" s="14">
        <v>36</v>
      </c>
      <c r="D28" s="18">
        <v>87</v>
      </c>
    </row>
    <row r="29" spans="1:4" ht="18" customHeight="1" x14ac:dyDescent="0.15">
      <c r="A29" s="5" t="s">
        <v>14</v>
      </c>
      <c r="B29" s="22">
        <v>250</v>
      </c>
      <c r="C29" s="14">
        <v>229</v>
      </c>
      <c r="D29" s="18">
        <v>479</v>
      </c>
    </row>
    <row r="30" spans="1:4" ht="18" customHeight="1" x14ac:dyDescent="0.15">
      <c r="A30" s="5">
        <v>20</v>
      </c>
      <c r="B30" s="22">
        <v>47</v>
      </c>
      <c r="C30" s="14">
        <v>35</v>
      </c>
      <c r="D30" s="18">
        <v>82</v>
      </c>
    </row>
    <row r="31" spans="1:4" ht="18" customHeight="1" x14ac:dyDescent="0.15">
      <c r="A31" s="5">
        <v>21</v>
      </c>
      <c r="B31" s="22">
        <v>45</v>
      </c>
      <c r="C31" s="14">
        <v>51</v>
      </c>
      <c r="D31" s="18">
        <v>96</v>
      </c>
    </row>
    <row r="32" spans="1:4" ht="18" customHeight="1" x14ac:dyDescent="0.15">
      <c r="A32" s="5">
        <v>22</v>
      </c>
      <c r="B32" s="22">
        <v>51</v>
      </c>
      <c r="C32" s="14">
        <v>51</v>
      </c>
      <c r="D32" s="18">
        <v>102</v>
      </c>
    </row>
    <row r="33" spans="1:4" ht="18" customHeight="1" x14ac:dyDescent="0.15">
      <c r="A33" s="5">
        <v>23</v>
      </c>
      <c r="B33" s="22">
        <v>57</v>
      </c>
      <c r="C33" s="14">
        <v>52</v>
      </c>
      <c r="D33" s="18">
        <v>109</v>
      </c>
    </row>
    <row r="34" spans="1:4" ht="18" customHeight="1" x14ac:dyDescent="0.15">
      <c r="A34" s="5">
        <v>24</v>
      </c>
      <c r="B34" s="22">
        <v>63</v>
      </c>
      <c r="C34" s="14">
        <v>49</v>
      </c>
      <c r="D34" s="18">
        <v>112</v>
      </c>
    </row>
    <row r="35" spans="1:4" ht="18" customHeight="1" x14ac:dyDescent="0.15">
      <c r="A35" s="5" t="s">
        <v>9</v>
      </c>
      <c r="B35" s="22">
        <v>263</v>
      </c>
      <c r="C35" s="14">
        <v>238</v>
      </c>
      <c r="D35" s="18">
        <v>501</v>
      </c>
    </row>
    <row r="36" spans="1:4" ht="18" customHeight="1" x14ac:dyDescent="0.15">
      <c r="A36" s="5">
        <v>25</v>
      </c>
      <c r="B36" s="22">
        <v>62</v>
      </c>
      <c r="C36" s="14">
        <v>52</v>
      </c>
      <c r="D36" s="18">
        <v>114</v>
      </c>
    </row>
    <row r="37" spans="1:4" ht="18" customHeight="1" x14ac:dyDescent="0.15">
      <c r="A37" s="5">
        <v>26</v>
      </c>
      <c r="B37" s="22">
        <v>65</v>
      </c>
      <c r="C37" s="14">
        <v>54</v>
      </c>
      <c r="D37" s="18">
        <v>119</v>
      </c>
    </row>
    <row r="38" spans="1:4" ht="18" customHeight="1" x14ac:dyDescent="0.15">
      <c r="A38" s="5">
        <v>27</v>
      </c>
      <c r="B38" s="22">
        <v>56</v>
      </c>
      <c r="C38" s="14">
        <v>69</v>
      </c>
      <c r="D38" s="18">
        <v>125</v>
      </c>
    </row>
    <row r="39" spans="1:4" ht="18" customHeight="1" x14ac:dyDescent="0.15">
      <c r="A39" s="5">
        <v>28</v>
      </c>
      <c r="B39" s="22">
        <v>69</v>
      </c>
      <c r="C39" s="14">
        <v>71</v>
      </c>
      <c r="D39" s="18">
        <v>140</v>
      </c>
    </row>
    <row r="40" spans="1:4" ht="18" customHeight="1" x14ac:dyDescent="0.15">
      <c r="A40" s="5">
        <v>29</v>
      </c>
      <c r="B40" s="22">
        <v>57</v>
      </c>
      <c r="C40" s="14">
        <v>61</v>
      </c>
      <c r="D40" s="18">
        <v>118</v>
      </c>
    </row>
    <row r="41" spans="1:4" ht="18" customHeight="1" x14ac:dyDescent="0.15">
      <c r="A41" s="5" t="s">
        <v>2</v>
      </c>
      <c r="B41" s="22">
        <v>309</v>
      </c>
      <c r="C41" s="14">
        <v>307</v>
      </c>
      <c r="D41" s="18">
        <v>616</v>
      </c>
    </row>
    <row r="42" spans="1:4" ht="18" customHeight="1" x14ac:dyDescent="0.15">
      <c r="A42" s="5">
        <v>30</v>
      </c>
      <c r="B42" s="22">
        <v>58</v>
      </c>
      <c r="C42" s="14">
        <v>52</v>
      </c>
      <c r="D42" s="18">
        <v>110</v>
      </c>
    </row>
    <row r="43" spans="1:4" ht="18" customHeight="1" x14ac:dyDescent="0.15">
      <c r="A43" s="5">
        <v>31</v>
      </c>
      <c r="B43" s="22">
        <v>66</v>
      </c>
      <c r="C43" s="14">
        <v>64</v>
      </c>
      <c r="D43" s="18">
        <v>130</v>
      </c>
    </row>
    <row r="44" spans="1:4" ht="18" customHeight="1" x14ac:dyDescent="0.15">
      <c r="A44" s="5">
        <v>32</v>
      </c>
      <c r="B44" s="22">
        <v>72</v>
      </c>
      <c r="C44" s="14">
        <v>56</v>
      </c>
      <c r="D44" s="18">
        <v>128</v>
      </c>
    </row>
    <row r="45" spans="1:4" ht="18" customHeight="1" x14ac:dyDescent="0.15">
      <c r="A45" s="5">
        <v>33</v>
      </c>
      <c r="B45" s="22">
        <v>66</v>
      </c>
      <c r="C45" s="14">
        <v>61</v>
      </c>
      <c r="D45" s="18">
        <v>127</v>
      </c>
    </row>
    <row r="46" spans="1:4" ht="18" customHeight="1" x14ac:dyDescent="0.15">
      <c r="A46" s="5">
        <v>34</v>
      </c>
      <c r="B46" s="22">
        <v>60</v>
      </c>
      <c r="C46" s="14">
        <v>54</v>
      </c>
      <c r="D46" s="18">
        <v>114</v>
      </c>
    </row>
    <row r="47" spans="1:4" ht="18" customHeight="1" x14ac:dyDescent="0.15">
      <c r="A47" s="5" t="s">
        <v>15</v>
      </c>
      <c r="B47" s="22">
        <v>322</v>
      </c>
      <c r="C47" s="14">
        <v>287</v>
      </c>
      <c r="D47" s="18">
        <v>609</v>
      </c>
    </row>
    <row r="48" spans="1:4" ht="18" customHeight="1" x14ac:dyDescent="0.15">
      <c r="A48" s="5">
        <v>35</v>
      </c>
      <c r="B48" s="22">
        <v>57</v>
      </c>
      <c r="C48" s="14">
        <v>53</v>
      </c>
      <c r="D48" s="18">
        <v>110</v>
      </c>
    </row>
    <row r="49" spans="1:4" ht="18" customHeight="1" x14ac:dyDescent="0.15">
      <c r="A49" s="5">
        <v>36</v>
      </c>
      <c r="B49" s="22">
        <v>67</v>
      </c>
      <c r="C49" s="14">
        <v>60</v>
      </c>
      <c r="D49" s="18">
        <v>127</v>
      </c>
    </row>
    <row r="50" spans="1:4" ht="18" customHeight="1" x14ac:dyDescent="0.15">
      <c r="A50" s="5">
        <v>37</v>
      </c>
      <c r="B50" s="22">
        <v>69</v>
      </c>
      <c r="C50" s="14">
        <v>48</v>
      </c>
      <c r="D50" s="18">
        <v>117</v>
      </c>
    </row>
    <row r="51" spans="1:4" ht="18" customHeight="1" x14ac:dyDescent="0.15">
      <c r="A51" s="5">
        <v>38</v>
      </c>
      <c r="B51" s="22">
        <v>56</v>
      </c>
      <c r="C51" s="14">
        <v>51</v>
      </c>
      <c r="D51" s="18">
        <v>107</v>
      </c>
    </row>
    <row r="52" spans="1:4" ht="18" customHeight="1" x14ac:dyDescent="0.15">
      <c r="A52" s="5">
        <v>39</v>
      </c>
      <c r="B52" s="22">
        <v>69</v>
      </c>
      <c r="C52" s="14">
        <v>68</v>
      </c>
      <c r="D52" s="18">
        <v>137</v>
      </c>
    </row>
    <row r="53" spans="1:4" ht="18" customHeight="1" x14ac:dyDescent="0.15">
      <c r="A53" s="5" t="s">
        <v>18</v>
      </c>
      <c r="B53" s="22">
        <v>318</v>
      </c>
      <c r="C53" s="14">
        <v>280</v>
      </c>
      <c r="D53" s="18">
        <v>598</v>
      </c>
    </row>
    <row r="54" spans="1:4" ht="18" customHeight="1" x14ac:dyDescent="0.15">
      <c r="A54" s="5">
        <v>40</v>
      </c>
      <c r="B54" s="22">
        <v>59</v>
      </c>
      <c r="C54" s="14">
        <v>68</v>
      </c>
      <c r="D54" s="18">
        <v>127</v>
      </c>
    </row>
    <row r="55" spans="1:4" ht="18" customHeight="1" x14ac:dyDescent="0.15">
      <c r="A55" s="5">
        <v>41</v>
      </c>
      <c r="B55" s="22">
        <v>69</v>
      </c>
      <c r="C55" s="14">
        <v>71</v>
      </c>
      <c r="D55" s="18">
        <v>140</v>
      </c>
    </row>
    <row r="56" spans="1:4" ht="18" customHeight="1" x14ac:dyDescent="0.15">
      <c r="A56" s="5">
        <v>42</v>
      </c>
      <c r="B56" s="22">
        <v>66</v>
      </c>
      <c r="C56" s="14">
        <v>61</v>
      </c>
      <c r="D56" s="18">
        <v>127</v>
      </c>
    </row>
    <row r="57" spans="1:4" ht="18" customHeight="1" x14ac:dyDescent="0.15">
      <c r="A57" s="5">
        <v>43</v>
      </c>
      <c r="B57" s="22">
        <v>72</v>
      </c>
      <c r="C57" s="14">
        <v>79</v>
      </c>
      <c r="D57" s="18">
        <v>151</v>
      </c>
    </row>
    <row r="58" spans="1:4" ht="18" customHeight="1" x14ac:dyDescent="0.15">
      <c r="A58" s="5">
        <v>44</v>
      </c>
      <c r="B58" s="22">
        <v>54</v>
      </c>
      <c r="C58" s="14">
        <v>79</v>
      </c>
      <c r="D58" s="18">
        <v>133</v>
      </c>
    </row>
    <row r="59" spans="1:4" ht="18" customHeight="1" x14ac:dyDescent="0.15">
      <c r="A59" s="5" t="s">
        <v>21</v>
      </c>
      <c r="B59" s="22">
        <v>320</v>
      </c>
      <c r="C59" s="14">
        <v>358</v>
      </c>
      <c r="D59" s="18">
        <v>678</v>
      </c>
    </row>
    <row r="60" spans="1:4" ht="18" customHeight="1" x14ac:dyDescent="0.15">
      <c r="A60" s="5">
        <v>45</v>
      </c>
      <c r="B60" s="22">
        <v>79</v>
      </c>
      <c r="C60" s="14">
        <v>67</v>
      </c>
      <c r="D60" s="18">
        <v>146</v>
      </c>
    </row>
    <row r="61" spans="1:4" ht="18" customHeight="1" x14ac:dyDescent="0.15">
      <c r="A61" s="5">
        <v>46</v>
      </c>
      <c r="B61" s="22">
        <v>70</v>
      </c>
      <c r="C61" s="14">
        <v>66</v>
      </c>
      <c r="D61" s="18">
        <v>136</v>
      </c>
    </row>
    <row r="62" spans="1:4" ht="18" customHeight="1" x14ac:dyDescent="0.15">
      <c r="A62" s="5">
        <v>47</v>
      </c>
      <c r="B62" s="22">
        <v>74</v>
      </c>
      <c r="C62" s="14">
        <v>81</v>
      </c>
      <c r="D62" s="18">
        <v>155</v>
      </c>
    </row>
    <row r="63" spans="1:4" ht="18" customHeight="1" x14ac:dyDescent="0.15">
      <c r="A63" s="5">
        <v>48</v>
      </c>
      <c r="B63" s="22">
        <v>60</v>
      </c>
      <c r="C63" s="14">
        <v>78</v>
      </c>
      <c r="D63" s="18">
        <v>138</v>
      </c>
    </row>
    <row r="64" spans="1:4" ht="18" customHeight="1" x14ac:dyDescent="0.15">
      <c r="A64" s="5">
        <v>49</v>
      </c>
      <c r="B64" s="22">
        <v>110</v>
      </c>
      <c r="C64" s="14">
        <v>85</v>
      </c>
      <c r="D64" s="18">
        <v>195</v>
      </c>
    </row>
    <row r="65" spans="1:4" ht="18" customHeight="1" x14ac:dyDescent="0.15">
      <c r="A65" s="5" t="s">
        <v>17</v>
      </c>
      <c r="B65" s="22">
        <v>393</v>
      </c>
      <c r="C65" s="14">
        <v>377</v>
      </c>
      <c r="D65" s="18">
        <v>770</v>
      </c>
    </row>
    <row r="66" spans="1:4" ht="18" customHeight="1" x14ac:dyDescent="0.15">
      <c r="A66" s="5">
        <v>50</v>
      </c>
      <c r="B66" s="22">
        <v>83</v>
      </c>
      <c r="C66" s="14">
        <v>110</v>
      </c>
      <c r="D66" s="18">
        <v>193</v>
      </c>
    </row>
    <row r="67" spans="1:4" ht="18" customHeight="1" x14ac:dyDescent="0.15">
      <c r="A67" s="5">
        <v>51</v>
      </c>
      <c r="B67" s="22">
        <v>80</v>
      </c>
      <c r="C67" s="14">
        <v>88</v>
      </c>
      <c r="D67" s="18">
        <v>168</v>
      </c>
    </row>
    <row r="68" spans="1:4" ht="18" customHeight="1" x14ac:dyDescent="0.15">
      <c r="A68" s="5">
        <v>52</v>
      </c>
      <c r="B68" s="22">
        <v>99</v>
      </c>
      <c r="C68" s="14">
        <v>105</v>
      </c>
      <c r="D68" s="18">
        <v>204</v>
      </c>
    </row>
    <row r="69" spans="1:4" ht="18" customHeight="1" x14ac:dyDescent="0.15">
      <c r="A69" s="5">
        <v>53</v>
      </c>
      <c r="B69" s="22">
        <v>122</v>
      </c>
      <c r="C69" s="14">
        <v>101</v>
      </c>
      <c r="D69" s="18">
        <v>223</v>
      </c>
    </row>
    <row r="70" spans="1:4" ht="18" customHeight="1" x14ac:dyDescent="0.15">
      <c r="A70" s="5">
        <v>54</v>
      </c>
      <c r="B70" s="22">
        <v>121</v>
      </c>
      <c r="C70" s="14">
        <v>110</v>
      </c>
      <c r="D70" s="18">
        <v>231</v>
      </c>
    </row>
    <row r="71" spans="1:4" ht="18" customHeight="1" x14ac:dyDescent="0.15">
      <c r="A71" s="5" t="s">
        <v>22</v>
      </c>
      <c r="B71" s="22">
        <v>505</v>
      </c>
      <c r="C71" s="14">
        <v>514</v>
      </c>
      <c r="D71" s="18">
        <v>1019</v>
      </c>
    </row>
    <row r="72" spans="1:4" ht="18" customHeight="1" x14ac:dyDescent="0.15">
      <c r="A72" s="5">
        <v>55</v>
      </c>
      <c r="B72" s="22">
        <v>96</v>
      </c>
      <c r="C72" s="14">
        <v>119</v>
      </c>
      <c r="D72" s="18">
        <v>215</v>
      </c>
    </row>
    <row r="73" spans="1:4" ht="18" customHeight="1" x14ac:dyDescent="0.15">
      <c r="A73" s="5">
        <v>56</v>
      </c>
      <c r="B73" s="22">
        <v>91</v>
      </c>
      <c r="C73" s="14">
        <v>102</v>
      </c>
      <c r="D73" s="18">
        <v>193</v>
      </c>
    </row>
    <row r="74" spans="1:4" ht="18" customHeight="1" x14ac:dyDescent="0.15">
      <c r="A74" s="5">
        <v>57</v>
      </c>
      <c r="B74" s="22">
        <v>87</v>
      </c>
      <c r="C74" s="14">
        <v>103</v>
      </c>
      <c r="D74" s="18">
        <v>190</v>
      </c>
    </row>
    <row r="75" spans="1:4" ht="18" customHeight="1" x14ac:dyDescent="0.15">
      <c r="A75" s="5">
        <v>58</v>
      </c>
      <c r="B75" s="22">
        <v>99</v>
      </c>
      <c r="C75" s="14">
        <v>102</v>
      </c>
      <c r="D75" s="18">
        <v>201</v>
      </c>
    </row>
    <row r="76" spans="1:4" ht="18" customHeight="1" x14ac:dyDescent="0.15">
      <c r="A76" s="5">
        <v>59</v>
      </c>
      <c r="B76" s="22">
        <v>76</v>
      </c>
      <c r="C76" s="14">
        <v>61</v>
      </c>
      <c r="D76" s="18">
        <v>137</v>
      </c>
    </row>
    <row r="77" spans="1:4" ht="18" customHeight="1" x14ac:dyDescent="0.15">
      <c r="A77" s="5" t="s">
        <v>27</v>
      </c>
      <c r="B77" s="22">
        <v>449</v>
      </c>
      <c r="C77" s="14">
        <v>487</v>
      </c>
      <c r="D77" s="18">
        <v>936</v>
      </c>
    </row>
    <row r="78" spans="1:4" ht="18" customHeight="1" x14ac:dyDescent="0.15">
      <c r="A78" s="5">
        <v>60</v>
      </c>
      <c r="B78" s="22">
        <v>83</v>
      </c>
      <c r="C78" s="14">
        <v>97</v>
      </c>
      <c r="D78" s="18">
        <v>180</v>
      </c>
    </row>
    <row r="79" spans="1:4" ht="18" customHeight="1" x14ac:dyDescent="0.15">
      <c r="A79" s="5">
        <v>61</v>
      </c>
      <c r="B79" s="22">
        <v>76</v>
      </c>
      <c r="C79" s="14">
        <v>84</v>
      </c>
      <c r="D79" s="18">
        <v>160</v>
      </c>
    </row>
    <row r="80" spans="1:4" ht="18" customHeight="1" x14ac:dyDescent="0.15">
      <c r="A80" s="5">
        <v>62</v>
      </c>
      <c r="B80" s="22">
        <v>93</v>
      </c>
      <c r="C80" s="14">
        <v>82</v>
      </c>
      <c r="D80" s="18">
        <v>175</v>
      </c>
    </row>
    <row r="81" spans="1:4" ht="18" customHeight="1" x14ac:dyDescent="0.15">
      <c r="A81" s="5">
        <v>63</v>
      </c>
      <c r="B81" s="22">
        <v>81</v>
      </c>
      <c r="C81" s="14">
        <v>93</v>
      </c>
      <c r="D81" s="18">
        <v>174</v>
      </c>
    </row>
    <row r="82" spans="1:4" ht="18" customHeight="1" x14ac:dyDescent="0.15">
      <c r="A82" s="5">
        <v>64</v>
      </c>
      <c r="B82" s="22">
        <v>73</v>
      </c>
      <c r="C82" s="14">
        <v>83</v>
      </c>
      <c r="D82" s="18">
        <v>156</v>
      </c>
    </row>
    <row r="83" spans="1:4" ht="18" customHeight="1" x14ac:dyDescent="0.15">
      <c r="A83" s="5" t="s">
        <v>28</v>
      </c>
      <c r="B83" s="22">
        <v>406</v>
      </c>
      <c r="C83" s="14">
        <v>439</v>
      </c>
      <c r="D83" s="18">
        <v>845</v>
      </c>
    </row>
    <row r="84" spans="1:4" ht="18" customHeight="1" x14ac:dyDescent="0.15">
      <c r="A84" s="5" t="s">
        <v>31</v>
      </c>
      <c r="B84" s="22">
        <v>3535</v>
      </c>
      <c r="C84" s="14">
        <v>3516</v>
      </c>
      <c r="D84" s="18">
        <v>7051</v>
      </c>
    </row>
    <row r="85" spans="1:4" ht="18" customHeight="1" x14ac:dyDescent="0.15">
      <c r="A85" s="5">
        <v>65</v>
      </c>
      <c r="B85" s="22">
        <v>80</v>
      </c>
      <c r="C85" s="14">
        <v>68</v>
      </c>
      <c r="D85" s="18">
        <v>148</v>
      </c>
    </row>
    <row r="86" spans="1:4" ht="18" customHeight="1" x14ac:dyDescent="0.15">
      <c r="A86" s="5">
        <v>66</v>
      </c>
      <c r="B86" s="22">
        <v>66</v>
      </c>
      <c r="C86" s="14">
        <v>74</v>
      </c>
      <c r="D86" s="18">
        <v>140</v>
      </c>
    </row>
    <row r="87" spans="1:4" ht="18" customHeight="1" x14ac:dyDescent="0.15">
      <c r="A87" s="5">
        <v>67</v>
      </c>
      <c r="B87" s="22">
        <v>62</v>
      </c>
      <c r="C87" s="14">
        <v>75</v>
      </c>
      <c r="D87" s="18">
        <v>137</v>
      </c>
    </row>
    <row r="88" spans="1:4" ht="18" customHeight="1" x14ac:dyDescent="0.15">
      <c r="A88" s="5">
        <v>68</v>
      </c>
      <c r="B88" s="22">
        <v>66</v>
      </c>
      <c r="C88" s="14">
        <v>53</v>
      </c>
      <c r="D88" s="18">
        <v>119</v>
      </c>
    </row>
    <row r="89" spans="1:4" ht="18" customHeight="1" x14ac:dyDescent="0.15">
      <c r="A89" s="5">
        <v>69</v>
      </c>
      <c r="B89" s="22">
        <v>65</v>
      </c>
      <c r="C89" s="14">
        <v>71</v>
      </c>
      <c r="D89" s="18">
        <v>136</v>
      </c>
    </row>
    <row r="90" spans="1:4" ht="18" customHeight="1" x14ac:dyDescent="0.15">
      <c r="A90" s="5" t="s">
        <v>20</v>
      </c>
      <c r="B90" s="22">
        <v>339</v>
      </c>
      <c r="C90" s="14">
        <v>341</v>
      </c>
      <c r="D90" s="18">
        <v>680</v>
      </c>
    </row>
    <row r="91" spans="1:4" ht="18" customHeight="1" x14ac:dyDescent="0.15">
      <c r="A91" s="5">
        <v>70</v>
      </c>
      <c r="B91" s="22">
        <v>73</v>
      </c>
      <c r="C91" s="14">
        <v>71</v>
      </c>
      <c r="D91" s="18">
        <v>144</v>
      </c>
    </row>
    <row r="92" spans="1:4" ht="18" customHeight="1" x14ac:dyDescent="0.15">
      <c r="A92" s="5">
        <v>71</v>
      </c>
      <c r="B92" s="22">
        <v>63</v>
      </c>
      <c r="C92" s="14">
        <v>66</v>
      </c>
      <c r="D92" s="18">
        <v>129</v>
      </c>
    </row>
    <row r="93" spans="1:4" ht="18" customHeight="1" x14ac:dyDescent="0.15">
      <c r="A93" s="5">
        <v>72</v>
      </c>
      <c r="B93" s="22">
        <v>56</v>
      </c>
      <c r="C93" s="14">
        <v>62</v>
      </c>
      <c r="D93" s="18">
        <v>118</v>
      </c>
    </row>
    <row r="94" spans="1:4" ht="18" customHeight="1" x14ac:dyDescent="0.15">
      <c r="A94" s="5">
        <v>73</v>
      </c>
      <c r="B94" s="22">
        <v>73</v>
      </c>
      <c r="C94" s="14">
        <v>61</v>
      </c>
      <c r="D94" s="18">
        <v>134</v>
      </c>
    </row>
    <row r="95" spans="1:4" ht="18" customHeight="1" x14ac:dyDescent="0.15">
      <c r="A95" s="5">
        <v>74</v>
      </c>
      <c r="B95" s="22">
        <v>46</v>
      </c>
      <c r="C95" s="14">
        <v>68</v>
      </c>
      <c r="D95" s="18">
        <v>114</v>
      </c>
    </row>
    <row r="96" spans="1:4" ht="18" customHeight="1" x14ac:dyDescent="0.15">
      <c r="A96" s="5" t="s">
        <v>33</v>
      </c>
      <c r="B96" s="22">
        <v>311</v>
      </c>
      <c r="C96" s="14">
        <v>328</v>
      </c>
      <c r="D96" s="18">
        <v>639</v>
      </c>
    </row>
    <row r="97" spans="1:4" ht="18" customHeight="1" x14ac:dyDescent="0.15">
      <c r="A97" s="5">
        <v>75</v>
      </c>
      <c r="B97" s="22">
        <v>66</v>
      </c>
      <c r="C97" s="14">
        <v>84</v>
      </c>
      <c r="D97" s="18">
        <v>150</v>
      </c>
    </row>
    <row r="98" spans="1:4" ht="18" customHeight="1" x14ac:dyDescent="0.15">
      <c r="A98" s="5">
        <v>76</v>
      </c>
      <c r="B98" s="22">
        <v>72</v>
      </c>
      <c r="C98" s="14">
        <v>85</v>
      </c>
      <c r="D98" s="18">
        <v>157</v>
      </c>
    </row>
    <row r="99" spans="1:4" ht="18" customHeight="1" x14ac:dyDescent="0.15">
      <c r="A99" s="5">
        <v>77</v>
      </c>
      <c r="B99" s="22">
        <v>86</v>
      </c>
      <c r="C99" s="14">
        <v>102</v>
      </c>
      <c r="D99" s="18">
        <v>188</v>
      </c>
    </row>
    <row r="100" spans="1:4" ht="18" customHeight="1" x14ac:dyDescent="0.15">
      <c r="A100" s="5">
        <v>78</v>
      </c>
      <c r="B100" s="22">
        <v>72</v>
      </c>
      <c r="C100" s="14">
        <v>90</v>
      </c>
      <c r="D100" s="18">
        <v>162</v>
      </c>
    </row>
    <row r="101" spans="1:4" ht="18" customHeight="1" x14ac:dyDescent="0.15">
      <c r="A101" s="5">
        <v>79</v>
      </c>
      <c r="B101" s="22">
        <v>50</v>
      </c>
      <c r="C101" s="14">
        <v>62</v>
      </c>
      <c r="D101" s="18">
        <v>112</v>
      </c>
    </row>
    <row r="102" spans="1:4" ht="18" customHeight="1" x14ac:dyDescent="0.15">
      <c r="A102" s="5" t="s">
        <v>0</v>
      </c>
      <c r="B102" s="22">
        <v>346</v>
      </c>
      <c r="C102" s="14">
        <v>423</v>
      </c>
      <c r="D102" s="18">
        <v>769</v>
      </c>
    </row>
    <row r="103" spans="1:4" ht="18" customHeight="1" x14ac:dyDescent="0.15">
      <c r="A103" s="5">
        <v>80</v>
      </c>
      <c r="B103" s="22">
        <v>39</v>
      </c>
      <c r="C103" s="14">
        <v>47</v>
      </c>
      <c r="D103" s="18">
        <v>86</v>
      </c>
    </row>
    <row r="104" spans="1:4" ht="18" customHeight="1" x14ac:dyDescent="0.15">
      <c r="A104" s="5">
        <v>81</v>
      </c>
      <c r="B104" s="22">
        <v>48</v>
      </c>
      <c r="C104" s="14">
        <v>80</v>
      </c>
      <c r="D104" s="18">
        <v>128</v>
      </c>
    </row>
    <row r="105" spans="1:4" ht="18" customHeight="1" x14ac:dyDescent="0.15">
      <c r="A105" s="5">
        <v>82</v>
      </c>
      <c r="B105" s="22">
        <v>45</v>
      </c>
      <c r="C105" s="14">
        <v>71</v>
      </c>
      <c r="D105" s="18">
        <v>116</v>
      </c>
    </row>
    <row r="106" spans="1:4" ht="18" customHeight="1" x14ac:dyDescent="0.15">
      <c r="A106" s="5">
        <v>83</v>
      </c>
      <c r="B106" s="22">
        <v>49</v>
      </c>
      <c r="C106" s="14">
        <v>74</v>
      </c>
      <c r="D106" s="18">
        <v>123</v>
      </c>
    </row>
    <row r="107" spans="1:4" ht="18" customHeight="1" x14ac:dyDescent="0.15">
      <c r="A107" s="5">
        <v>84</v>
      </c>
      <c r="B107" s="22">
        <v>36</v>
      </c>
      <c r="C107" s="14">
        <v>79</v>
      </c>
      <c r="D107" s="18">
        <v>115</v>
      </c>
    </row>
    <row r="108" spans="1:4" ht="18" customHeight="1" x14ac:dyDescent="0.15">
      <c r="A108" s="5" t="s">
        <v>35</v>
      </c>
      <c r="B108" s="22">
        <v>217</v>
      </c>
      <c r="C108" s="14">
        <v>351</v>
      </c>
      <c r="D108" s="18">
        <v>568</v>
      </c>
    </row>
    <row r="109" spans="1:4" ht="18" customHeight="1" x14ac:dyDescent="0.15">
      <c r="A109" s="5">
        <v>85</v>
      </c>
      <c r="B109" s="22">
        <v>30</v>
      </c>
      <c r="C109" s="14">
        <v>67</v>
      </c>
      <c r="D109" s="18">
        <v>97</v>
      </c>
    </row>
    <row r="110" spans="1:4" ht="18" customHeight="1" x14ac:dyDescent="0.15">
      <c r="A110" s="5">
        <v>86</v>
      </c>
      <c r="B110" s="22">
        <v>30</v>
      </c>
      <c r="C110" s="14">
        <v>59</v>
      </c>
      <c r="D110" s="18">
        <v>89</v>
      </c>
    </row>
    <row r="111" spans="1:4" ht="18" customHeight="1" x14ac:dyDescent="0.15">
      <c r="A111" s="5">
        <v>87</v>
      </c>
      <c r="B111" s="22">
        <v>28</v>
      </c>
      <c r="C111" s="14">
        <v>36</v>
      </c>
      <c r="D111" s="18">
        <v>64</v>
      </c>
    </row>
    <row r="112" spans="1:4" ht="18" customHeight="1" x14ac:dyDescent="0.15">
      <c r="A112" s="5">
        <v>88</v>
      </c>
      <c r="B112" s="22">
        <v>23</v>
      </c>
      <c r="C112" s="14">
        <v>43</v>
      </c>
      <c r="D112" s="18">
        <v>66</v>
      </c>
    </row>
    <row r="113" spans="1:4" ht="18" customHeight="1" x14ac:dyDescent="0.15">
      <c r="A113" s="5">
        <v>89</v>
      </c>
      <c r="B113" s="22">
        <v>22</v>
      </c>
      <c r="C113" s="14">
        <v>54</v>
      </c>
      <c r="D113" s="18">
        <v>76</v>
      </c>
    </row>
    <row r="114" spans="1:4" ht="18" customHeight="1" x14ac:dyDescent="0.15">
      <c r="A114" s="5" t="s">
        <v>37</v>
      </c>
      <c r="B114" s="22">
        <v>133</v>
      </c>
      <c r="C114" s="14">
        <v>259</v>
      </c>
      <c r="D114" s="18">
        <v>392</v>
      </c>
    </row>
    <row r="115" spans="1:4" ht="18" customHeight="1" x14ac:dyDescent="0.15">
      <c r="A115" s="5">
        <v>90</v>
      </c>
      <c r="B115" s="22">
        <v>14</v>
      </c>
      <c r="C115" s="14">
        <v>45</v>
      </c>
      <c r="D115" s="18">
        <v>59</v>
      </c>
    </row>
    <row r="116" spans="1:4" ht="18" customHeight="1" x14ac:dyDescent="0.15">
      <c r="A116" s="5">
        <v>91</v>
      </c>
      <c r="B116" s="22">
        <v>10</v>
      </c>
      <c r="C116" s="14">
        <v>42</v>
      </c>
      <c r="D116" s="18">
        <v>52</v>
      </c>
    </row>
    <row r="117" spans="1:4" ht="18" customHeight="1" x14ac:dyDescent="0.15">
      <c r="A117" s="5">
        <v>92</v>
      </c>
      <c r="B117" s="22">
        <v>15</v>
      </c>
      <c r="C117" s="14">
        <v>46</v>
      </c>
      <c r="D117" s="18">
        <v>61</v>
      </c>
    </row>
    <row r="118" spans="1:4" ht="18" customHeight="1" x14ac:dyDescent="0.15">
      <c r="A118" s="5">
        <v>93</v>
      </c>
      <c r="B118" s="22">
        <v>12</v>
      </c>
      <c r="C118" s="14">
        <v>31</v>
      </c>
      <c r="D118" s="18">
        <v>43</v>
      </c>
    </row>
    <row r="119" spans="1:4" ht="18" customHeight="1" x14ac:dyDescent="0.15">
      <c r="A119" s="5">
        <v>94</v>
      </c>
      <c r="B119" s="22">
        <v>10</v>
      </c>
      <c r="C119" s="14">
        <v>29</v>
      </c>
      <c r="D119" s="18">
        <v>39</v>
      </c>
    </row>
    <row r="120" spans="1:4" ht="18" customHeight="1" x14ac:dyDescent="0.15">
      <c r="A120" s="5" t="s">
        <v>39</v>
      </c>
      <c r="B120" s="22">
        <v>61</v>
      </c>
      <c r="C120" s="14">
        <v>193</v>
      </c>
      <c r="D120" s="18">
        <v>254</v>
      </c>
    </row>
    <row r="121" spans="1:4" ht="18" customHeight="1" x14ac:dyDescent="0.15">
      <c r="A121" s="5">
        <v>95</v>
      </c>
      <c r="B121" s="22">
        <v>4</v>
      </c>
      <c r="C121" s="14">
        <v>19</v>
      </c>
      <c r="D121" s="18">
        <v>23</v>
      </c>
    </row>
    <row r="122" spans="1:4" ht="18" customHeight="1" x14ac:dyDescent="0.15">
      <c r="A122" s="5">
        <v>96</v>
      </c>
      <c r="B122" s="22">
        <v>4</v>
      </c>
      <c r="C122" s="14">
        <v>16</v>
      </c>
      <c r="D122" s="18">
        <v>20</v>
      </c>
    </row>
    <row r="123" spans="1:4" ht="18" customHeight="1" x14ac:dyDescent="0.15">
      <c r="A123" s="5">
        <v>97</v>
      </c>
      <c r="B123" s="22">
        <v>1</v>
      </c>
      <c r="C123" s="14">
        <v>18</v>
      </c>
      <c r="D123" s="18">
        <v>19</v>
      </c>
    </row>
    <row r="124" spans="1:4" ht="18" customHeight="1" x14ac:dyDescent="0.15">
      <c r="A124" s="5">
        <v>98</v>
      </c>
      <c r="B124" s="22">
        <v>4</v>
      </c>
      <c r="C124" s="14">
        <v>10</v>
      </c>
      <c r="D124" s="18">
        <v>14</v>
      </c>
    </row>
    <row r="125" spans="1:4" ht="18" customHeight="1" x14ac:dyDescent="0.15">
      <c r="A125" s="5">
        <v>99</v>
      </c>
      <c r="B125" s="22">
        <v>1</v>
      </c>
      <c r="C125" s="14">
        <v>16</v>
      </c>
      <c r="D125" s="18">
        <v>17</v>
      </c>
    </row>
    <row r="126" spans="1:4" ht="18" customHeight="1" x14ac:dyDescent="0.15">
      <c r="A126" s="5" t="s">
        <v>40</v>
      </c>
      <c r="B126" s="22">
        <v>14</v>
      </c>
      <c r="C126" s="14">
        <v>79</v>
      </c>
      <c r="D126" s="18">
        <v>93</v>
      </c>
    </row>
    <row r="127" spans="1:4" ht="18" customHeight="1" x14ac:dyDescent="0.15">
      <c r="A127" s="5">
        <v>100</v>
      </c>
      <c r="B127" s="22">
        <v>2</v>
      </c>
      <c r="C127" s="14">
        <v>5</v>
      </c>
      <c r="D127" s="18">
        <v>7</v>
      </c>
    </row>
    <row r="128" spans="1:4" ht="18" customHeight="1" x14ac:dyDescent="0.15">
      <c r="A128" s="6" t="s">
        <v>43</v>
      </c>
      <c r="B128" s="22">
        <v>0</v>
      </c>
      <c r="C128" s="14">
        <v>11</v>
      </c>
      <c r="D128" s="18">
        <v>11</v>
      </c>
    </row>
    <row r="129" spans="1:4" ht="18" customHeight="1" x14ac:dyDescent="0.15">
      <c r="A129" s="5" t="s">
        <v>44</v>
      </c>
      <c r="B129" s="22">
        <v>2</v>
      </c>
      <c r="C129" s="14">
        <v>16</v>
      </c>
      <c r="D129" s="18">
        <v>18</v>
      </c>
    </row>
    <row r="130" spans="1:4" ht="18" customHeight="1" x14ac:dyDescent="0.15">
      <c r="A130" s="5" t="s">
        <v>46</v>
      </c>
      <c r="B130" s="22">
        <v>1423</v>
      </c>
      <c r="C130" s="14">
        <v>1990</v>
      </c>
      <c r="D130" s="18">
        <v>3413</v>
      </c>
    </row>
    <row r="131" spans="1:4" ht="18" customHeight="1" x14ac:dyDescent="0.15">
      <c r="A131" s="7" t="s">
        <v>45</v>
      </c>
      <c r="B131" s="23">
        <v>5640</v>
      </c>
      <c r="C131" s="15">
        <v>6124</v>
      </c>
      <c r="D131" s="19">
        <v>1176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2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54</v>
      </c>
      <c r="C5" s="13">
        <v>53</v>
      </c>
      <c r="D5" s="17">
        <v>107</v>
      </c>
    </row>
    <row r="6" spans="1:4" ht="18" customHeight="1" x14ac:dyDescent="0.15">
      <c r="A6" s="5">
        <v>1</v>
      </c>
      <c r="B6" s="22">
        <v>58</v>
      </c>
      <c r="C6" s="14">
        <v>57</v>
      </c>
      <c r="D6" s="18">
        <v>115</v>
      </c>
    </row>
    <row r="7" spans="1:4" ht="18" customHeight="1" x14ac:dyDescent="0.15">
      <c r="A7" s="5">
        <v>2</v>
      </c>
      <c r="B7" s="22">
        <v>57</v>
      </c>
      <c r="C7" s="14">
        <v>50</v>
      </c>
      <c r="D7" s="18">
        <v>107</v>
      </c>
    </row>
    <row r="8" spans="1:4" ht="18" customHeight="1" x14ac:dyDescent="0.15">
      <c r="A8" s="5">
        <v>3</v>
      </c>
      <c r="B8" s="22">
        <v>69</v>
      </c>
      <c r="C8" s="14">
        <v>50</v>
      </c>
      <c r="D8" s="18">
        <v>119</v>
      </c>
    </row>
    <row r="9" spans="1:4" ht="18" customHeight="1" x14ac:dyDescent="0.15">
      <c r="A9" s="5">
        <v>4</v>
      </c>
      <c r="B9" s="22">
        <v>69</v>
      </c>
      <c r="C9" s="14">
        <v>60</v>
      </c>
      <c r="D9" s="18">
        <v>129</v>
      </c>
    </row>
    <row r="10" spans="1:4" ht="18" customHeight="1" x14ac:dyDescent="0.15">
      <c r="A10" s="5" t="s">
        <v>7</v>
      </c>
      <c r="B10" s="22">
        <v>307</v>
      </c>
      <c r="C10" s="14">
        <v>270</v>
      </c>
      <c r="D10" s="18">
        <v>577</v>
      </c>
    </row>
    <row r="11" spans="1:4" ht="18" customHeight="1" x14ac:dyDescent="0.15">
      <c r="A11" s="5">
        <v>5</v>
      </c>
      <c r="B11" s="22">
        <v>67</v>
      </c>
      <c r="C11" s="14">
        <v>60</v>
      </c>
      <c r="D11" s="18">
        <v>127</v>
      </c>
    </row>
    <row r="12" spans="1:4" ht="18" customHeight="1" x14ac:dyDescent="0.15">
      <c r="A12" s="5">
        <v>6</v>
      </c>
      <c r="B12" s="22">
        <v>65</v>
      </c>
      <c r="C12" s="14">
        <v>61</v>
      </c>
      <c r="D12" s="18">
        <v>126</v>
      </c>
    </row>
    <row r="13" spans="1:4" ht="18" customHeight="1" x14ac:dyDescent="0.15">
      <c r="A13" s="5">
        <v>7</v>
      </c>
      <c r="B13" s="22">
        <v>63</v>
      </c>
      <c r="C13" s="14">
        <v>65</v>
      </c>
      <c r="D13" s="18">
        <v>128</v>
      </c>
    </row>
    <row r="14" spans="1:4" ht="18" customHeight="1" x14ac:dyDescent="0.15">
      <c r="A14" s="5">
        <v>8</v>
      </c>
      <c r="B14" s="22">
        <v>69</v>
      </c>
      <c r="C14" s="14">
        <v>69</v>
      </c>
      <c r="D14" s="18">
        <v>138</v>
      </c>
    </row>
    <row r="15" spans="1:4" ht="18" customHeight="1" x14ac:dyDescent="0.15">
      <c r="A15" s="5">
        <v>9</v>
      </c>
      <c r="B15" s="22">
        <v>81</v>
      </c>
      <c r="C15" s="14">
        <v>70</v>
      </c>
      <c r="D15" s="18">
        <v>151</v>
      </c>
    </row>
    <row r="16" spans="1:4" ht="18" customHeight="1" x14ac:dyDescent="0.15">
      <c r="A16" s="5" t="s">
        <v>11</v>
      </c>
      <c r="B16" s="22">
        <v>345</v>
      </c>
      <c r="C16" s="14">
        <v>325</v>
      </c>
      <c r="D16" s="18">
        <v>670</v>
      </c>
    </row>
    <row r="17" spans="1:4" ht="18" customHeight="1" x14ac:dyDescent="0.15">
      <c r="A17" s="5">
        <v>10</v>
      </c>
      <c r="B17" s="22">
        <v>71</v>
      </c>
      <c r="C17" s="14">
        <v>68</v>
      </c>
      <c r="D17" s="18">
        <v>139</v>
      </c>
    </row>
    <row r="18" spans="1:4" ht="18" customHeight="1" x14ac:dyDescent="0.15">
      <c r="A18" s="5">
        <v>11</v>
      </c>
      <c r="B18" s="22">
        <v>77</v>
      </c>
      <c r="C18" s="14">
        <v>62</v>
      </c>
      <c r="D18" s="18">
        <v>139</v>
      </c>
    </row>
    <row r="19" spans="1:4" ht="18" customHeight="1" x14ac:dyDescent="0.15">
      <c r="A19" s="5">
        <v>12</v>
      </c>
      <c r="B19" s="22">
        <v>86</v>
      </c>
      <c r="C19" s="14">
        <v>75</v>
      </c>
      <c r="D19" s="18">
        <v>161</v>
      </c>
    </row>
    <row r="20" spans="1:4" ht="18" customHeight="1" x14ac:dyDescent="0.15">
      <c r="A20" s="5">
        <v>13</v>
      </c>
      <c r="B20" s="22">
        <v>70</v>
      </c>
      <c r="C20" s="14">
        <v>52</v>
      </c>
      <c r="D20" s="18">
        <v>122</v>
      </c>
    </row>
    <row r="21" spans="1:4" ht="18" customHeight="1" x14ac:dyDescent="0.15">
      <c r="A21" s="5">
        <v>14</v>
      </c>
      <c r="B21" s="22">
        <v>74</v>
      </c>
      <c r="C21" s="14">
        <v>95</v>
      </c>
      <c r="D21" s="18">
        <v>169</v>
      </c>
    </row>
    <row r="22" spans="1:4" ht="18" customHeight="1" x14ac:dyDescent="0.15">
      <c r="A22" s="5" t="s">
        <v>12</v>
      </c>
      <c r="B22" s="22">
        <v>378</v>
      </c>
      <c r="C22" s="14">
        <v>352</v>
      </c>
      <c r="D22" s="18">
        <v>730</v>
      </c>
    </row>
    <row r="23" spans="1:4" ht="18" customHeight="1" x14ac:dyDescent="0.15">
      <c r="A23" s="5" t="s">
        <v>6</v>
      </c>
      <c r="B23" s="22">
        <v>1030</v>
      </c>
      <c r="C23" s="14">
        <v>947</v>
      </c>
      <c r="D23" s="18">
        <v>1977</v>
      </c>
    </row>
    <row r="24" spans="1:4" ht="18" customHeight="1" x14ac:dyDescent="0.15">
      <c r="A24" s="5">
        <v>15</v>
      </c>
      <c r="B24" s="22">
        <v>73</v>
      </c>
      <c r="C24" s="14">
        <v>69</v>
      </c>
      <c r="D24" s="18">
        <v>142</v>
      </c>
    </row>
    <row r="25" spans="1:4" ht="18" customHeight="1" x14ac:dyDescent="0.15">
      <c r="A25" s="5">
        <v>16</v>
      </c>
      <c r="B25" s="22">
        <v>76</v>
      </c>
      <c r="C25" s="14">
        <v>72</v>
      </c>
      <c r="D25" s="18">
        <v>148</v>
      </c>
    </row>
    <row r="26" spans="1:4" ht="18" customHeight="1" x14ac:dyDescent="0.15">
      <c r="A26" s="5">
        <v>17</v>
      </c>
      <c r="B26" s="22">
        <v>71</v>
      </c>
      <c r="C26" s="14">
        <v>64</v>
      </c>
      <c r="D26" s="18">
        <v>135</v>
      </c>
    </row>
    <row r="27" spans="1:4" ht="18" customHeight="1" x14ac:dyDescent="0.15">
      <c r="A27" s="5">
        <v>18</v>
      </c>
      <c r="B27" s="22">
        <v>73</v>
      </c>
      <c r="C27" s="14">
        <v>88</v>
      </c>
      <c r="D27" s="18">
        <v>161</v>
      </c>
    </row>
    <row r="28" spans="1:4" ht="18" customHeight="1" x14ac:dyDescent="0.15">
      <c r="A28" s="5">
        <v>19</v>
      </c>
      <c r="B28" s="22">
        <v>78</v>
      </c>
      <c r="C28" s="14">
        <v>66</v>
      </c>
      <c r="D28" s="18">
        <v>144</v>
      </c>
    </row>
    <row r="29" spans="1:4" ht="18" customHeight="1" x14ac:dyDescent="0.15">
      <c r="A29" s="5" t="s">
        <v>14</v>
      </c>
      <c r="B29" s="22">
        <v>371</v>
      </c>
      <c r="C29" s="14">
        <v>359</v>
      </c>
      <c r="D29" s="18">
        <v>730</v>
      </c>
    </row>
    <row r="30" spans="1:4" ht="18" customHeight="1" x14ac:dyDescent="0.15">
      <c r="A30" s="5">
        <v>20</v>
      </c>
      <c r="B30" s="22">
        <v>65</v>
      </c>
      <c r="C30" s="14">
        <v>64</v>
      </c>
      <c r="D30" s="18">
        <v>129</v>
      </c>
    </row>
    <row r="31" spans="1:4" ht="18" customHeight="1" x14ac:dyDescent="0.15">
      <c r="A31" s="5">
        <v>21</v>
      </c>
      <c r="B31" s="22">
        <v>76</v>
      </c>
      <c r="C31" s="14">
        <v>67</v>
      </c>
      <c r="D31" s="18">
        <v>143</v>
      </c>
    </row>
    <row r="32" spans="1:4" ht="18" customHeight="1" x14ac:dyDescent="0.15">
      <c r="A32" s="5">
        <v>22</v>
      </c>
      <c r="B32" s="22">
        <v>65</v>
      </c>
      <c r="C32" s="14">
        <v>63</v>
      </c>
      <c r="D32" s="18">
        <v>128</v>
      </c>
    </row>
    <row r="33" spans="1:4" ht="18" customHeight="1" x14ac:dyDescent="0.15">
      <c r="A33" s="5">
        <v>23</v>
      </c>
      <c r="B33" s="22">
        <v>57</v>
      </c>
      <c r="C33" s="14">
        <v>69</v>
      </c>
      <c r="D33" s="18">
        <v>126</v>
      </c>
    </row>
    <row r="34" spans="1:4" ht="18" customHeight="1" x14ac:dyDescent="0.15">
      <c r="A34" s="5">
        <v>24</v>
      </c>
      <c r="B34" s="22">
        <v>71</v>
      </c>
      <c r="C34" s="14">
        <v>64</v>
      </c>
      <c r="D34" s="18">
        <v>135</v>
      </c>
    </row>
    <row r="35" spans="1:4" ht="18" customHeight="1" x14ac:dyDescent="0.15">
      <c r="A35" s="5" t="s">
        <v>9</v>
      </c>
      <c r="B35" s="22">
        <v>334</v>
      </c>
      <c r="C35" s="14">
        <v>327</v>
      </c>
      <c r="D35" s="18">
        <v>661</v>
      </c>
    </row>
    <row r="36" spans="1:4" ht="18" customHeight="1" x14ac:dyDescent="0.15">
      <c r="A36" s="5">
        <v>25</v>
      </c>
      <c r="B36" s="22">
        <v>68</v>
      </c>
      <c r="C36" s="14">
        <v>84</v>
      </c>
      <c r="D36" s="18">
        <v>152</v>
      </c>
    </row>
    <row r="37" spans="1:4" ht="18" customHeight="1" x14ac:dyDescent="0.15">
      <c r="A37" s="5">
        <v>26</v>
      </c>
      <c r="B37" s="22">
        <v>86</v>
      </c>
      <c r="C37" s="14">
        <v>80</v>
      </c>
      <c r="D37" s="18">
        <v>166</v>
      </c>
    </row>
    <row r="38" spans="1:4" ht="18" customHeight="1" x14ac:dyDescent="0.15">
      <c r="A38" s="5">
        <v>27</v>
      </c>
      <c r="B38" s="22">
        <v>66</v>
      </c>
      <c r="C38" s="14">
        <v>58</v>
      </c>
      <c r="D38" s="18">
        <v>124</v>
      </c>
    </row>
    <row r="39" spans="1:4" ht="18" customHeight="1" x14ac:dyDescent="0.15">
      <c r="A39" s="5">
        <v>28</v>
      </c>
      <c r="B39" s="22">
        <v>93</v>
      </c>
      <c r="C39" s="14">
        <v>75</v>
      </c>
      <c r="D39" s="18">
        <v>168</v>
      </c>
    </row>
    <row r="40" spans="1:4" ht="18" customHeight="1" x14ac:dyDescent="0.15">
      <c r="A40" s="5">
        <v>29</v>
      </c>
      <c r="B40" s="22">
        <v>83</v>
      </c>
      <c r="C40" s="14">
        <v>102</v>
      </c>
      <c r="D40" s="18">
        <v>185</v>
      </c>
    </row>
    <row r="41" spans="1:4" ht="18" customHeight="1" x14ac:dyDescent="0.15">
      <c r="A41" s="5" t="s">
        <v>2</v>
      </c>
      <c r="B41" s="22">
        <v>396</v>
      </c>
      <c r="C41" s="14">
        <v>399</v>
      </c>
      <c r="D41" s="18">
        <v>795</v>
      </c>
    </row>
    <row r="42" spans="1:4" ht="18" customHeight="1" x14ac:dyDescent="0.15">
      <c r="A42" s="5">
        <v>30</v>
      </c>
      <c r="B42" s="22">
        <v>105</v>
      </c>
      <c r="C42" s="14">
        <v>68</v>
      </c>
      <c r="D42" s="18">
        <v>173</v>
      </c>
    </row>
    <row r="43" spans="1:4" ht="18" customHeight="1" x14ac:dyDescent="0.15">
      <c r="A43" s="5">
        <v>31</v>
      </c>
      <c r="B43" s="22">
        <v>86</v>
      </c>
      <c r="C43" s="14">
        <v>93</v>
      </c>
      <c r="D43" s="18">
        <v>179</v>
      </c>
    </row>
    <row r="44" spans="1:4" ht="18" customHeight="1" x14ac:dyDescent="0.15">
      <c r="A44" s="5">
        <v>32</v>
      </c>
      <c r="B44" s="22">
        <v>76</v>
      </c>
      <c r="C44" s="14">
        <v>71</v>
      </c>
      <c r="D44" s="18">
        <v>147</v>
      </c>
    </row>
    <row r="45" spans="1:4" ht="18" customHeight="1" x14ac:dyDescent="0.15">
      <c r="A45" s="5">
        <v>33</v>
      </c>
      <c r="B45" s="22">
        <v>66</v>
      </c>
      <c r="C45" s="14">
        <v>86</v>
      </c>
      <c r="D45" s="18">
        <v>152</v>
      </c>
    </row>
    <row r="46" spans="1:4" ht="18" customHeight="1" x14ac:dyDescent="0.15">
      <c r="A46" s="5">
        <v>34</v>
      </c>
      <c r="B46" s="22">
        <v>78</v>
      </c>
      <c r="C46" s="14">
        <v>81</v>
      </c>
      <c r="D46" s="18">
        <v>159</v>
      </c>
    </row>
    <row r="47" spans="1:4" ht="18" customHeight="1" x14ac:dyDescent="0.15">
      <c r="A47" s="5" t="s">
        <v>15</v>
      </c>
      <c r="B47" s="22">
        <v>411</v>
      </c>
      <c r="C47" s="14">
        <v>399</v>
      </c>
      <c r="D47" s="18">
        <v>810</v>
      </c>
    </row>
    <row r="48" spans="1:4" ht="18" customHeight="1" x14ac:dyDescent="0.15">
      <c r="A48" s="5">
        <v>35</v>
      </c>
      <c r="B48" s="22">
        <v>107</v>
      </c>
      <c r="C48" s="14">
        <v>96</v>
      </c>
      <c r="D48" s="18">
        <v>203</v>
      </c>
    </row>
    <row r="49" spans="1:4" ht="18" customHeight="1" x14ac:dyDescent="0.15">
      <c r="A49" s="5">
        <v>36</v>
      </c>
      <c r="B49" s="22">
        <v>74</v>
      </c>
      <c r="C49" s="14">
        <v>86</v>
      </c>
      <c r="D49" s="18">
        <v>160</v>
      </c>
    </row>
    <row r="50" spans="1:4" ht="18" customHeight="1" x14ac:dyDescent="0.15">
      <c r="A50" s="5">
        <v>37</v>
      </c>
      <c r="B50" s="22">
        <v>82</v>
      </c>
      <c r="C50" s="14">
        <v>76</v>
      </c>
      <c r="D50" s="18">
        <v>158</v>
      </c>
    </row>
    <row r="51" spans="1:4" ht="18" customHeight="1" x14ac:dyDescent="0.15">
      <c r="A51" s="5">
        <v>38</v>
      </c>
      <c r="B51" s="22">
        <v>83</v>
      </c>
      <c r="C51" s="14">
        <v>93</v>
      </c>
      <c r="D51" s="18">
        <v>176</v>
      </c>
    </row>
    <row r="52" spans="1:4" ht="18" customHeight="1" x14ac:dyDescent="0.15">
      <c r="A52" s="5">
        <v>39</v>
      </c>
      <c r="B52" s="22">
        <v>85</v>
      </c>
      <c r="C52" s="14">
        <v>75</v>
      </c>
      <c r="D52" s="18">
        <v>160</v>
      </c>
    </row>
    <row r="53" spans="1:4" ht="18" customHeight="1" x14ac:dyDescent="0.15">
      <c r="A53" s="5" t="s">
        <v>18</v>
      </c>
      <c r="B53" s="22">
        <v>431</v>
      </c>
      <c r="C53" s="14">
        <v>426</v>
      </c>
      <c r="D53" s="18">
        <v>857</v>
      </c>
    </row>
    <row r="54" spans="1:4" ht="18" customHeight="1" x14ac:dyDescent="0.15">
      <c r="A54" s="5">
        <v>40</v>
      </c>
      <c r="B54" s="22">
        <v>86</v>
      </c>
      <c r="C54" s="14">
        <v>88</v>
      </c>
      <c r="D54" s="18">
        <v>174</v>
      </c>
    </row>
    <row r="55" spans="1:4" ht="18" customHeight="1" x14ac:dyDescent="0.15">
      <c r="A55" s="5">
        <v>41</v>
      </c>
      <c r="B55" s="22">
        <v>99</v>
      </c>
      <c r="C55" s="14">
        <v>105</v>
      </c>
      <c r="D55" s="18">
        <v>204</v>
      </c>
    </row>
    <row r="56" spans="1:4" ht="18" customHeight="1" x14ac:dyDescent="0.15">
      <c r="A56" s="5">
        <v>42</v>
      </c>
      <c r="B56" s="22">
        <v>96</v>
      </c>
      <c r="C56" s="14">
        <v>86</v>
      </c>
      <c r="D56" s="18">
        <v>182</v>
      </c>
    </row>
    <row r="57" spans="1:4" ht="18" customHeight="1" x14ac:dyDescent="0.15">
      <c r="A57" s="5">
        <v>43</v>
      </c>
      <c r="B57" s="22">
        <v>105</v>
      </c>
      <c r="C57" s="14">
        <v>102</v>
      </c>
      <c r="D57" s="18">
        <v>207</v>
      </c>
    </row>
    <row r="58" spans="1:4" ht="18" customHeight="1" x14ac:dyDescent="0.15">
      <c r="A58" s="5">
        <v>44</v>
      </c>
      <c r="B58" s="22">
        <v>108</v>
      </c>
      <c r="C58" s="14">
        <v>114</v>
      </c>
      <c r="D58" s="18">
        <v>222</v>
      </c>
    </row>
    <row r="59" spans="1:4" ht="18" customHeight="1" x14ac:dyDescent="0.15">
      <c r="A59" s="5" t="s">
        <v>21</v>
      </c>
      <c r="B59" s="22">
        <v>494</v>
      </c>
      <c r="C59" s="14">
        <v>495</v>
      </c>
      <c r="D59" s="18">
        <v>989</v>
      </c>
    </row>
    <row r="60" spans="1:4" ht="18" customHeight="1" x14ac:dyDescent="0.15">
      <c r="A60" s="5">
        <v>45</v>
      </c>
      <c r="B60" s="22">
        <v>102</v>
      </c>
      <c r="C60" s="14">
        <v>110</v>
      </c>
      <c r="D60" s="18">
        <v>212</v>
      </c>
    </row>
    <row r="61" spans="1:4" ht="18" customHeight="1" x14ac:dyDescent="0.15">
      <c r="A61" s="5">
        <v>46</v>
      </c>
      <c r="B61" s="22">
        <v>97</v>
      </c>
      <c r="C61" s="14">
        <v>109</v>
      </c>
      <c r="D61" s="18">
        <v>206</v>
      </c>
    </row>
    <row r="62" spans="1:4" ht="18" customHeight="1" x14ac:dyDescent="0.15">
      <c r="A62" s="5">
        <v>47</v>
      </c>
      <c r="B62" s="22">
        <v>126</v>
      </c>
      <c r="C62" s="14">
        <v>125</v>
      </c>
      <c r="D62" s="18">
        <v>251</v>
      </c>
    </row>
    <row r="63" spans="1:4" ht="18" customHeight="1" x14ac:dyDescent="0.15">
      <c r="A63" s="5">
        <v>48</v>
      </c>
      <c r="B63" s="22">
        <v>134</v>
      </c>
      <c r="C63" s="14">
        <v>116</v>
      </c>
      <c r="D63" s="18">
        <v>250</v>
      </c>
    </row>
    <row r="64" spans="1:4" ht="18" customHeight="1" x14ac:dyDescent="0.15">
      <c r="A64" s="5">
        <v>49</v>
      </c>
      <c r="B64" s="22">
        <v>117</v>
      </c>
      <c r="C64" s="14">
        <v>122</v>
      </c>
      <c r="D64" s="18">
        <v>239</v>
      </c>
    </row>
    <row r="65" spans="1:4" ht="18" customHeight="1" x14ac:dyDescent="0.15">
      <c r="A65" s="5" t="s">
        <v>17</v>
      </c>
      <c r="B65" s="22">
        <v>576</v>
      </c>
      <c r="C65" s="14">
        <v>582</v>
      </c>
      <c r="D65" s="18">
        <v>1158</v>
      </c>
    </row>
    <row r="66" spans="1:4" ht="18" customHeight="1" x14ac:dyDescent="0.15">
      <c r="A66" s="5">
        <v>50</v>
      </c>
      <c r="B66" s="22">
        <v>156</v>
      </c>
      <c r="C66" s="14">
        <v>131</v>
      </c>
      <c r="D66" s="18">
        <v>287</v>
      </c>
    </row>
    <row r="67" spans="1:4" ht="18" customHeight="1" x14ac:dyDescent="0.15">
      <c r="A67" s="5">
        <v>51</v>
      </c>
      <c r="B67" s="22">
        <v>155</v>
      </c>
      <c r="C67" s="14">
        <v>131</v>
      </c>
      <c r="D67" s="18">
        <v>286</v>
      </c>
    </row>
    <row r="68" spans="1:4" ht="18" customHeight="1" x14ac:dyDescent="0.15">
      <c r="A68" s="5">
        <v>52</v>
      </c>
      <c r="B68" s="22">
        <v>127</v>
      </c>
      <c r="C68" s="14">
        <v>140</v>
      </c>
      <c r="D68" s="18">
        <v>267</v>
      </c>
    </row>
    <row r="69" spans="1:4" ht="18" customHeight="1" x14ac:dyDescent="0.15">
      <c r="A69" s="5">
        <v>53</v>
      </c>
      <c r="B69" s="22">
        <v>122</v>
      </c>
      <c r="C69" s="14">
        <v>128</v>
      </c>
      <c r="D69" s="18">
        <v>250</v>
      </c>
    </row>
    <row r="70" spans="1:4" ht="18" customHeight="1" x14ac:dyDescent="0.15">
      <c r="A70" s="5">
        <v>54</v>
      </c>
      <c r="B70" s="22">
        <v>125</v>
      </c>
      <c r="C70" s="14">
        <v>123</v>
      </c>
      <c r="D70" s="18">
        <v>248</v>
      </c>
    </row>
    <row r="71" spans="1:4" ht="18" customHeight="1" x14ac:dyDescent="0.15">
      <c r="A71" s="5" t="s">
        <v>22</v>
      </c>
      <c r="B71" s="22">
        <v>685</v>
      </c>
      <c r="C71" s="14">
        <v>653</v>
      </c>
      <c r="D71" s="18">
        <v>1338</v>
      </c>
    </row>
    <row r="72" spans="1:4" ht="18" customHeight="1" x14ac:dyDescent="0.15">
      <c r="A72" s="5">
        <v>55</v>
      </c>
      <c r="B72" s="22">
        <v>122</v>
      </c>
      <c r="C72" s="14">
        <v>119</v>
      </c>
      <c r="D72" s="18">
        <v>241</v>
      </c>
    </row>
    <row r="73" spans="1:4" ht="18" customHeight="1" x14ac:dyDescent="0.15">
      <c r="A73" s="5">
        <v>56</v>
      </c>
      <c r="B73" s="22">
        <v>95</v>
      </c>
      <c r="C73" s="14">
        <v>88</v>
      </c>
      <c r="D73" s="18">
        <v>183</v>
      </c>
    </row>
    <row r="74" spans="1:4" ht="18" customHeight="1" x14ac:dyDescent="0.15">
      <c r="A74" s="5">
        <v>57</v>
      </c>
      <c r="B74" s="22">
        <v>92</v>
      </c>
      <c r="C74" s="14">
        <v>104</v>
      </c>
      <c r="D74" s="18">
        <v>196</v>
      </c>
    </row>
    <row r="75" spans="1:4" ht="18" customHeight="1" x14ac:dyDescent="0.15">
      <c r="A75" s="5">
        <v>58</v>
      </c>
      <c r="B75" s="22">
        <v>129</v>
      </c>
      <c r="C75" s="14">
        <v>114</v>
      </c>
      <c r="D75" s="18">
        <v>243</v>
      </c>
    </row>
    <row r="76" spans="1:4" ht="18" customHeight="1" x14ac:dyDescent="0.15">
      <c r="A76" s="5">
        <v>59</v>
      </c>
      <c r="B76" s="22">
        <v>84</v>
      </c>
      <c r="C76" s="14">
        <v>86</v>
      </c>
      <c r="D76" s="18">
        <v>170</v>
      </c>
    </row>
    <row r="77" spans="1:4" ht="18" customHeight="1" x14ac:dyDescent="0.15">
      <c r="A77" s="5" t="s">
        <v>27</v>
      </c>
      <c r="B77" s="22">
        <v>522</v>
      </c>
      <c r="C77" s="14">
        <v>511</v>
      </c>
      <c r="D77" s="18">
        <v>1033</v>
      </c>
    </row>
    <row r="78" spans="1:4" ht="18" customHeight="1" x14ac:dyDescent="0.15">
      <c r="A78" s="5">
        <v>60</v>
      </c>
      <c r="B78" s="22">
        <v>89</v>
      </c>
      <c r="C78" s="14">
        <v>98</v>
      </c>
      <c r="D78" s="18">
        <v>187</v>
      </c>
    </row>
    <row r="79" spans="1:4" ht="18" customHeight="1" x14ac:dyDescent="0.15">
      <c r="A79" s="5">
        <v>61</v>
      </c>
      <c r="B79" s="22">
        <v>96</v>
      </c>
      <c r="C79" s="14">
        <v>97</v>
      </c>
      <c r="D79" s="18">
        <v>193</v>
      </c>
    </row>
    <row r="80" spans="1:4" ht="18" customHeight="1" x14ac:dyDescent="0.15">
      <c r="A80" s="5">
        <v>62</v>
      </c>
      <c r="B80" s="22">
        <v>74</v>
      </c>
      <c r="C80" s="14">
        <v>100</v>
      </c>
      <c r="D80" s="18">
        <v>174</v>
      </c>
    </row>
    <row r="81" spans="1:4" ht="18" customHeight="1" x14ac:dyDescent="0.15">
      <c r="A81" s="5">
        <v>63</v>
      </c>
      <c r="B81" s="22">
        <v>88</v>
      </c>
      <c r="C81" s="14">
        <v>78</v>
      </c>
      <c r="D81" s="18">
        <v>166</v>
      </c>
    </row>
    <row r="82" spans="1:4" ht="18" customHeight="1" x14ac:dyDescent="0.15">
      <c r="A82" s="5">
        <v>64</v>
      </c>
      <c r="B82" s="22">
        <v>73</v>
      </c>
      <c r="C82" s="14">
        <v>84</v>
      </c>
      <c r="D82" s="18">
        <v>157</v>
      </c>
    </row>
    <row r="83" spans="1:4" ht="18" customHeight="1" x14ac:dyDescent="0.15">
      <c r="A83" s="5" t="s">
        <v>28</v>
      </c>
      <c r="B83" s="22">
        <v>420</v>
      </c>
      <c r="C83" s="14">
        <v>457</v>
      </c>
      <c r="D83" s="18">
        <v>877</v>
      </c>
    </row>
    <row r="84" spans="1:4" ht="18" customHeight="1" x14ac:dyDescent="0.15">
      <c r="A84" s="5" t="s">
        <v>31</v>
      </c>
      <c r="B84" s="22">
        <v>4640</v>
      </c>
      <c r="C84" s="14">
        <v>4608</v>
      </c>
      <c r="D84" s="18">
        <v>9248</v>
      </c>
    </row>
    <row r="85" spans="1:4" ht="18" customHeight="1" x14ac:dyDescent="0.15">
      <c r="A85" s="5">
        <v>65</v>
      </c>
      <c r="B85" s="22">
        <v>72</v>
      </c>
      <c r="C85" s="14">
        <v>87</v>
      </c>
      <c r="D85" s="18">
        <v>159</v>
      </c>
    </row>
    <row r="86" spans="1:4" ht="18" customHeight="1" x14ac:dyDescent="0.15">
      <c r="A86" s="5">
        <v>66</v>
      </c>
      <c r="B86" s="22">
        <v>73</v>
      </c>
      <c r="C86" s="14">
        <v>88</v>
      </c>
      <c r="D86" s="18">
        <v>161</v>
      </c>
    </row>
    <row r="87" spans="1:4" ht="18" customHeight="1" x14ac:dyDescent="0.15">
      <c r="A87" s="5">
        <v>67</v>
      </c>
      <c r="B87" s="22">
        <v>79</v>
      </c>
      <c r="C87" s="14">
        <v>86</v>
      </c>
      <c r="D87" s="18">
        <v>165</v>
      </c>
    </row>
    <row r="88" spans="1:4" ht="18" customHeight="1" x14ac:dyDescent="0.15">
      <c r="A88" s="5">
        <v>68</v>
      </c>
      <c r="B88" s="22">
        <v>62</v>
      </c>
      <c r="C88" s="14">
        <v>61</v>
      </c>
      <c r="D88" s="18">
        <v>123</v>
      </c>
    </row>
    <row r="89" spans="1:4" ht="18" customHeight="1" x14ac:dyDescent="0.15">
      <c r="A89" s="5">
        <v>69</v>
      </c>
      <c r="B89" s="22">
        <v>71</v>
      </c>
      <c r="C89" s="14">
        <v>69</v>
      </c>
      <c r="D89" s="18">
        <v>140</v>
      </c>
    </row>
    <row r="90" spans="1:4" ht="18" customHeight="1" x14ac:dyDescent="0.15">
      <c r="A90" s="5" t="s">
        <v>20</v>
      </c>
      <c r="B90" s="22">
        <v>357</v>
      </c>
      <c r="C90" s="14">
        <v>391</v>
      </c>
      <c r="D90" s="18">
        <v>748</v>
      </c>
    </row>
    <row r="91" spans="1:4" ht="18" customHeight="1" x14ac:dyDescent="0.15">
      <c r="A91" s="5">
        <v>70</v>
      </c>
      <c r="B91" s="22">
        <v>77</v>
      </c>
      <c r="C91" s="14">
        <v>74</v>
      </c>
      <c r="D91" s="18">
        <v>151</v>
      </c>
    </row>
    <row r="92" spans="1:4" ht="18" customHeight="1" x14ac:dyDescent="0.15">
      <c r="A92" s="5">
        <v>71</v>
      </c>
      <c r="B92" s="22">
        <v>78</v>
      </c>
      <c r="C92" s="14">
        <v>89</v>
      </c>
      <c r="D92" s="18">
        <v>167</v>
      </c>
    </row>
    <row r="93" spans="1:4" ht="18" customHeight="1" x14ac:dyDescent="0.15">
      <c r="A93" s="5">
        <v>72</v>
      </c>
      <c r="B93" s="22">
        <v>84</v>
      </c>
      <c r="C93" s="14">
        <v>78</v>
      </c>
      <c r="D93" s="18">
        <v>162</v>
      </c>
    </row>
    <row r="94" spans="1:4" ht="18" customHeight="1" x14ac:dyDescent="0.15">
      <c r="A94" s="5">
        <v>73</v>
      </c>
      <c r="B94" s="22">
        <v>70</v>
      </c>
      <c r="C94" s="14">
        <v>86</v>
      </c>
      <c r="D94" s="18">
        <v>156</v>
      </c>
    </row>
    <row r="95" spans="1:4" ht="18" customHeight="1" x14ac:dyDescent="0.15">
      <c r="A95" s="5">
        <v>74</v>
      </c>
      <c r="B95" s="22">
        <v>75</v>
      </c>
      <c r="C95" s="14">
        <v>87</v>
      </c>
      <c r="D95" s="18">
        <v>162</v>
      </c>
    </row>
    <row r="96" spans="1:4" ht="18" customHeight="1" x14ac:dyDescent="0.15">
      <c r="A96" s="5" t="s">
        <v>33</v>
      </c>
      <c r="B96" s="22">
        <v>384</v>
      </c>
      <c r="C96" s="14">
        <v>414</v>
      </c>
      <c r="D96" s="18">
        <v>798</v>
      </c>
    </row>
    <row r="97" spans="1:4" ht="18" customHeight="1" x14ac:dyDescent="0.15">
      <c r="A97" s="5">
        <v>75</v>
      </c>
      <c r="B97" s="22">
        <v>71</v>
      </c>
      <c r="C97" s="14">
        <v>100</v>
      </c>
      <c r="D97" s="18">
        <v>171</v>
      </c>
    </row>
    <row r="98" spans="1:4" ht="18" customHeight="1" x14ac:dyDescent="0.15">
      <c r="A98" s="5">
        <v>76</v>
      </c>
      <c r="B98" s="22">
        <v>78</v>
      </c>
      <c r="C98" s="14">
        <v>119</v>
      </c>
      <c r="D98" s="18">
        <v>197</v>
      </c>
    </row>
    <row r="99" spans="1:4" ht="18" customHeight="1" x14ac:dyDescent="0.15">
      <c r="A99" s="5">
        <v>77</v>
      </c>
      <c r="B99" s="22">
        <v>97</v>
      </c>
      <c r="C99" s="14">
        <v>105</v>
      </c>
      <c r="D99" s="18">
        <v>202</v>
      </c>
    </row>
    <row r="100" spans="1:4" ht="18" customHeight="1" x14ac:dyDescent="0.15">
      <c r="A100" s="5">
        <v>78</v>
      </c>
      <c r="B100" s="22">
        <v>83</v>
      </c>
      <c r="C100" s="14">
        <v>114</v>
      </c>
      <c r="D100" s="18">
        <v>197</v>
      </c>
    </row>
    <row r="101" spans="1:4" ht="18" customHeight="1" x14ac:dyDescent="0.15">
      <c r="A101" s="5">
        <v>79</v>
      </c>
      <c r="B101" s="22">
        <v>80</v>
      </c>
      <c r="C101" s="14">
        <v>82</v>
      </c>
      <c r="D101" s="18">
        <v>162</v>
      </c>
    </row>
    <row r="102" spans="1:4" ht="18" customHeight="1" x14ac:dyDescent="0.15">
      <c r="A102" s="5" t="s">
        <v>0</v>
      </c>
      <c r="B102" s="22">
        <v>409</v>
      </c>
      <c r="C102" s="14">
        <v>520</v>
      </c>
      <c r="D102" s="18">
        <v>929</v>
      </c>
    </row>
    <row r="103" spans="1:4" ht="18" customHeight="1" x14ac:dyDescent="0.15">
      <c r="A103" s="5">
        <v>80</v>
      </c>
      <c r="B103" s="22">
        <v>41</v>
      </c>
      <c r="C103" s="14">
        <v>63</v>
      </c>
      <c r="D103" s="18">
        <v>104</v>
      </c>
    </row>
    <row r="104" spans="1:4" ht="18" customHeight="1" x14ac:dyDescent="0.15">
      <c r="A104" s="5">
        <v>81</v>
      </c>
      <c r="B104" s="22">
        <v>64</v>
      </c>
      <c r="C104" s="14">
        <v>86</v>
      </c>
      <c r="D104" s="18">
        <v>150</v>
      </c>
    </row>
    <row r="105" spans="1:4" ht="18" customHeight="1" x14ac:dyDescent="0.15">
      <c r="A105" s="5">
        <v>82</v>
      </c>
      <c r="B105" s="22">
        <v>57</v>
      </c>
      <c r="C105" s="14">
        <v>91</v>
      </c>
      <c r="D105" s="18">
        <v>148</v>
      </c>
    </row>
    <row r="106" spans="1:4" ht="18" customHeight="1" x14ac:dyDescent="0.15">
      <c r="A106" s="5">
        <v>83</v>
      </c>
      <c r="B106" s="22">
        <v>40</v>
      </c>
      <c r="C106" s="14">
        <v>68</v>
      </c>
      <c r="D106" s="18">
        <v>108</v>
      </c>
    </row>
    <row r="107" spans="1:4" ht="18" customHeight="1" x14ac:dyDescent="0.15">
      <c r="A107" s="5">
        <v>84</v>
      </c>
      <c r="B107" s="22">
        <v>60</v>
      </c>
      <c r="C107" s="14">
        <v>94</v>
      </c>
      <c r="D107" s="18">
        <v>154</v>
      </c>
    </row>
    <row r="108" spans="1:4" ht="18" customHeight="1" x14ac:dyDescent="0.15">
      <c r="A108" s="5" t="s">
        <v>35</v>
      </c>
      <c r="B108" s="22">
        <v>262</v>
      </c>
      <c r="C108" s="14">
        <v>402</v>
      </c>
      <c r="D108" s="18">
        <v>664</v>
      </c>
    </row>
    <row r="109" spans="1:4" ht="18" customHeight="1" x14ac:dyDescent="0.15">
      <c r="A109" s="5">
        <v>85</v>
      </c>
      <c r="B109" s="22">
        <v>45</v>
      </c>
      <c r="C109" s="14">
        <v>68</v>
      </c>
      <c r="D109" s="18">
        <v>113</v>
      </c>
    </row>
    <row r="110" spans="1:4" ht="18" customHeight="1" x14ac:dyDescent="0.15">
      <c r="A110" s="5">
        <v>86</v>
      </c>
      <c r="B110" s="22">
        <v>43</v>
      </c>
      <c r="C110" s="14">
        <v>45</v>
      </c>
      <c r="D110" s="18">
        <v>88</v>
      </c>
    </row>
    <row r="111" spans="1:4" ht="18" customHeight="1" x14ac:dyDescent="0.15">
      <c r="A111" s="5">
        <v>87</v>
      </c>
      <c r="B111" s="22">
        <v>23</v>
      </c>
      <c r="C111" s="14">
        <v>40</v>
      </c>
      <c r="D111" s="18">
        <v>63</v>
      </c>
    </row>
    <row r="112" spans="1:4" ht="18" customHeight="1" x14ac:dyDescent="0.15">
      <c r="A112" s="5">
        <v>88</v>
      </c>
      <c r="B112" s="22">
        <v>29</v>
      </c>
      <c r="C112" s="14">
        <v>48</v>
      </c>
      <c r="D112" s="18">
        <v>77</v>
      </c>
    </row>
    <row r="113" spans="1:4" ht="18" customHeight="1" x14ac:dyDescent="0.15">
      <c r="A113" s="5">
        <v>89</v>
      </c>
      <c r="B113" s="22">
        <v>26</v>
      </c>
      <c r="C113" s="14">
        <v>52</v>
      </c>
      <c r="D113" s="18">
        <v>78</v>
      </c>
    </row>
    <row r="114" spans="1:4" ht="18" customHeight="1" x14ac:dyDescent="0.15">
      <c r="A114" s="5" t="s">
        <v>37</v>
      </c>
      <c r="B114" s="22">
        <v>166</v>
      </c>
      <c r="C114" s="14">
        <v>253</v>
      </c>
      <c r="D114" s="18">
        <v>419</v>
      </c>
    </row>
    <row r="115" spans="1:4" ht="18" customHeight="1" x14ac:dyDescent="0.15">
      <c r="A115" s="5">
        <v>90</v>
      </c>
      <c r="B115" s="22">
        <v>26</v>
      </c>
      <c r="C115" s="14">
        <v>40</v>
      </c>
      <c r="D115" s="18">
        <v>66</v>
      </c>
    </row>
    <row r="116" spans="1:4" ht="18" customHeight="1" x14ac:dyDescent="0.15">
      <c r="A116" s="5">
        <v>91</v>
      </c>
      <c r="B116" s="22">
        <v>16</v>
      </c>
      <c r="C116" s="14">
        <v>45</v>
      </c>
      <c r="D116" s="18">
        <v>61</v>
      </c>
    </row>
    <row r="117" spans="1:4" ht="18" customHeight="1" x14ac:dyDescent="0.15">
      <c r="A117" s="5">
        <v>92</v>
      </c>
      <c r="B117" s="22">
        <v>16</v>
      </c>
      <c r="C117" s="14">
        <v>38</v>
      </c>
      <c r="D117" s="18">
        <v>54</v>
      </c>
    </row>
    <row r="118" spans="1:4" ht="18" customHeight="1" x14ac:dyDescent="0.15">
      <c r="A118" s="5">
        <v>93</v>
      </c>
      <c r="B118" s="22">
        <v>7</v>
      </c>
      <c r="C118" s="14">
        <v>44</v>
      </c>
      <c r="D118" s="18">
        <v>51</v>
      </c>
    </row>
    <row r="119" spans="1:4" ht="18" customHeight="1" x14ac:dyDescent="0.15">
      <c r="A119" s="5">
        <v>94</v>
      </c>
      <c r="B119" s="22">
        <v>4</v>
      </c>
      <c r="C119" s="14">
        <v>17</v>
      </c>
      <c r="D119" s="18">
        <v>21</v>
      </c>
    </row>
    <row r="120" spans="1:4" ht="18" customHeight="1" x14ac:dyDescent="0.15">
      <c r="A120" s="5" t="s">
        <v>39</v>
      </c>
      <c r="B120" s="22">
        <v>69</v>
      </c>
      <c r="C120" s="14">
        <v>184</v>
      </c>
      <c r="D120" s="18">
        <v>253</v>
      </c>
    </row>
    <row r="121" spans="1:4" ht="18" customHeight="1" x14ac:dyDescent="0.15">
      <c r="A121" s="5">
        <v>95</v>
      </c>
      <c r="B121" s="22">
        <v>7</v>
      </c>
      <c r="C121" s="14">
        <v>20</v>
      </c>
      <c r="D121" s="18">
        <v>27</v>
      </c>
    </row>
    <row r="122" spans="1:4" ht="18" customHeight="1" x14ac:dyDescent="0.15">
      <c r="A122" s="5">
        <v>96</v>
      </c>
      <c r="B122" s="22">
        <v>5</v>
      </c>
      <c r="C122" s="14">
        <v>11</v>
      </c>
      <c r="D122" s="18">
        <v>16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1</v>
      </c>
      <c r="C124" s="14">
        <v>7</v>
      </c>
      <c r="D124" s="18">
        <v>8</v>
      </c>
    </row>
    <row r="125" spans="1:4" ht="18" customHeight="1" x14ac:dyDescent="0.15">
      <c r="A125" s="5">
        <v>99</v>
      </c>
      <c r="B125" s="22">
        <v>3</v>
      </c>
      <c r="C125" s="14">
        <v>4</v>
      </c>
      <c r="D125" s="18">
        <v>7</v>
      </c>
    </row>
    <row r="126" spans="1:4" ht="18" customHeight="1" x14ac:dyDescent="0.15">
      <c r="A126" s="5" t="s">
        <v>40</v>
      </c>
      <c r="B126" s="22">
        <v>16</v>
      </c>
      <c r="C126" s="14">
        <v>49</v>
      </c>
      <c r="D126" s="18">
        <v>65</v>
      </c>
    </row>
    <row r="127" spans="1:4" ht="18" customHeight="1" x14ac:dyDescent="0.15">
      <c r="A127" s="5">
        <v>100</v>
      </c>
      <c r="B127" s="22">
        <v>0</v>
      </c>
      <c r="C127" s="14">
        <v>5</v>
      </c>
      <c r="D127" s="18">
        <v>5</v>
      </c>
    </row>
    <row r="128" spans="1:4" ht="18" customHeight="1" x14ac:dyDescent="0.15">
      <c r="A128" s="6" t="s">
        <v>43</v>
      </c>
      <c r="B128" s="22">
        <v>1</v>
      </c>
      <c r="C128" s="14">
        <v>5</v>
      </c>
      <c r="D128" s="18">
        <v>6</v>
      </c>
    </row>
    <row r="129" spans="1:4" ht="18" customHeight="1" x14ac:dyDescent="0.15">
      <c r="A129" s="5" t="s">
        <v>44</v>
      </c>
      <c r="B129" s="22">
        <v>1</v>
      </c>
      <c r="C129" s="14">
        <v>10</v>
      </c>
      <c r="D129" s="18">
        <v>11</v>
      </c>
    </row>
    <row r="130" spans="1:4" ht="18" customHeight="1" x14ac:dyDescent="0.15">
      <c r="A130" s="5" t="s">
        <v>46</v>
      </c>
      <c r="B130" s="22">
        <v>1664</v>
      </c>
      <c r="C130" s="14">
        <v>2223</v>
      </c>
      <c r="D130" s="18">
        <v>3887</v>
      </c>
    </row>
    <row r="131" spans="1:4" ht="18" customHeight="1" x14ac:dyDescent="0.15">
      <c r="A131" s="7" t="s">
        <v>45</v>
      </c>
      <c r="B131" s="23">
        <v>7334</v>
      </c>
      <c r="C131" s="15">
        <v>7778</v>
      </c>
      <c r="D131" s="19">
        <v>151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5</v>
      </c>
      <c r="C5" s="13">
        <v>17</v>
      </c>
      <c r="D5" s="17">
        <v>32</v>
      </c>
    </row>
    <row r="6" spans="1:4" ht="18" customHeight="1" x14ac:dyDescent="0.15">
      <c r="A6" s="5">
        <v>1</v>
      </c>
      <c r="B6" s="22">
        <v>23</v>
      </c>
      <c r="C6" s="14">
        <v>23</v>
      </c>
      <c r="D6" s="18">
        <v>46</v>
      </c>
    </row>
    <row r="7" spans="1:4" ht="18" customHeight="1" x14ac:dyDescent="0.15">
      <c r="A7" s="5">
        <v>2</v>
      </c>
      <c r="B7" s="22">
        <v>25</v>
      </c>
      <c r="C7" s="14">
        <v>13</v>
      </c>
      <c r="D7" s="18">
        <v>38</v>
      </c>
    </row>
    <row r="8" spans="1:4" ht="18" customHeight="1" x14ac:dyDescent="0.15">
      <c r="A8" s="5">
        <v>3</v>
      </c>
      <c r="B8" s="22">
        <v>20</v>
      </c>
      <c r="C8" s="14">
        <v>25</v>
      </c>
      <c r="D8" s="18">
        <v>45</v>
      </c>
    </row>
    <row r="9" spans="1:4" ht="18" customHeight="1" x14ac:dyDescent="0.15">
      <c r="A9" s="5">
        <v>4</v>
      </c>
      <c r="B9" s="22">
        <v>25</v>
      </c>
      <c r="C9" s="14">
        <v>18</v>
      </c>
      <c r="D9" s="18">
        <v>43</v>
      </c>
    </row>
    <row r="10" spans="1:4" ht="18" customHeight="1" x14ac:dyDescent="0.15">
      <c r="A10" s="5" t="s">
        <v>7</v>
      </c>
      <c r="B10" s="22">
        <v>108</v>
      </c>
      <c r="C10" s="14">
        <v>96</v>
      </c>
      <c r="D10" s="18">
        <v>204</v>
      </c>
    </row>
    <row r="11" spans="1:4" ht="18" customHeight="1" x14ac:dyDescent="0.15">
      <c r="A11" s="5">
        <v>5</v>
      </c>
      <c r="B11" s="22">
        <v>23</v>
      </c>
      <c r="C11" s="14">
        <v>19</v>
      </c>
      <c r="D11" s="18">
        <v>42</v>
      </c>
    </row>
    <row r="12" spans="1:4" ht="18" customHeight="1" x14ac:dyDescent="0.15">
      <c r="A12" s="5">
        <v>6</v>
      </c>
      <c r="B12" s="22">
        <v>30</v>
      </c>
      <c r="C12" s="14">
        <v>27</v>
      </c>
      <c r="D12" s="18">
        <v>57</v>
      </c>
    </row>
    <row r="13" spans="1:4" ht="18" customHeight="1" x14ac:dyDescent="0.15">
      <c r="A13" s="5">
        <v>7</v>
      </c>
      <c r="B13" s="22">
        <v>25</v>
      </c>
      <c r="C13" s="14">
        <v>28</v>
      </c>
      <c r="D13" s="18">
        <v>53</v>
      </c>
    </row>
    <row r="14" spans="1:4" ht="18" customHeight="1" x14ac:dyDescent="0.15">
      <c r="A14" s="5">
        <v>8</v>
      </c>
      <c r="B14" s="22">
        <v>23</v>
      </c>
      <c r="C14" s="14">
        <v>30</v>
      </c>
      <c r="D14" s="18">
        <v>53</v>
      </c>
    </row>
    <row r="15" spans="1:4" ht="18" customHeight="1" x14ac:dyDescent="0.15">
      <c r="A15" s="5">
        <v>9</v>
      </c>
      <c r="B15" s="22">
        <v>19</v>
      </c>
      <c r="C15" s="14">
        <v>34</v>
      </c>
      <c r="D15" s="18">
        <v>53</v>
      </c>
    </row>
    <row r="16" spans="1:4" ht="18" customHeight="1" x14ac:dyDescent="0.15">
      <c r="A16" s="5" t="s">
        <v>11</v>
      </c>
      <c r="B16" s="22">
        <v>120</v>
      </c>
      <c r="C16" s="14">
        <v>138</v>
      </c>
      <c r="D16" s="18">
        <v>258</v>
      </c>
    </row>
    <row r="17" spans="1:4" ht="18" customHeight="1" x14ac:dyDescent="0.15">
      <c r="A17" s="5">
        <v>10</v>
      </c>
      <c r="B17" s="22">
        <v>33</v>
      </c>
      <c r="C17" s="14">
        <v>21</v>
      </c>
      <c r="D17" s="18">
        <v>54</v>
      </c>
    </row>
    <row r="18" spans="1:4" ht="18" customHeight="1" x14ac:dyDescent="0.15">
      <c r="A18" s="5">
        <v>11</v>
      </c>
      <c r="B18" s="22">
        <v>32</v>
      </c>
      <c r="C18" s="14">
        <v>39</v>
      </c>
      <c r="D18" s="18">
        <v>71</v>
      </c>
    </row>
    <row r="19" spans="1:4" ht="18" customHeight="1" x14ac:dyDescent="0.15">
      <c r="A19" s="5">
        <v>12</v>
      </c>
      <c r="B19" s="22">
        <v>30</v>
      </c>
      <c r="C19" s="14">
        <v>28</v>
      </c>
      <c r="D19" s="18">
        <v>58</v>
      </c>
    </row>
    <row r="20" spans="1:4" ht="18" customHeight="1" x14ac:dyDescent="0.15">
      <c r="A20" s="5">
        <v>13</v>
      </c>
      <c r="B20" s="22">
        <v>21</v>
      </c>
      <c r="C20" s="14">
        <v>34</v>
      </c>
      <c r="D20" s="18">
        <v>55</v>
      </c>
    </row>
    <row r="21" spans="1:4" ht="18" customHeight="1" x14ac:dyDescent="0.15">
      <c r="A21" s="5">
        <v>14</v>
      </c>
      <c r="B21" s="22">
        <v>26</v>
      </c>
      <c r="C21" s="14">
        <v>34</v>
      </c>
      <c r="D21" s="18">
        <v>60</v>
      </c>
    </row>
    <row r="22" spans="1:4" ht="18" customHeight="1" x14ac:dyDescent="0.15">
      <c r="A22" s="5" t="s">
        <v>12</v>
      </c>
      <c r="B22" s="22">
        <v>142</v>
      </c>
      <c r="C22" s="14">
        <v>156</v>
      </c>
      <c r="D22" s="18">
        <v>298</v>
      </c>
    </row>
    <row r="23" spans="1:4" ht="18" customHeight="1" x14ac:dyDescent="0.15">
      <c r="A23" s="5" t="s">
        <v>6</v>
      </c>
      <c r="B23" s="22">
        <v>370</v>
      </c>
      <c r="C23" s="14">
        <v>390</v>
      </c>
      <c r="D23" s="18">
        <v>760</v>
      </c>
    </row>
    <row r="24" spans="1:4" ht="18" customHeight="1" x14ac:dyDescent="0.15">
      <c r="A24" s="5">
        <v>15</v>
      </c>
      <c r="B24" s="22">
        <v>24</v>
      </c>
      <c r="C24" s="14">
        <v>27</v>
      </c>
      <c r="D24" s="18">
        <v>51</v>
      </c>
    </row>
    <row r="25" spans="1:4" ht="18" customHeight="1" x14ac:dyDescent="0.15">
      <c r="A25" s="5">
        <v>16</v>
      </c>
      <c r="B25" s="22">
        <v>30</v>
      </c>
      <c r="C25" s="14">
        <v>31</v>
      </c>
      <c r="D25" s="18">
        <v>61</v>
      </c>
    </row>
    <row r="26" spans="1:4" ht="18" customHeight="1" x14ac:dyDescent="0.15">
      <c r="A26" s="5">
        <v>17</v>
      </c>
      <c r="B26" s="22">
        <v>30</v>
      </c>
      <c r="C26" s="14">
        <v>28</v>
      </c>
      <c r="D26" s="18">
        <v>58</v>
      </c>
    </row>
    <row r="27" spans="1:4" ht="18" customHeight="1" x14ac:dyDescent="0.15">
      <c r="A27" s="5">
        <v>18</v>
      </c>
      <c r="B27" s="22">
        <v>24</v>
      </c>
      <c r="C27" s="14">
        <v>21</v>
      </c>
      <c r="D27" s="18">
        <v>45</v>
      </c>
    </row>
    <row r="28" spans="1:4" ht="18" customHeight="1" x14ac:dyDescent="0.15">
      <c r="A28" s="5">
        <v>19</v>
      </c>
      <c r="B28" s="22">
        <v>25</v>
      </c>
      <c r="C28" s="14">
        <v>34</v>
      </c>
      <c r="D28" s="18">
        <v>59</v>
      </c>
    </row>
    <row r="29" spans="1:4" ht="18" customHeight="1" x14ac:dyDescent="0.15">
      <c r="A29" s="5" t="s">
        <v>14</v>
      </c>
      <c r="B29" s="22">
        <v>133</v>
      </c>
      <c r="C29" s="14">
        <v>141</v>
      </c>
      <c r="D29" s="18">
        <v>274</v>
      </c>
    </row>
    <row r="30" spans="1:4" ht="18" customHeight="1" x14ac:dyDescent="0.15">
      <c r="A30" s="5">
        <v>20</v>
      </c>
      <c r="B30" s="22">
        <v>36</v>
      </c>
      <c r="C30" s="14">
        <v>36</v>
      </c>
      <c r="D30" s="18">
        <v>72</v>
      </c>
    </row>
    <row r="31" spans="1:4" ht="18" customHeight="1" x14ac:dyDescent="0.15">
      <c r="A31" s="5">
        <v>21</v>
      </c>
      <c r="B31" s="22">
        <v>22</v>
      </c>
      <c r="C31" s="14">
        <v>33</v>
      </c>
      <c r="D31" s="18">
        <v>55</v>
      </c>
    </row>
    <row r="32" spans="1:4" ht="18" customHeight="1" x14ac:dyDescent="0.15">
      <c r="A32" s="5">
        <v>22</v>
      </c>
      <c r="B32" s="22">
        <v>29</v>
      </c>
      <c r="C32" s="14">
        <v>57</v>
      </c>
      <c r="D32" s="18">
        <v>86</v>
      </c>
    </row>
    <row r="33" spans="1:4" ht="18" customHeight="1" x14ac:dyDescent="0.15">
      <c r="A33" s="5">
        <v>23</v>
      </c>
      <c r="B33" s="22">
        <v>38</v>
      </c>
      <c r="C33" s="14">
        <v>35</v>
      </c>
      <c r="D33" s="18">
        <v>73</v>
      </c>
    </row>
    <row r="34" spans="1:4" ht="18" customHeight="1" x14ac:dyDescent="0.15">
      <c r="A34" s="5">
        <v>24</v>
      </c>
      <c r="B34" s="22">
        <v>57</v>
      </c>
      <c r="C34" s="14">
        <v>47</v>
      </c>
      <c r="D34" s="18">
        <v>104</v>
      </c>
    </row>
    <row r="35" spans="1:4" ht="18" customHeight="1" x14ac:dyDescent="0.15">
      <c r="A35" s="5" t="s">
        <v>9</v>
      </c>
      <c r="B35" s="22">
        <v>182</v>
      </c>
      <c r="C35" s="14">
        <v>208</v>
      </c>
      <c r="D35" s="18">
        <v>390</v>
      </c>
    </row>
    <row r="36" spans="1:4" ht="18" customHeight="1" x14ac:dyDescent="0.15">
      <c r="A36" s="5">
        <v>25</v>
      </c>
      <c r="B36" s="22">
        <v>55</v>
      </c>
      <c r="C36" s="14">
        <v>43</v>
      </c>
      <c r="D36" s="18">
        <v>98</v>
      </c>
    </row>
    <row r="37" spans="1:4" ht="18" customHeight="1" x14ac:dyDescent="0.15">
      <c r="A37" s="5">
        <v>26</v>
      </c>
      <c r="B37" s="22">
        <v>49</v>
      </c>
      <c r="C37" s="14">
        <v>38</v>
      </c>
      <c r="D37" s="18">
        <v>87</v>
      </c>
    </row>
    <row r="38" spans="1:4" ht="18" customHeight="1" x14ac:dyDescent="0.15">
      <c r="A38" s="5">
        <v>27</v>
      </c>
      <c r="B38" s="22">
        <v>61</v>
      </c>
      <c r="C38" s="14">
        <v>28</v>
      </c>
      <c r="D38" s="18">
        <v>89</v>
      </c>
    </row>
    <row r="39" spans="1:4" ht="18" customHeight="1" x14ac:dyDescent="0.15">
      <c r="A39" s="5">
        <v>28</v>
      </c>
      <c r="B39" s="22">
        <v>60</v>
      </c>
      <c r="C39" s="14">
        <v>46</v>
      </c>
      <c r="D39" s="18">
        <v>106</v>
      </c>
    </row>
    <row r="40" spans="1:4" ht="18" customHeight="1" x14ac:dyDescent="0.15">
      <c r="A40" s="5">
        <v>29</v>
      </c>
      <c r="B40" s="22">
        <v>55</v>
      </c>
      <c r="C40" s="14">
        <v>33</v>
      </c>
      <c r="D40" s="18">
        <v>88</v>
      </c>
    </row>
    <row r="41" spans="1:4" ht="18" customHeight="1" x14ac:dyDescent="0.15">
      <c r="A41" s="5" t="s">
        <v>2</v>
      </c>
      <c r="B41" s="22">
        <v>280</v>
      </c>
      <c r="C41" s="14">
        <v>188</v>
      </c>
      <c r="D41" s="18">
        <v>468</v>
      </c>
    </row>
    <row r="42" spans="1:4" ht="18" customHeight="1" x14ac:dyDescent="0.15">
      <c r="A42" s="5">
        <v>30</v>
      </c>
      <c r="B42" s="22">
        <v>42</v>
      </c>
      <c r="C42" s="14">
        <v>42</v>
      </c>
      <c r="D42" s="18">
        <v>84</v>
      </c>
    </row>
    <row r="43" spans="1:4" ht="18" customHeight="1" x14ac:dyDescent="0.15">
      <c r="A43" s="5">
        <v>31</v>
      </c>
      <c r="B43" s="22">
        <v>44</v>
      </c>
      <c r="C43" s="14">
        <v>29</v>
      </c>
      <c r="D43" s="18">
        <v>73</v>
      </c>
    </row>
    <row r="44" spans="1:4" ht="18" customHeight="1" x14ac:dyDescent="0.15">
      <c r="A44" s="5">
        <v>32</v>
      </c>
      <c r="B44" s="22">
        <v>42</v>
      </c>
      <c r="C44" s="14">
        <v>32</v>
      </c>
      <c r="D44" s="18">
        <v>74</v>
      </c>
    </row>
    <row r="45" spans="1:4" ht="18" customHeight="1" x14ac:dyDescent="0.15">
      <c r="A45" s="5">
        <v>33</v>
      </c>
      <c r="B45" s="22">
        <v>41</v>
      </c>
      <c r="C45" s="14">
        <v>28</v>
      </c>
      <c r="D45" s="18">
        <v>69</v>
      </c>
    </row>
    <row r="46" spans="1:4" ht="18" customHeight="1" x14ac:dyDescent="0.15">
      <c r="A46" s="5">
        <v>34</v>
      </c>
      <c r="B46" s="22">
        <v>32</v>
      </c>
      <c r="C46" s="14">
        <v>24</v>
      </c>
      <c r="D46" s="18">
        <v>56</v>
      </c>
    </row>
    <row r="47" spans="1:4" ht="18" customHeight="1" x14ac:dyDescent="0.15">
      <c r="A47" s="5" t="s">
        <v>15</v>
      </c>
      <c r="B47" s="22">
        <v>201</v>
      </c>
      <c r="C47" s="14">
        <v>155</v>
      </c>
      <c r="D47" s="18">
        <v>356</v>
      </c>
    </row>
    <row r="48" spans="1:4" ht="18" customHeight="1" x14ac:dyDescent="0.15">
      <c r="A48" s="5">
        <v>35</v>
      </c>
      <c r="B48" s="22">
        <v>34</v>
      </c>
      <c r="C48" s="14">
        <v>26</v>
      </c>
      <c r="D48" s="18">
        <v>60</v>
      </c>
    </row>
    <row r="49" spans="1:4" ht="18" customHeight="1" x14ac:dyDescent="0.15">
      <c r="A49" s="5">
        <v>36</v>
      </c>
      <c r="B49" s="22">
        <v>37</v>
      </c>
      <c r="C49" s="14">
        <v>35</v>
      </c>
      <c r="D49" s="18">
        <v>72</v>
      </c>
    </row>
    <row r="50" spans="1:4" ht="18" customHeight="1" x14ac:dyDescent="0.15">
      <c r="A50" s="5">
        <v>37</v>
      </c>
      <c r="B50" s="22">
        <v>45</v>
      </c>
      <c r="C50" s="14">
        <v>41</v>
      </c>
      <c r="D50" s="18">
        <v>86</v>
      </c>
    </row>
    <row r="51" spans="1:4" ht="18" customHeight="1" x14ac:dyDescent="0.15">
      <c r="A51" s="5">
        <v>38</v>
      </c>
      <c r="B51" s="22">
        <v>39</v>
      </c>
      <c r="C51" s="14">
        <v>36</v>
      </c>
      <c r="D51" s="18">
        <v>75</v>
      </c>
    </row>
    <row r="52" spans="1:4" ht="18" customHeight="1" x14ac:dyDescent="0.15">
      <c r="A52" s="5">
        <v>39</v>
      </c>
      <c r="B52" s="22">
        <v>46</v>
      </c>
      <c r="C52" s="14">
        <v>39</v>
      </c>
      <c r="D52" s="18">
        <v>85</v>
      </c>
    </row>
    <row r="53" spans="1:4" ht="18" customHeight="1" x14ac:dyDescent="0.15">
      <c r="A53" s="5" t="s">
        <v>18</v>
      </c>
      <c r="B53" s="22">
        <v>201</v>
      </c>
      <c r="C53" s="14">
        <v>177</v>
      </c>
      <c r="D53" s="18">
        <v>378</v>
      </c>
    </row>
    <row r="54" spans="1:4" ht="18" customHeight="1" x14ac:dyDescent="0.15">
      <c r="A54" s="5">
        <v>40</v>
      </c>
      <c r="B54" s="22">
        <v>43</v>
      </c>
      <c r="C54" s="14">
        <v>42</v>
      </c>
      <c r="D54" s="18">
        <v>85</v>
      </c>
    </row>
    <row r="55" spans="1:4" ht="18" customHeight="1" x14ac:dyDescent="0.15">
      <c r="A55" s="5">
        <v>41</v>
      </c>
      <c r="B55" s="22">
        <v>55</v>
      </c>
      <c r="C55" s="14">
        <v>51</v>
      </c>
      <c r="D55" s="18">
        <v>106</v>
      </c>
    </row>
    <row r="56" spans="1:4" ht="18" customHeight="1" x14ac:dyDescent="0.15">
      <c r="A56" s="5">
        <v>42</v>
      </c>
      <c r="B56" s="22">
        <v>58</v>
      </c>
      <c r="C56" s="14">
        <v>36</v>
      </c>
      <c r="D56" s="18">
        <v>94</v>
      </c>
    </row>
    <row r="57" spans="1:4" ht="18" customHeight="1" x14ac:dyDescent="0.15">
      <c r="A57" s="5">
        <v>43</v>
      </c>
      <c r="B57" s="22">
        <v>40</v>
      </c>
      <c r="C57" s="14">
        <v>47</v>
      </c>
      <c r="D57" s="18">
        <v>87</v>
      </c>
    </row>
    <row r="58" spans="1:4" ht="18" customHeight="1" x14ac:dyDescent="0.15">
      <c r="A58" s="5">
        <v>44</v>
      </c>
      <c r="B58" s="22">
        <v>39</v>
      </c>
      <c r="C58" s="14">
        <v>41</v>
      </c>
      <c r="D58" s="18">
        <v>80</v>
      </c>
    </row>
    <row r="59" spans="1:4" ht="18" customHeight="1" x14ac:dyDescent="0.15">
      <c r="A59" s="5" t="s">
        <v>21</v>
      </c>
      <c r="B59" s="22">
        <v>235</v>
      </c>
      <c r="C59" s="14">
        <v>217</v>
      </c>
      <c r="D59" s="18">
        <v>452</v>
      </c>
    </row>
    <row r="60" spans="1:4" ht="18" customHeight="1" x14ac:dyDescent="0.15">
      <c r="A60" s="5">
        <v>45</v>
      </c>
      <c r="B60" s="22">
        <v>46</v>
      </c>
      <c r="C60" s="14">
        <v>47</v>
      </c>
      <c r="D60" s="18">
        <v>93</v>
      </c>
    </row>
    <row r="61" spans="1:4" ht="18" customHeight="1" x14ac:dyDescent="0.15">
      <c r="A61" s="5">
        <v>46</v>
      </c>
      <c r="B61" s="22">
        <v>42</v>
      </c>
      <c r="C61" s="14">
        <v>56</v>
      </c>
      <c r="D61" s="18">
        <v>98</v>
      </c>
    </row>
    <row r="62" spans="1:4" ht="18" customHeight="1" x14ac:dyDescent="0.15">
      <c r="A62" s="5">
        <v>47</v>
      </c>
      <c r="B62" s="22">
        <v>35</v>
      </c>
      <c r="C62" s="14">
        <v>46</v>
      </c>
      <c r="D62" s="18">
        <v>81</v>
      </c>
    </row>
    <row r="63" spans="1:4" ht="18" customHeight="1" x14ac:dyDescent="0.15">
      <c r="A63" s="5">
        <v>48</v>
      </c>
      <c r="B63" s="22">
        <v>57</v>
      </c>
      <c r="C63" s="14">
        <v>42</v>
      </c>
      <c r="D63" s="18">
        <v>99</v>
      </c>
    </row>
    <row r="64" spans="1:4" ht="18" customHeight="1" x14ac:dyDescent="0.15">
      <c r="A64" s="5">
        <v>49</v>
      </c>
      <c r="B64" s="22">
        <v>48</v>
      </c>
      <c r="C64" s="14">
        <v>41</v>
      </c>
      <c r="D64" s="18">
        <v>89</v>
      </c>
    </row>
    <row r="65" spans="1:4" ht="18" customHeight="1" x14ac:dyDescent="0.15">
      <c r="A65" s="5" t="s">
        <v>17</v>
      </c>
      <c r="B65" s="22">
        <v>228</v>
      </c>
      <c r="C65" s="14">
        <v>232</v>
      </c>
      <c r="D65" s="18">
        <v>460</v>
      </c>
    </row>
    <row r="66" spans="1:4" ht="18" customHeight="1" x14ac:dyDescent="0.15">
      <c r="A66" s="5">
        <v>50</v>
      </c>
      <c r="B66" s="22">
        <v>48</v>
      </c>
      <c r="C66" s="14">
        <v>50</v>
      </c>
      <c r="D66" s="18">
        <v>98</v>
      </c>
    </row>
    <row r="67" spans="1:4" ht="18" customHeight="1" x14ac:dyDescent="0.15">
      <c r="A67" s="5">
        <v>51</v>
      </c>
      <c r="B67" s="22">
        <v>65</v>
      </c>
      <c r="C67" s="14">
        <v>66</v>
      </c>
      <c r="D67" s="18">
        <v>131</v>
      </c>
    </row>
    <row r="68" spans="1:4" ht="18" customHeight="1" x14ac:dyDescent="0.15">
      <c r="A68" s="5">
        <v>52</v>
      </c>
      <c r="B68" s="22">
        <v>68</v>
      </c>
      <c r="C68" s="14">
        <v>70</v>
      </c>
      <c r="D68" s="18">
        <v>138</v>
      </c>
    </row>
    <row r="69" spans="1:4" ht="18" customHeight="1" x14ac:dyDescent="0.15">
      <c r="A69" s="5">
        <v>53</v>
      </c>
      <c r="B69" s="22">
        <v>80</v>
      </c>
      <c r="C69" s="14">
        <v>60</v>
      </c>
      <c r="D69" s="18">
        <v>140</v>
      </c>
    </row>
    <row r="70" spans="1:4" ht="18" customHeight="1" x14ac:dyDescent="0.15">
      <c r="A70" s="5">
        <v>54</v>
      </c>
      <c r="B70" s="22">
        <v>52</v>
      </c>
      <c r="C70" s="14">
        <v>65</v>
      </c>
      <c r="D70" s="18">
        <v>117</v>
      </c>
    </row>
    <row r="71" spans="1:4" ht="18" customHeight="1" x14ac:dyDescent="0.15">
      <c r="A71" s="5" t="s">
        <v>22</v>
      </c>
      <c r="B71" s="22">
        <v>313</v>
      </c>
      <c r="C71" s="14">
        <v>311</v>
      </c>
      <c r="D71" s="18">
        <v>624</v>
      </c>
    </row>
    <row r="72" spans="1:4" ht="18" customHeight="1" x14ac:dyDescent="0.15">
      <c r="A72" s="5">
        <v>55</v>
      </c>
      <c r="B72" s="22">
        <v>67</v>
      </c>
      <c r="C72" s="14">
        <v>56</v>
      </c>
      <c r="D72" s="18">
        <v>123</v>
      </c>
    </row>
    <row r="73" spans="1:4" ht="18" customHeight="1" x14ac:dyDescent="0.15">
      <c r="A73" s="5">
        <v>56</v>
      </c>
      <c r="B73" s="22">
        <v>53</v>
      </c>
      <c r="C73" s="14">
        <v>44</v>
      </c>
      <c r="D73" s="18">
        <v>97</v>
      </c>
    </row>
    <row r="74" spans="1:4" ht="18" customHeight="1" x14ac:dyDescent="0.15">
      <c r="A74" s="5">
        <v>57</v>
      </c>
      <c r="B74" s="22">
        <v>83</v>
      </c>
      <c r="C74" s="14">
        <v>53</v>
      </c>
      <c r="D74" s="18">
        <v>136</v>
      </c>
    </row>
    <row r="75" spans="1:4" ht="18" customHeight="1" x14ac:dyDescent="0.15">
      <c r="A75" s="5">
        <v>58</v>
      </c>
      <c r="B75" s="22">
        <v>60</v>
      </c>
      <c r="C75" s="14">
        <v>51</v>
      </c>
      <c r="D75" s="18">
        <v>111</v>
      </c>
    </row>
    <row r="76" spans="1:4" ht="18" customHeight="1" x14ac:dyDescent="0.15">
      <c r="A76" s="5">
        <v>59</v>
      </c>
      <c r="B76" s="22">
        <v>45</v>
      </c>
      <c r="C76" s="14">
        <v>40</v>
      </c>
      <c r="D76" s="18">
        <v>85</v>
      </c>
    </row>
    <row r="77" spans="1:4" ht="18" customHeight="1" x14ac:dyDescent="0.15">
      <c r="A77" s="5" t="s">
        <v>27</v>
      </c>
      <c r="B77" s="22">
        <v>308</v>
      </c>
      <c r="C77" s="14">
        <v>244</v>
      </c>
      <c r="D77" s="18">
        <v>552</v>
      </c>
    </row>
    <row r="78" spans="1:4" ht="18" customHeight="1" x14ac:dyDescent="0.15">
      <c r="A78" s="5">
        <v>60</v>
      </c>
      <c r="B78" s="22">
        <v>50</v>
      </c>
      <c r="C78" s="14">
        <v>62</v>
      </c>
      <c r="D78" s="18">
        <v>112</v>
      </c>
    </row>
    <row r="79" spans="1:4" ht="18" customHeight="1" x14ac:dyDescent="0.15">
      <c r="A79" s="5">
        <v>61</v>
      </c>
      <c r="B79" s="22">
        <v>52</v>
      </c>
      <c r="C79" s="14">
        <v>44</v>
      </c>
      <c r="D79" s="18">
        <v>96</v>
      </c>
    </row>
    <row r="80" spans="1:4" ht="18" customHeight="1" x14ac:dyDescent="0.15">
      <c r="A80" s="5">
        <v>62</v>
      </c>
      <c r="B80" s="22">
        <v>48</v>
      </c>
      <c r="C80" s="14">
        <v>62</v>
      </c>
      <c r="D80" s="18">
        <v>110</v>
      </c>
    </row>
    <row r="81" spans="1:4" ht="18" customHeight="1" x14ac:dyDescent="0.15">
      <c r="A81" s="5">
        <v>63</v>
      </c>
      <c r="B81" s="22">
        <v>39</v>
      </c>
      <c r="C81" s="14">
        <v>56</v>
      </c>
      <c r="D81" s="18">
        <v>95</v>
      </c>
    </row>
    <row r="82" spans="1:4" ht="18" customHeight="1" x14ac:dyDescent="0.15">
      <c r="A82" s="5">
        <v>64</v>
      </c>
      <c r="B82" s="22">
        <v>51</v>
      </c>
      <c r="C82" s="14">
        <v>38</v>
      </c>
      <c r="D82" s="18">
        <v>89</v>
      </c>
    </row>
    <row r="83" spans="1:4" ht="18" customHeight="1" x14ac:dyDescent="0.15">
      <c r="A83" s="5" t="s">
        <v>28</v>
      </c>
      <c r="B83" s="22">
        <v>240</v>
      </c>
      <c r="C83" s="14">
        <v>262</v>
      </c>
      <c r="D83" s="18">
        <v>502</v>
      </c>
    </row>
    <row r="84" spans="1:4" ht="18" customHeight="1" x14ac:dyDescent="0.15">
      <c r="A84" s="5" t="s">
        <v>31</v>
      </c>
      <c r="B84" s="22">
        <v>2321</v>
      </c>
      <c r="C84" s="14">
        <v>2135</v>
      </c>
      <c r="D84" s="18">
        <v>4456</v>
      </c>
    </row>
    <row r="85" spans="1:4" ht="18" customHeight="1" x14ac:dyDescent="0.15">
      <c r="A85" s="5">
        <v>65</v>
      </c>
      <c r="B85" s="22">
        <v>44</v>
      </c>
      <c r="C85" s="14">
        <v>51</v>
      </c>
      <c r="D85" s="18">
        <v>95</v>
      </c>
    </row>
    <row r="86" spans="1:4" ht="18" customHeight="1" x14ac:dyDescent="0.15">
      <c r="A86" s="5">
        <v>66</v>
      </c>
      <c r="B86" s="22">
        <v>62</v>
      </c>
      <c r="C86" s="14">
        <v>52</v>
      </c>
      <c r="D86" s="18">
        <v>114</v>
      </c>
    </row>
    <row r="87" spans="1:4" ht="18" customHeight="1" x14ac:dyDescent="0.15">
      <c r="A87" s="5">
        <v>67</v>
      </c>
      <c r="B87" s="22">
        <v>43</v>
      </c>
      <c r="C87" s="14">
        <v>42</v>
      </c>
      <c r="D87" s="18">
        <v>85</v>
      </c>
    </row>
    <row r="88" spans="1:4" ht="18" customHeight="1" x14ac:dyDescent="0.15">
      <c r="A88" s="5">
        <v>68</v>
      </c>
      <c r="B88" s="22">
        <v>58</v>
      </c>
      <c r="C88" s="14">
        <v>41</v>
      </c>
      <c r="D88" s="18">
        <v>99</v>
      </c>
    </row>
    <row r="89" spans="1:4" ht="18" customHeight="1" x14ac:dyDescent="0.15">
      <c r="A89" s="5">
        <v>69</v>
      </c>
      <c r="B89" s="22">
        <v>36</v>
      </c>
      <c r="C89" s="14">
        <v>47</v>
      </c>
      <c r="D89" s="18">
        <v>83</v>
      </c>
    </row>
    <row r="90" spans="1:4" ht="18" customHeight="1" x14ac:dyDescent="0.15">
      <c r="A90" s="5" t="s">
        <v>20</v>
      </c>
      <c r="B90" s="22">
        <v>243</v>
      </c>
      <c r="C90" s="14">
        <v>233</v>
      </c>
      <c r="D90" s="18">
        <v>476</v>
      </c>
    </row>
    <row r="91" spans="1:4" ht="18" customHeight="1" x14ac:dyDescent="0.15">
      <c r="A91" s="5">
        <v>70</v>
      </c>
      <c r="B91" s="22">
        <v>43</v>
      </c>
      <c r="C91" s="14">
        <v>55</v>
      </c>
      <c r="D91" s="18">
        <v>98</v>
      </c>
    </row>
    <row r="92" spans="1:4" ht="18" customHeight="1" x14ac:dyDescent="0.15">
      <c r="A92" s="5">
        <v>71</v>
      </c>
      <c r="B92" s="22">
        <v>42</v>
      </c>
      <c r="C92" s="14">
        <v>49</v>
      </c>
      <c r="D92" s="18">
        <v>91</v>
      </c>
    </row>
    <row r="93" spans="1:4" ht="18" customHeight="1" x14ac:dyDescent="0.15">
      <c r="A93" s="5">
        <v>72</v>
      </c>
      <c r="B93" s="22">
        <v>49</v>
      </c>
      <c r="C93" s="14">
        <v>49</v>
      </c>
      <c r="D93" s="18">
        <v>98</v>
      </c>
    </row>
    <row r="94" spans="1:4" ht="18" customHeight="1" x14ac:dyDescent="0.15">
      <c r="A94" s="5">
        <v>73</v>
      </c>
      <c r="B94" s="22">
        <v>41</v>
      </c>
      <c r="C94" s="14">
        <v>53</v>
      </c>
      <c r="D94" s="18">
        <v>94</v>
      </c>
    </row>
    <row r="95" spans="1:4" ht="18" customHeight="1" x14ac:dyDescent="0.15">
      <c r="A95" s="5">
        <v>74</v>
      </c>
      <c r="B95" s="22">
        <v>35</v>
      </c>
      <c r="C95" s="14">
        <v>58</v>
      </c>
      <c r="D95" s="18">
        <v>93</v>
      </c>
    </row>
    <row r="96" spans="1:4" ht="18" customHeight="1" x14ac:dyDescent="0.15">
      <c r="A96" s="5" t="s">
        <v>33</v>
      </c>
      <c r="B96" s="22">
        <v>210</v>
      </c>
      <c r="C96" s="14">
        <v>264</v>
      </c>
      <c r="D96" s="18">
        <v>474</v>
      </c>
    </row>
    <row r="97" spans="1:4" ht="18" customHeight="1" x14ac:dyDescent="0.15">
      <c r="A97" s="5">
        <v>75</v>
      </c>
      <c r="B97" s="22">
        <v>52</v>
      </c>
      <c r="C97" s="14">
        <v>63</v>
      </c>
      <c r="D97" s="18">
        <v>115</v>
      </c>
    </row>
    <row r="98" spans="1:4" ht="18" customHeight="1" x14ac:dyDescent="0.15">
      <c r="A98" s="5">
        <v>76</v>
      </c>
      <c r="B98" s="22">
        <v>56</v>
      </c>
      <c r="C98" s="14">
        <v>77</v>
      </c>
      <c r="D98" s="18">
        <v>133</v>
      </c>
    </row>
    <row r="99" spans="1:4" ht="18" customHeight="1" x14ac:dyDescent="0.15">
      <c r="A99" s="5">
        <v>77</v>
      </c>
      <c r="B99" s="22">
        <v>47</v>
      </c>
      <c r="C99" s="14">
        <v>84</v>
      </c>
      <c r="D99" s="18">
        <v>131</v>
      </c>
    </row>
    <row r="100" spans="1:4" ht="18" customHeight="1" x14ac:dyDescent="0.15">
      <c r="A100" s="5">
        <v>78</v>
      </c>
      <c r="B100" s="22">
        <v>70</v>
      </c>
      <c r="C100" s="14">
        <v>81</v>
      </c>
      <c r="D100" s="18">
        <v>151</v>
      </c>
    </row>
    <row r="101" spans="1:4" ht="18" customHeight="1" x14ac:dyDescent="0.15">
      <c r="A101" s="5">
        <v>79</v>
      </c>
      <c r="B101" s="22">
        <v>48</v>
      </c>
      <c r="C101" s="14">
        <v>63</v>
      </c>
      <c r="D101" s="18">
        <v>111</v>
      </c>
    </row>
    <row r="102" spans="1:4" ht="18" customHeight="1" x14ac:dyDescent="0.15">
      <c r="A102" s="5" t="s">
        <v>0</v>
      </c>
      <c r="B102" s="22">
        <v>273</v>
      </c>
      <c r="C102" s="14">
        <v>368</v>
      </c>
      <c r="D102" s="18">
        <v>641</v>
      </c>
    </row>
    <row r="103" spans="1:4" ht="18" customHeight="1" x14ac:dyDescent="0.15">
      <c r="A103" s="5">
        <v>80</v>
      </c>
      <c r="B103" s="22">
        <v>44</v>
      </c>
      <c r="C103" s="14">
        <v>43</v>
      </c>
      <c r="D103" s="18">
        <v>87</v>
      </c>
    </row>
    <row r="104" spans="1:4" ht="18" customHeight="1" x14ac:dyDescent="0.15">
      <c r="A104" s="5">
        <v>81</v>
      </c>
      <c r="B104" s="22">
        <v>45</v>
      </c>
      <c r="C104" s="14">
        <v>46</v>
      </c>
      <c r="D104" s="18">
        <v>91</v>
      </c>
    </row>
    <row r="105" spans="1:4" ht="18" customHeight="1" x14ac:dyDescent="0.15">
      <c r="A105" s="5">
        <v>82</v>
      </c>
      <c r="B105" s="22">
        <v>32</v>
      </c>
      <c r="C105" s="14">
        <v>63</v>
      </c>
      <c r="D105" s="18">
        <v>95</v>
      </c>
    </row>
    <row r="106" spans="1:4" ht="18" customHeight="1" x14ac:dyDescent="0.15">
      <c r="A106" s="5">
        <v>83</v>
      </c>
      <c r="B106" s="22">
        <v>33</v>
      </c>
      <c r="C106" s="14">
        <v>59</v>
      </c>
      <c r="D106" s="18">
        <v>92</v>
      </c>
    </row>
    <row r="107" spans="1:4" ht="18" customHeight="1" x14ac:dyDescent="0.15">
      <c r="A107" s="5">
        <v>84</v>
      </c>
      <c r="B107" s="22">
        <v>35</v>
      </c>
      <c r="C107" s="14">
        <v>56</v>
      </c>
      <c r="D107" s="18">
        <v>91</v>
      </c>
    </row>
    <row r="108" spans="1:4" ht="18" customHeight="1" x14ac:dyDescent="0.15">
      <c r="A108" s="5" t="s">
        <v>35</v>
      </c>
      <c r="B108" s="22">
        <v>189</v>
      </c>
      <c r="C108" s="14">
        <v>267</v>
      </c>
      <c r="D108" s="18">
        <v>456</v>
      </c>
    </row>
    <row r="109" spans="1:4" ht="18" customHeight="1" x14ac:dyDescent="0.15">
      <c r="A109" s="5">
        <v>85</v>
      </c>
      <c r="B109" s="22">
        <v>34</v>
      </c>
      <c r="C109" s="14">
        <v>47</v>
      </c>
      <c r="D109" s="18">
        <v>81</v>
      </c>
    </row>
    <row r="110" spans="1:4" ht="18" customHeight="1" x14ac:dyDescent="0.15">
      <c r="A110" s="5">
        <v>86</v>
      </c>
      <c r="B110" s="22">
        <v>26</v>
      </c>
      <c r="C110" s="14">
        <v>29</v>
      </c>
      <c r="D110" s="18">
        <v>55</v>
      </c>
    </row>
    <row r="111" spans="1:4" ht="18" customHeight="1" x14ac:dyDescent="0.15">
      <c r="A111" s="5">
        <v>87</v>
      </c>
      <c r="B111" s="22">
        <v>18</v>
      </c>
      <c r="C111" s="14">
        <v>30</v>
      </c>
      <c r="D111" s="18">
        <v>48</v>
      </c>
    </row>
    <row r="112" spans="1:4" ht="18" customHeight="1" x14ac:dyDescent="0.15">
      <c r="A112" s="5">
        <v>88</v>
      </c>
      <c r="B112" s="22">
        <v>18</v>
      </c>
      <c r="C112" s="14">
        <v>37</v>
      </c>
      <c r="D112" s="18">
        <v>55</v>
      </c>
    </row>
    <row r="113" spans="1:4" ht="18" customHeight="1" x14ac:dyDescent="0.15">
      <c r="A113" s="5">
        <v>89</v>
      </c>
      <c r="B113" s="22">
        <v>12</v>
      </c>
      <c r="C113" s="14">
        <v>29</v>
      </c>
      <c r="D113" s="18">
        <v>41</v>
      </c>
    </row>
    <row r="114" spans="1:4" ht="18" customHeight="1" x14ac:dyDescent="0.15">
      <c r="A114" s="5" t="s">
        <v>37</v>
      </c>
      <c r="B114" s="22">
        <v>108</v>
      </c>
      <c r="C114" s="14">
        <v>172</v>
      </c>
      <c r="D114" s="18">
        <v>280</v>
      </c>
    </row>
    <row r="115" spans="1:4" ht="18" customHeight="1" x14ac:dyDescent="0.15">
      <c r="A115" s="5">
        <v>90</v>
      </c>
      <c r="B115" s="22">
        <v>17</v>
      </c>
      <c r="C115" s="14">
        <v>27</v>
      </c>
      <c r="D115" s="18">
        <v>44</v>
      </c>
    </row>
    <row r="116" spans="1:4" ht="18" customHeight="1" x14ac:dyDescent="0.15">
      <c r="A116" s="5">
        <v>91</v>
      </c>
      <c r="B116" s="22">
        <v>9</v>
      </c>
      <c r="C116" s="14">
        <v>36</v>
      </c>
      <c r="D116" s="18">
        <v>45</v>
      </c>
    </row>
    <row r="117" spans="1:4" ht="18" customHeight="1" x14ac:dyDescent="0.15">
      <c r="A117" s="5">
        <v>92</v>
      </c>
      <c r="B117" s="22">
        <v>8</v>
      </c>
      <c r="C117" s="14">
        <v>33</v>
      </c>
      <c r="D117" s="18">
        <v>41</v>
      </c>
    </row>
    <row r="118" spans="1:4" ht="18" customHeight="1" x14ac:dyDescent="0.15">
      <c r="A118" s="5">
        <v>93</v>
      </c>
      <c r="B118" s="22">
        <v>7</v>
      </c>
      <c r="C118" s="14">
        <v>22</v>
      </c>
      <c r="D118" s="18">
        <v>29</v>
      </c>
    </row>
    <row r="119" spans="1:4" ht="18" customHeight="1" x14ac:dyDescent="0.15">
      <c r="A119" s="5">
        <v>94</v>
      </c>
      <c r="B119" s="22">
        <v>6</v>
      </c>
      <c r="C119" s="14">
        <v>20</v>
      </c>
      <c r="D119" s="18">
        <v>26</v>
      </c>
    </row>
    <row r="120" spans="1:4" ht="18" customHeight="1" x14ac:dyDescent="0.15">
      <c r="A120" s="5" t="s">
        <v>39</v>
      </c>
      <c r="B120" s="22">
        <v>47</v>
      </c>
      <c r="C120" s="14">
        <v>138</v>
      </c>
      <c r="D120" s="18">
        <v>185</v>
      </c>
    </row>
    <row r="121" spans="1:4" ht="18" customHeight="1" x14ac:dyDescent="0.15">
      <c r="A121" s="5">
        <v>95</v>
      </c>
      <c r="B121" s="22">
        <v>3</v>
      </c>
      <c r="C121" s="14">
        <v>15</v>
      </c>
      <c r="D121" s="18">
        <v>18</v>
      </c>
    </row>
    <row r="122" spans="1:4" ht="18" customHeight="1" x14ac:dyDescent="0.15">
      <c r="A122" s="5">
        <v>96</v>
      </c>
      <c r="B122" s="22">
        <v>3</v>
      </c>
      <c r="C122" s="14">
        <v>6</v>
      </c>
      <c r="D122" s="18">
        <v>9</v>
      </c>
    </row>
    <row r="123" spans="1:4" ht="18" customHeight="1" x14ac:dyDescent="0.15">
      <c r="A123" s="5">
        <v>97</v>
      </c>
      <c r="B123" s="22">
        <v>1</v>
      </c>
      <c r="C123" s="14">
        <v>7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8</v>
      </c>
      <c r="C126" s="14">
        <v>36</v>
      </c>
      <c r="D126" s="18">
        <v>44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6</v>
      </c>
      <c r="D128" s="18">
        <v>6</v>
      </c>
    </row>
    <row r="129" spans="1:4" ht="18" customHeight="1" x14ac:dyDescent="0.15">
      <c r="A129" s="5" t="s">
        <v>44</v>
      </c>
      <c r="B129" s="22">
        <v>0</v>
      </c>
      <c r="C129" s="14">
        <v>10</v>
      </c>
      <c r="D129" s="18">
        <v>10</v>
      </c>
    </row>
    <row r="130" spans="1:4" ht="18" customHeight="1" x14ac:dyDescent="0.15">
      <c r="A130" s="5" t="s">
        <v>46</v>
      </c>
      <c r="B130" s="22">
        <v>1078</v>
      </c>
      <c r="C130" s="14">
        <v>1488</v>
      </c>
      <c r="D130" s="18">
        <v>2566</v>
      </c>
    </row>
    <row r="131" spans="1:4" ht="18" customHeight="1" x14ac:dyDescent="0.15">
      <c r="A131" s="7" t="s">
        <v>45</v>
      </c>
      <c r="B131" s="23">
        <v>3769</v>
      </c>
      <c r="C131" s="15">
        <v>4013</v>
      </c>
      <c r="D131" s="19">
        <v>778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25</v>
      </c>
      <c r="C5" s="13">
        <v>32</v>
      </c>
      <c r="D5" s="17">
        <v>57</v>
      </c>
    </row>
    <row r="6" spans="1:4" ht="18" customHeight="1" x14ac:dyDescent="0.15">
      <c r="A6" s="5">
        <v>1</v>
      </c>
      <c r="B6" s="22">
        <v>26</v>
      </c>
      <c r="C6" s="14">
        <v>21</v>
      </c>
      <c r="D6" s="18">
        <v>47</v>
      </c>
    </row>
    <row r="7" spans="1:4" ht="18" customHeight="1" x14ac:dyDescent="0.15">
      <c r="A7" s="5">
        <v>2</v>
      </c>
      <c r="B7" s="22">
        <v>38</v>
      </c>
      <c r="C7" s="14">
        <v>35</v>
      </c>
      <c r="D7" s="18">
        <v>73</v>
      </c>
    </row>
    <row r="8" spans="1:4" ht="18" customHeight="1" x14ac:dyDescent="0.15">
      <c r="A8" s="5">
        <v>3</v>
      </c>
      <c r="B8" s="22">
        <v>31</v>
      </c>
      <c r="C8" s="14">
        <v>38</v>
      </c>
      <c r="D8" s="18">
        <v>69</v>
      </c>
    </row>
    <row r="9" spans="1:4" ht="18" customHeight="1" x14ac:dyDescent="0.15">
      <c r="A9" s="5">
        <v>4</v>
      </c>
      <c r="B9" s="22">
        <v>32</v>
      </c>
      <c r="C9" s="14">
        <v>35</v>
      </c>
      <c r="D9" s="18">
        <v>67</v>
      </c>
    </row>
    <row r="10" spans="1:4" ht="18" customHeight="1" x14ac:dyDescent="0.15">
      <c r="A10" s="5" t="s">
        <v>7</v>
      </c>
      <c r="B10" s="22">
        <v>152</v>
      </c>
      <c r="C10" s="14">
        <v>161</v>
      </c>
      <c r="D10" s="18">
        <v>313</v>
      </c>
    </row>
    <row r="11" spans="1:4" ht="18" customHeight="1" x14ac:dyDescent="0.15">
      <c r="A11" s="5">
        <v>5</v>
      </c>
      <c r="B11" s="22">
        <v>36</v>
      </c>
      <c r="C11" s="14">
        <v>39</v>
      </c>
      <c r="D11" s="18">
        <v>75</v>
      </c>
    </row>
    <row r="12" spans="1:4" ht="18" customHeight="1" x14ac:dyDescent="0.15">
      <c r="A12" s="5">
        <v>6</v>
      </c>
      <c r="B12" s="22">
        <v>38</v>
      </c>
      <c r="C12" s="14">
        <v>37</v>
      </c>
      <c r="D12" s="18">
        <v>75</v>
      </c>
    </row>
    <row r="13" spans="1:4" ht="18" customHeight="1" x14ac:dyDescent="0.15">
      <c r="A13" s="5">
        <v>7</v>
      </c>
      <c r="B13" s="22">
        <v>49</v>
      </c>
      <c r="C13" s="14">
        <v>35</v>
      </c>
      <c r="D13" s="18">
        <v>84</v>
      </c>
    </row>
    <row r="14" spans="1:4" ht="18" customHeight="1" x14ac:dyDescent="0.15">
      <c r="A14" s="5">
        <v>8</v>
      </c>
      <c r="B14" s="22">
        <v>35</v>
      </c>
      <c r="C14" s="14">
        <v>31</v>
      </c>
      <c r="D14" s="18">
        <v>66</v>
      </c>
    </row>
    <row r="15" spans="1:4" ht="18" customHeight="1" x14ac:dyDescent="0.15">
      <c r="A15" s="5">
        <v>9</v>
      </c>
      <c r="B15" s="22">
        <v>36</v>
      </c>
      <c r="C15" s="14">
        <v>40</v>
      </c>
      <c r="D15" s="18">
        <v>76</v>
      </c>
    </row>
    <row r="16" spans="1:4" ht="18" customHeight="1" x14ac:dyDescent="0.15">
      <c r="A16" s="5" t="s">
        <v>11</v>
      </c>
      <c r="B16" s="22">
        <v>194</v>
      </c>
      <c r="C16" s="14">
        <v>182</v>
      </c>
      <c r="D16" s="18">
        <v>376</v>
      </c>
    </row>
    <row r="17" spans="1:4" ht="18" customHeight="1" x14ac:dyDescent="0.15">
      <c r="A17" s="5">
        <v>10</v>
      </c>
      <c r="B17" s="22">
        <v>40</v>
      </c>
      <c r="C17" s="14">
        <v>39</v>
      </c>
      <c r="D17" s="18">
        <v>79</v>
      </c>
    </row>
    <row r="18" spans="1:4" ht="18" customHeight="1" x14ac:dyDescent="0.15">
      <c r="A18" s="5">
        <v>11</v>
      </c>
      <c r="B18" s="22">
        <v>39</v>
      </c>
      <c r="C18" s="14">
        <v>41</v>
      </c>
      <c r="D18" s="18">
        <v>80</v>
      </c>
    </row>
    <row r="19" spans="1:4" ht="18" customHeight="1" x14ac:dyDescent="0.15">
      <c r="A19" s="5">
        <v>12</v>
      </c>
      <c r="B19" s="22">
        <v>42</v>
      </c>
      <c r="C19" s="14">
        <v>31</v>
      </c>
      <c r="D19" s="18">
        <v>73</v>
      </c>
    </row>
    <row r="20" spans="1:4" ht="18" customHeight="1" x14ac:dyDescent="0.15">
      <c r="A20" s="5">
        <v>13</v>
      </c>
      <c r="B20" s="22">
        <v>35</v>
      </c>
      <c r="C20" s="14">
        <v>36</v>
      </c>
      <c r="D20" s="18">
        <v>71</v>
      </c>
    </row>
    <row r="21" spans="1:4" ht="18" customHeight="1" x14ac:dyDescent="0.15">
      <c r="A21" s="5">
        <v>14</v>
      </c>
      <c r="B21" s="22">
        <v>43</v>
      </c>
      <c r="C21" s="14">
        <v>42</v>
      </c>
      <c r="D21" s="18">
        <v>85</v>
      </c>
    </row>
    <row r="22" spans="1:4" ht="18" customHeight="1" x14ac:dyDescent="0.15">
      <c r="A22" s="5" t="s">
        <v>12</v>
      </c>
      <c r="B22" s="22">
        <v>199</v>
      </c>
      <c r="C22" s="14">
        <v>189</v>
      </c>
      <c r="D22" s="18">
        <v>388</v>
      </c>
    </row>
    <row r="23" spans="1:4" ht="18" customHeight="1" x14ac:dyDescent="0.15">
      <c r="A23" s="5" t="s">
        <v>6</v>
      </c>
      <c r="B23" s="22">
        <v>545</v>
      </c>
      <c r="C23" s="14">
        <v>532</v>
      </c>
      <c r="D23" s="18">
        <v>1077</v>
      </c>
    </row>
    <row r="24" spans="1:4" ht="18" customHeight="1" x14ac:dyDescent="0.15">
      <c r="A24" s="5">
        <v>15</v>
      </c>
      <c r="B24" s="22">
        <v>44</v>
      </c>
      <c r="C24" s="14">
        <v>31</v>
      </c>
      <c r="D24" s="18">
        <v>75</v>
      </c>
    </row>
    <row r="25" spans="1:4" ht="18" customHeight="1" x14ac:dyDescent="0.15">
      <c r="A25" s="5">
        <v>16</v>
      </c>
      <c r="B25" s="22">
        <v>39</v>
      </c>
      <c r="C25" s="14">
        <v>47</v>
      </c>
      <c r="D25" s="18">
        <v>86</v>
      </c>
    </row>
    <row r="26" spans="1:4" ht="18" customHeight="1" x14ac:dyDescent="0.15">
      <c r="A26" s="5">
        <v>17</v>
      </c>
      <c r="B26" s="22">
        <v>55</v>
      </c>
      <c r="C26" s="14">
        <v>46</v>
      </c>
      <c r="D26" s="18">
        <v>101</v>
      </c>
    </row>
    <row r="27" spans="1:4" ht="18" customHeight="1" x14ac:dyDescent="0.15">
      <c r="A27" s="5">
        <v>18</v>
      </c>
      <c r="B27" s="22">
        <v>49</v>
      </c>
      <c r="C27" s="14">
        <v>40</v>
      </c>
      <c r="D27" s="18">
        <v>89</v>
      </c>
    </row>
    <row r="28" spans="1:4" ht="18" customHeight="1" x14ac:dyDescent="0.15">
      <c r="A28" s="5">
        <v>19</v>
      </c>
      <c r="B28" s="22">
        <v>37</v>
      </c>
      <c r="C28" s="14">
        <v>37</v>
      </c>
      <c r="D28" s="18">
        <v>74</v>
      </c>
    </row>
    <row r="29" spans="1:4" ht="18" customHeight="1" x14ac:dyDescent="0.15">
      <c r="A29" s="5" t="s">
        <v>14</v>
      </c>
      <c r="B29" s="22">
        <v>224</v>
      </c>
      <c r="C29" s="14">
        <v>201</v>
      </c>
      <c r="D29" s="18">
        <v>425</v>
      </c>
    </row>
    <row r="30" spans="1:4" ht="18" customHeight="1" x14ac:dyDescent="0.15">
      <c r="A30" s="5">
        <v>20</v>
      </c>
      <c r="B30" s="22">
        <v>51</v>
      </c>
      <c r="C30" s="14">
        <v>33</v>
      </c>
      <c r="D30" s="18">
        <v>84</v>
      </c>
    </row>
    <row r="31" spans="1:4" ht="18" customHeight="1" x14ac:dyDescent="0.15">
      <c r="A31" s="5">
        <v>21</v>
      </c>
      <c r="B31" s="22">
        <v>65</v>
      </c>
      <c r="C31" s="14">
        <v>52</v>
      </c>
      <c r="D31" s="18">
        <v>117</v>
      </c>
    </row>
    <row r="32" spans="1:4" ht="18" customHeight="1" x14ac:dyDescent="0.15">
      <c r="A32" s="5">
        <v>22</v>
      </c>
      <c r="B32" s="22">
        <v>41</v>
      </c>
      <c r="C32" s="14">
        <v>44</v>
      </c>
      <c r="D32" s="18">
        <v>85</v>
      </c>
    </row>
    <row r="33" spans="1:4" ht="18" customHeight="1" x14ac:dyDescent="0.15">
      <c r="A33" s="5">
        <v>23</v>
      </c>
      <c r="B33" s="22">
        <v>73</v>
      </c>
      <c r="C33" s="14">
        <v>52</v>
      </c>
      <c r="D33" s="18">
        <v>125</v>
      </c>
    </row>
    <row r="34" spans="1:4" ht="18" customHeight="1" x14ac:dyDescent="0.15">
      <c r="A34" s="5">
        <v>24</v>
      </c>
      <c r="B34" s="22">
        <v>68</v>
      </c>
      <c r="C34" s="14">
        <v>52</v>
      </c>
      <c r="D34" s="18">
        <v>120</v>
      </c>
    </row>
    <row r="35" spans="1:4" ht="18" customHeight="1" x14ac:dyDescent="0.15">
      <c r="A35" s="5" t="s">
        <v>9</v>
      </c>
      <c r="B35" s="22">
        <v>298</v>
      </c>
      <c r="C35" s="14">
        <v>233</v>
      </c>
      <c r="D35" s="18">
        <v>531</v>
      </c>
    </row>
    <row r="36" spans="1:4" ht="18" customHeight="1" x14ac:dyDescent="0.15">
      <c r="A36" s="5">
        <v>25</v>
      </c>
      <c r="B36" s="22">
        <v>62</v>
      </c>
      <c r="C36" s="14">
        <v>56</v>
      </c>
      <c r="D36" s="18">
        <v>118</v>
      </c>
    </row>
    <row r="37" spans="1:4" ht="18" customHeight="1" x14ac:dyDescent="0.15">
      <c r="A37" s="5">
        <v>26</v>
      </c>
      <c r="B37" s="22">
        <v>70</v>
      </c>
      <c r="C37" s="14">
        <v>52</v>
      </c>
      <c r="D37" s="18">
        <v>122</v>
      </c>
    </row>
    <row r="38" spans="1:4" ht="18" customHeight="1" x14ac:dyDescent="0.15">
      <c r="A38" s="5">
        <v>27</v>
      </c>
      <c r="B38" s="22">
        <v>65</v>
      </c>
      <c r="C38" s="14">
        <v>46</v>
      </c>
      <c r="D38" s="18">
        <v>111</v>
      </c>
    </row>
    <row r="39" spans="1:4" ht="18" customHeight="1" x14ac:dyDescent="0.15">
      <c r="A39" s="5">
        <v>28</v>
      </c>
      <c r="B39" s="22">
        <v>55</v>
      </c>
      <c r="C39" s="14">
        <v>32</v>
      </c>
      <c r="D39" s="18">
        <v>87</v>
      </c>
    </row>
    <row r="40" spans="1:4" ht="18" customHeight="1" x14ac:dyDescent="0.15">
      <c r="A40" s="5">
        <v>29</v>
      </c>
      <c r="B40" s="22">
        <v>59</v>
      </c>
      <c r="C40" s="14">
        <v>53</v>
      </c>
      <c r="D40" s="18">
        <v>112</v>
      </c>
    </row>
    <row r="41" spans="1:4" ht="18" customHeight="1" x14ac:dyDescent="0.15">
      <c r="A41" s="5" t="s">
        <v>2</v>
      </c>
      <c r="B41" s="22">
        <v>311</v>
      </c>
      <c r="C41" s="14">
        <v>239</v>
      </c>
      <c r="D41" s="18">
        <v>550</v>
      </c>
    </row>
    <row r="42" spans="1:4" ht="18" customHeight="1" x14ac:dyDescent="0.15">
      <c r="A42" s="5">
        <v>30</v>
      </c>
      <c r="B42" s="22">
        <v>64</v>
      </c>
      <c r="C42" s="14">
        <v>48</v>
      </c>
      <c r="D42" s="18">
        <v>112</v>
      </c>
    </row>
    <row r="43" spans="1:4" ht="18" customHeight="1" x14ac:dyDescent="0.15">
      <c r="A43" s="5">
        <v>31</v>
      </c>
      <c r="B43" s="22">
        <v>71</v>
      </c>
      <c r="C43" s="14">
        <v>54</v>
      </c>
      <c r="D43" s="18">
        <v>125</v>
      </c>
    </row>
    <row r="44" spans="1:4" ht="18" customHeight="1" x14ac:dyDescent="0.15">
      <c r="A44" s="5">
        <v>32</v>
      </c>
      <c r="B44" s="22">
        <v>58</v>
      </c>
      <c r="C44" s="14">
        <v>46</v>
      </c>
      <c r="D44" s="18">
        <v>104</v>
      </c>
    </row>
    <row r="45" spans="1:4" ht="18" customHeight="1" x14ac:dyDescent="0.15">
      <c r="A45" s="5">
        <v>33</v>
      </c>
      <c r="B45" s="22">
        <v>49</v>
      </c>
      <c r="C45" s="14">
        <v>48</v>
      </c>
      <c r="D45" s="18">
        <v>97</v>
      </c>
    </row>
    <row r="46" spans="1:4" ht="18" customHeight="1" x14ac:dyDescent="0.15">
      <c r="A46" s="5">
        <v>34</v>
      </c>
      <c r="B46" s="22">
        <v>42</v>
      </c>
      <c r="C46" s="14">
        <v>47</v>
      </c>
      <c r="D46" s="18">
        <v>89</v>
      </c>
    </row>
    <row r="47" spans="1:4" ht="18" customHeight="1" x14ac:dyDescent="0.15">
      <c r="A47" s="5" t="s">
        <v>15</v>
      </c>
      <c r="B47" s="22">
        <v>284</v>
      </c>
      <c r="C47" s="14">
        <v>243</v>
      </c>
      <c r="D47" s="18">
        <v>527</v>
      </c>
    </row>
    <row r="48" spans="1:4" ht="18" customHeight="1" x14ac:dyDescent="0.15">
      <c r="A48" s="5">
        <v>35</v>
      </c>
      <c r="B48" s="22">
        <v>50</v>
      </c>
      <c r="C48" s="14">
        <v>49</v>
      </c>
      <c r="D48" s="18">
        <v>99</v>
      </c>
    </row>
    <row r="49" spans="1:4" ht="18" customHeight="1" x14ac:dyDescent="0.15">
      <c r="A49" s="5">
        <v>36</v>
      </c>
      <c r="B49" s="22">
        <v>83</v>
      </c>
      <c r="C49" s="14">
        <v>40</v>
      </c>
      <c r="D49" s="18">
        <v>123</v>
      </c>
    </row>
    <row r="50" spans="1:4" ht="18" customHeight="1" x14ac:dyDescent="0.15">
      <c r="A50" s="5">
        <v>37</v>
      </c>
      <c r="B50" s="22">
        <v>53</v>
      </c>
      <c r="C50" s="14">
        <v>62</v>
      </c>
      <c r="D50" s="18">
        <v>115</v>
      </c>
    </row>
    <row r="51" spans="1:4" ht="18" customHeight="1" x14ac:dyDescent="0.15">
      <c r="A51" s="5">
        <v>38</v>
      </c>
      <c r="B51" s="22">
        <v>51</v>
      </c>
      <c r="C51" s="14">
        <v>51</v>
      </c>
      <c r="D51" s="18">
        <v>102</v>
      </c>
    </row>
    <row r="52" spans="1:4" ht="18" customHeight="1" x14ac:dyDescent="0.15">
      <c r="A52" s="5">
        <v>39</v>
      </c>
      <c r="B52" s="22">
        <v>58</v>
      </c>
      <c r="C52" s="14">
        <v>51</v>
      </c>
      <c r="D52" s="18">
        <v>109</v>
      </c>
    </row>
    <row r="53" spans="1:4" ht="18" customHeight="1" x14ac:dyDescent="0.15">
      <c r="A53" s="5" t="s">
        <v>18</v>
      </c>
      <c r="B53" s="22">
        <v>295</v>
      </c>
      <c r="C53" s="14">
        <v>253</v>
      </c>
      <c r="D53" s="18">
        <v>548</v>
      </c>
    </row>
    <row r="54" spans="1:4" ht="18" customHeight="1" x14ac:dyDescent="0.15">
      <c r="A54" s="5">
        <v>40</v>
      </c>
      <c r="B54" s="22">
        <v>63</v>
      </c>
      <c r="C54" s="14">
        <v>53</v>
      </c>
      <c r="D54" s="18">
        <v>116</v>
      </c>
    </row>
    <row r="55" spans="1:4" ht="18" customHeight="1" x14ac:dyDescent="0.15">
      <c r="A55" s="5">
        <v>41</v>
      </c>
      <c r="B55" s="22">
        <v>54</v>
      </c>
      <c r="C55" s="14">
        <v>56</v>
      </c>
      <c r="D55" s="18">
        <v>110</v>
      </c>
    </row>
    <row r="56" spans="1:4" ht="18" customHeight="1" x14ac:dyDescent="0.15">
      <c r="A56" s="5">
        <v>42</v>
      </c>
      <c r="B56" s="22">
        <v>50</v>
      </c>
      <c r="C56" s="14">
        <v>59</v>
      </c>
      <c r="D56" s="18">
        <v>109</v>
      </c>
    </row>
    <row r="57" spans="1:4" ht="18" customHeight="1" x14ac:dyDescent="0.15">
      <c r="A57" s="5">
        <v>43</v>
      </c>
      <c r="B57" s="22">
        <v>72</v>
      </c>
      <c r="C57" s="14">
        <v>49</v>
      </c>
      <c r="D57" s="18">
        <v>121</v>
      </c>
    </row>
    <row r="58" spans="1:4" ht="18" customHeight="1" x14ac:dyDescent="0.15">
      <c r="A58" s="5">
        <v>44</v>
      </c>
      <c r="B58" s="22">
        <v>62</v>
      </c>
      <c r="C58" s="14">
        <v>57</v>
      </c>
      <c r="D58" s="18">
        <v>119</v>
      </c>
    </row>
    <row r="59" spans="1:4" ht="18" customHeight="1" x14ac:dyDescent="0.15">
      <c r="A59" s="5" t="s">
        <v>21</v>
      </c>
      <c r="B59" s="22">
        <v>301</v>
      </c>
      <c r="C59" s="14">
        <v>274</v>
      </c>
      <c r="D59" s="18">
        <v>575</v>
      </c>
    </row>
    <row r="60" spans="1:4" ht="18" customHeight="1" x14ac:dyDescent="0.15">
      <c r="A60" s="5">
        <v>45</v>
      </c>
      <c r="B60" s="22">
        <v>61</v>
      </c>
      <c r="C60" s="14">
        <v>55</v>
      </c>
      <c r="D60" s="18">
        <v>116</v>
      </c>
    </row>
    <row r="61" spans="1:4" ht="18" customHeight="1" x14ac:dyDescent="0.15">
      <c r="A61" s="5">
        <v>46</v>
      </c>
      <c r="B61" s="22">
        <v>70</v>
      </c>
      <c r="C61" s="14">
        <v>59</v>
      </c>
      <c r="D61" s="18">
        <v>129</v>
      </c>
    </row>
    <row r="62" spans="1:4" ht="18" customHeight="1" x14ac:dyDescent="0.15">
      <c r="A62" s="5">
        <v>47</v>
      </c>
      <c r="B62" s="22">
        <v>74</v>
      </c>
      <c r="C62" s="14">
        <v>72</v>
      </c>
      <c r="D62" s="18">
        <v>146</v>
      </c>
    </row>
    <row r="63" spans="1:4" ht="18" customHeight="1" x14ac:dyDescent="0.15">
      <c r="A63" s="5">
        <v>48</v>
      </c>
      <c r="B63" s="22">
        <v>67</v>
      </c>
      <c r="C63" s="14">
        <v>68</v>
      </c>
      <c r="D63" s="18">
        <v>135</v>
      </c>
    </row>
    <row r="64" spans="1:4" ht="18" customHeight="1" x14ac:dyDescent="0.15">
      <c r="A64" s="5">
        <v>49</v>
      </c>
      <c r="B64" s="22">
        <v>73</v>
      </c>
      <c r="C64" s="14">
        <v>64</v>
      </c>
      <c r="D64" s="18">
        <v>137</v>
      </c>
    </row>
    <row r="65" spans="1:4" ht="18" customHeight="1" x14ac:dyDescent="0.15">
      <c r="A65" s="5" t="s">
        <v>17</v>
      </c>
      <c r="B65" s="22">
        <v>345</v>
      </c>
      <c r="C65" s="14">
        <v>318</v>
      </c>
      <c r="D65" s="18">
        <v>663</v>
      </c>
    </row>
    <row r="66" spans="1:4" ht="18" customHeight="1" x14ac:dyDescent="0.15">
      <c r="A66" s="5">
        <v>50</v>
      </c>
      <c r="B66" s="22">
        <v>83</v>
      </c>
      <c r="C66" s="14">
        <v>87</v>
      </c>
      <c r="D66" s="18">
        <v>170</v>
      </c>
    </row>
    <row r="67" spans="1:4" ht="18" customHeight="1" x14ac:dyDescent="0.15">
      <c r="A67" s="5">
        <v>51</v>
      </c>
      <c r="B67" s="22">
        <v>96</v>
      </c>
      <c r="C67" s="14">
        <v>81</v>
      </c>
      <c r="D67" s="18">
        <v>177</v>
      </c>
    </row>
    <row r="68" spans="1:4" ht="18" customHeight="1" x14ac:dyDescent="0.15">
      <c r="A68" s="5">
        <v>52</v>
      </c>
      <c r="B68" s="22">
        <v>97</v>
      </c>
      <c r="C68" s="14">
        <v>87</v>
      </c>
      <c r="D68" s="18">
        <v>184</v>
      </c>
    </row>
    <row r="69" spans="1:4" ht="18" customHeight="1" x14ac:dyDescent="0.15">
      <c r="A69" s="5">
        <v>53</v>
      </c>
      <c r="B69" s="22">
        <v>98</v>
      </c>
      <c r="C69" s="14">
        <v>100</v>
      </c>
      <c r="D69" s="18">
        <v>198</v>
      </c>
    </row>
    <row r="70" spans="1:4" ht="18" customHeight="1" x14ac:dyDescent="0.15">
      <c r="A70" s="5">
        <v>54</v>
      </c>
      <c r="B70" s="22">
        <v>88</v>
      </c>
      <c r="C70" s="14">
        <v>90</v>
      </c>
      <c r="D70" s="18">
        <v>178</v>
      </c>
    </row>
    <row r="71" spans="1:4" ht="18" customHeight="1" x14ac:dyDescent="0.15">
      <c r="A71" s="5" t="s">
        <v>22</v>
      </c>
      <c r="B71" s="22">
        <v>462</v>
      </c>
      <c r="C71" s="14">
        <v>445</v>
      </c>
      <c r="D71" s="18">
        <v>907</v>
      </c>
    </row>
    <row r="72" spans="1:4" ht="18" customHeight="1" x14ac:dyDescent="0.15">
      <c r="A72" s="5">
        <v>55</v>
      </c>
      <c r="B72" s="22">
        <v>77</v>
      </c>
      <c r="C72" s="14">
        <v>88</v>
      </c>
      <c r="D72" s="18">
        <v>165</v>
      </c>
    </row>
    <row r="73" spans="1:4" ht="18" customHeight="1" x14ac:dyDescent="0.15">
      <c r="A73" s="5">
        <v>56</v>
      </c>
      <c r="B73" s="22">
        <v>82</v>
      </c>
      <c r="C73" s="14">
        <v>86</v>
      </c>
      <c r="D73" s="18">
        <v>168</v>
      </c>
    </row>
    <row r="74" spans="1:4" ht="18" customHeight="1" x14ac:dyDescent="0.15">
      <c r="A74" s="5">
        <v>57</v>
      </c>
      <c r="B74" s="22">
        <v>79</v>
      </c>
      <c r="C74" s="14">
        <v>83</v>
      </c>
      <c r="D74" s="18">
        <v>162</v>
      </c>
    </row>
    <row r="75" spans="1:4" ht="18" customHeight="1" x14ac:dyDescent="0.15">
      <c r="A75" s="5">
        <v>58</v>
      </c>
      <c r="B75" s="22">
        <v>85</v>
      </c>
      <c r="C75" s="14">
        <v>74</v>
      </c>
      <c r="D75" s="18">
        <v>159</v>
      </c>
    </row>
    <row r="76" spans="1:4" ht="18" customHeight="1" x14ac:dyDescent="0.15">
      <c r="A76" s="5">
        <v>59</v>
      </c>
      <c r="B76" s="22">
        <v>73</v>
      </c>
      <c r="C76" s="14">
        <v>48</v>
      </c>
      <c r="D76" s="18">
        <v>121</v>
      </c>
    </row>
    <row r="77" spans="1:4" ht="18" customHeight="1" x14ac:dyDescent="0.15">
      <c r="A77" s="5" t="s">
        <v>27</v>
      </c>
      <c r="B77" s="22">
        <v>396</v>
      </c>
      <c r="C77" s="14">
        <v>379</v>
      </c>
      <c r="D77" s="18">
        <v>775</v>
      </c>
    </row>
    <row r="78" spans="1:4" ht="18" customHeight="1" x14ac:dyDescent="0.15">
      <c r="A78" s="5">
        <v>60</v>
      </c>
      <c r="B78" s="22">
        <v>54</v>
      </c>
      <c r="C78" s="14">
        <v>69</v>
      </c>
      <c r="D78" s="18">
        <v>123</v>
      </c>
    </row>
    <row r="79" spans="1:4" ht="18" customHeight="1" x14ac:dyDescent="0.15">
      <c r="A79" s="5">
        <v>61</v>
      </c>
      <c r="B79" s="22">
        <v>64</v>
      </c>
      <c r="C79" s="14">
        <v>77</v>
      </c>
      <c r="D79" s="18">
        <v>141</v>
      </c>
    </row>
    <row r="80" spans="1:4" ht="18" customHeight="1" x14ac:dyDescent="0.15">
      <c r="A80" s="5">
        <v>62</v>
      </c>
      <c r="B80" s="22">
        <v>65</v>
      </c>
      <c r="C80" s="14">
        <v>71</v>
      </c>
      <c r="D80" s="18">
        <v>136</v>
      </c>
    </row>
    <row r="81" spans="1:4" ht="18" customHeight="1" x14ac:dyDescent="0.15">
      <c r="A81" s="5">
        <v>63</v>
      </c>
      <c r="B81" s="22">
        <v>68</v>
      </c>
      <c r="C81" s="14">
        <v>67</v>
      </c>
      <c r="D81" s="18">
        <v>135</v>
      </c>
    </row>
    <row r="82" spans="1:4" ht="18" customHeight="1" x14ac:dyDescent="0.15">
      <c r="A82" s="5">
        <v>64</v>
      </c>
      <c r="B82" s="22">
        <v>58</v>
      </c>
      <c r="C82" s="14">
        <v>62</v>
      </c>
      <c r="D82" s="18">
        <v>120</v>
      </c>
    </row>
    <row r="83" spans="1:4" ht="18" customHeight="1" x14ac:dyDescent="0.15">
      <c r="A83" s="5" t="s">
        <v>28</v>
      </c>
      <c r="B83" s="22">
        <v>309</v>
      </c>
      <c r="C83" s="14">
        <v>346</v>
      </c>
      <c r="D83" s="18">
        <v>655</v>
      </c>
    </row>
    <row r="84" spans="1:4" ht="18" customHeight="1" x14ac:dyDescent="0.15">
      <c r="A84" s="5" t="s">
        <v>31</v>
      </c>
      <c r="B84" s="22">
        <v>3225</v>
      </c>
      <c r="C84" s="14">
        <v>2931</v>
      </c>
      <c r="D84" s="18">
        <v>6156</v>
      </c>
    </row>
    <row r="85" spans="1:4" ht="18" customHeight="1" x14ac:dyDescent="0.15">
      <c r="A85" s="5">
        <v>65</v>
      </c>
      <c r="B85" s="22">
        <v>51</v>
      </c>
      <c r="C85" s="14">
        <v>72</v>
      </c>
      <c r="D85" s="18">
        <v>123</v>
      </c>
    </row>
    <row r="86" spans="1:4" ht="18" customHeight="1" x14ac:dyDescent="0.15">
      <c r="A86" s="5">
        <v>66</v>
      </c>
      <c r="B86" s="22">
        <v>62</v>
      </c>
      <c r="C86" s="14">
        <v>65</v>
      </c>
      <c r="D86" s="18">
        <v>127</v>
      </c>
    </row>
    <row r="87" spans="1:4" ht="18" customHeight="1" x14ac:dyDescent="0.15">
      <c r="A87" s="5">
        <v>67</v>
      </c>
      <c r="B87" s="22">
        <v>52</v>
      </c>
      <c r="C87" s="14">
        <v>51</v>
      </c>
      <c r="D87" s="18">
        <v>103</v>
      </c>
    </row>
    <row r="88" spans="1:4" ht="18" customHeight="1" x14ac:dyDescent="0.15">
      <c r="A88" s="5">
        <v>68</v>
      </c>
      <c r="B88" s="22">
        <v>60</v>
      </c>
      <c r="C88" s="14">
        <v>66</v>
      </c>
      <c r="D88" s="18">
        <v>126</v>
      </c>
    </row>
    <row r="89" spans="1:4" ht="18" customHeight="1" x14ac:dyDescent="0.15">
      <c r="A89" s="5">
        <v>69</v>
      </c>
      <c r="B89" s="22">
        <v>53</v>
      </c>
      <c r="C89" s="14">
        <v>58</v>
      </c>
      <c r="D89" s="18">
        <v>111</v>
      </c>
    </row>
    <row r="90" spans="1:4" ht="18" customHeight="1" x14ac:dyDescent="0.15">
      <c r="A90" s="5" t="s">
        <v>20</v>
      </c>
      <c r="B90" s="22">
        <v>278</v>
      </c>
      <c r="C90" s="14">
        <v>312</v>
      </c>
      <c r="D90" s="18">
        <v>590</v>
      </c>
    </row>
    <row r="91" spans="1:4" ht="18" customHeight="1" x14ac:dyDescent="0.15">
      <c r="A91" s="5">
        <v>70</v>
      </c>
      <c r="B91" s="22">
        <v>54</v>
      </c>
      <c r="C91" s="14">
        <v>71</v>
      </c>
      <c r="D91" s="18">
        <v>125</v>
      </c>
    </row>
    <row r="92" spans="1:4" ht="18" customHeight="1" x14ac:dyDescent="0.15">
      <c r="A92" s="5">
        <v>71</v>
      </c>
      <c r="B92" s="22">
        <v>56</v>
      </c>
      <c r="C92" s="14">
        <v>62</v>
      </c>
      <c r="D92" s="18">
        <v>118</v>
      </c>
    </row>
    <row r="93" spans="1:4" ht="18" customHeight="1" x14ac:dyDescent="0.15">
      <c r="A93" s="5">
        <v>72</v>
      </c>
      <c r="B93" s="22">
        <v>57</v>
      </c>
      <c r="C93" s="14">
        <v>61</v>
      </c>
      <c r="D93" s="18">
        <v>118</v>
      </c>
    </row>
    <row r="94" spans="1:4" ht="18" customHeight="1" x14ac:dyDescent="0.15">
      <c r="A94" s="5">
        <v>73</v>
      </c>
      <c r="B94" s="22">
        <v>62</v>
      </c>
      <c r="C94" s="14">
        <v>65</v>
      </c>
      <c r="D94" s="18">
        <v>127</v>
      </c>
    </row>
    <row r="95" spans="1:4" ht="18" customHeight="1" x14ac:dyDescent="0.15">
      <c r="A95" s="5">
        <v>74</v>
      </c>
      <c r="B95" s="22">
        <v>63</v>
      </c>
      <c r="C95" s="14">
        <v>78</v>
      </c>
      <c r="D95" s="18">
        <v>141</v>
      </c>
    </row>
    <row r="96" spans="1:4" ht="18" customHeight="1" x14ac:dyDescent="0.15">
      <c r="A96" s="5" t="s">
        <v>33</v>
      </c>
      <c r="B96" s="22">
        <v>292</v>
      </c>
      <c r="C96" s="14">
        <v>337</v>
      </c>
      <c r="D96" s="18">
        <v>629</v>
      </c>
    </row>
    <row r="97" spans="1:4" ht="18" customHeight="1" x14ac:dyDescent="0.15">
      <c r="A97" s="5">
        <v>75</v>
      </c>
      <c r="B97" s="22">
        <v>57</v>
      </c>
      <c r="C97" s="14">
        <v>77</v>
      </c>
      <c r="D97" s="18">
        <v>134</v>
      </c>
    </row>
    <row r="98" spans="1:4" ht="18" customHeight="1" x14ac:dyDescent="0.15">
      <c r="A98" s="5">
        <v>76</v>
      </c>
      <c r="B98" s="22">
        <v>66</v>
      </c>
      <c r="C98" s="14">
        <v>80</v>
      </c>
      <c r="D98" s="18">
        <v>146</v>
      </c>
    </row>
    <row r="99" spans="1:4" ht="18" customHeight="1" x14ac:dyDescent="0.15">
      <c r="A99" s="5">
        <v>77</v>
      </c>
      <c r="B99" s="22">
        <v>61</v>
      </c>
      <c r="C99" s="14">
        <v>85</v>
      </c>
      <c r="D99" s="18">
        <v>146</v>
      </c>
    </row>
    <row r="100" spans="1:4" ht="18" customHeight="1" x14ac:dyDescent="0.15">
      <c r="A100" s="5">
        <v>78</v>
      </c>
      <c r="B100" s="22">
        <v>78</v>
      </c>
      <c r="C100" s="14">
        <v>99</v>
      </c>
      <c r="D100" s="18">
        <v>177</v>
      </c>
    </row>
    <row r="101" spans="1:4" ht="18" customHeight="1" x14ac:dyDescent="0.15">
      <c r="A101" s="5">
        <v>79</v>
      </c>
      <c r="B101" s="22">
        <v>38</v>
      </c>
      <c r="C101" s="14">
        <v>61</v>
      </c>
      <c r="D101" s="18">
        <v>99</v>
      </c>
    </row>
    <row r="102" spans="1:4" ht="18" customHeight="1" x14ac:dyDescent="0.15">
      <c r="A102" s="5" t="s">
        <v>0</v>
      </c>
      <c r="B102" s="22">
        <v>300</v>
      </c>
      <c r="C102" s="14">
        <v>402</v>
      </c>
      <c r="D102" s="18">
        <v>702</v>
      </c>
    </row>
    <row r="103" spans="1:4" ht="18" customHeight="1" x14ac:dyDescent="0.15">
      <c r="A103" s="5">
        <v>80</v>
      </c>
      <c r="B103" s="22">
        <v>26</v>
      </c>
      <c r="C103" s="14">
        <v>53</v>
      </c>
      <c r="D103" s="18">
        <v>79</v>
      </c>
    </row>
    <row r="104" spans="1:4" ht="18" customHeight="1" x14ac:dyDescent="0.15">
      <c r="A104" s="5">
        <v>81</v>
      </c>
      <c r="B104" s="22">
        <v>52</v>
      </c>
      <c r="C104" s="14">
        <v>58</v>
      </c>
      <c r="D104" s="18">
        <v>110</v>
      </c>
    </row>
    <row r="105" spans="1:4" ht="18" customHeight="1" x14ac:dyDescent="0.15">
      <c r="A105" s="5">
        <v>82</v>
      </c>
      <c r="B105" s="22">
        <v>58</v>
      </c>
      <c r="C105" s="14">
        <v>62</v>
      </c>
      <c r="D105" s="18">
        <v>120</v>
      </c>
    </row>
    <row r="106" spans="1:4" ht="18" customHeight="1" x14ac:dyDescent="0.15">
      <c r="A106" s="5">
        <v>83</v>
      </c>
      <c r="B106" s="22">
        <v>36</v>
      </c>
      <c r="C106" s="14">
        <v>58</v>
      </c>
      <c r="D106" s="18">
        <v>94</v>
      </c>
    </row>
    <row r="107" spans="1:4" ht="18" customHeight="1" x14ac:dyDescent="0.15">
      <c r="A107" s="5">
        <v>84</v>
      </c>
      <c r="B107" s="22">
        <v>31</v>
      </c>
      <c r="C107" s="14">
        <v>52</v>
      </c>
      <c r="D107" s="18">
        <v>83</v>
      </c>
    </row>
    <row r="108" spans="1:4" ht="18" customHeight="1" x14ac:dyDescent="0.15">
      <c r="A108" s="5" t="s">
        <v>35</v>
      </c>
      <c r="B108" s="22">
        <v>203</v>
      </c>
      <c r="C108" s="14">
        <v>283</v>
      </c>
      <c r="D108" s="18">
        <v>486</v>
      </c>
    </row>
    <row r="109" spans="1:4" ht="18" customHeight="1" x14ac:dyDescent="0.15">
      <c r="A109" s="5">
        <v>85</v>
      </c>
      <c r="B109" s="22">
        <v>26</v>
      </c>
      <c r="C109" s="14">
        <v>54</v>
      </c>
      <c r="D109" s="18">
        <v>80</v>
      </c>
    </row>
    <row r="110" spans="1:4" ht="18" customHeight="1" x14ac:dyDescent="0.15">
      <c r="A110" s="5">
        <v>86</v>
      </c>
      <c r="B110" s="22">
        <v>22</v>
      </c>
      <c r="C110" s="14">
        <v>43</v>
      </c>
      <c r="D110" s="18">
        <v>65</v>
      </c>
    </row>
    <row r="111" spans="1:4" ht="18" customHeight="1" x14ac:dyDescent="0.15">
      <c r="A111" s="5">
        <v>87</v>
      </c>
      <c r="B111" s="22">
        <v>25</v>
      </c>
      <c r="C111" s="14">
        <v>45</v>
      </c>
      <c r="D111" s="18">
        <v>70</v>
      </c>
    </row>
    <row r="112" spans="1:4" ht="18" customHeight="1" x14ac:dyDescent="0.15">
      <c r="A112" s="5">
        <v>88</v>
      </c>
      <c r="B112" s="22">
        <v>19</v>
      </c>
      <c r="C112" s="14">
        <v>49</v>
      </c>
      <c r="D112" s="18">
        <v>68</v>
      </c>
    </row>
    <row r="113" spans="1:4" ht="18" customHeight="1" x14ac:dyDescent="0.15">
      <c r="A113" s="5">
        <v>89</v>
      </c>
      <c r="B113" s="22">
        <v>22</v>
      </c>
      <c r="C113" s="14">
        <v>41</v>
      </c>
      <c r="D113" s="18">
        <v>63</v>
      </c>
    </row>
    <row r="114" spans="1:4" ht="18" customHeight="1" x14ac:dyDescent="0.15">
      <c r="A114" s="5" t="s">
        <v>37</v>
      </c>
      <c r="B114" s="22">
        <v>114</v>
      </c>
      <c r="C114" s="14">
        <v>232</v>
      </c>
      <c r="D114" s="18">
        <v>346</v>
      </c>
    </row>
    <row r="115" spans="1:4" ht="18" customHeight="1" x14ac:dyDescent="0.15">
      <c r="A115" s="5">
        <v>90</v>
      </c>
      <c r="B115" s="22">
        <v>15</v>
      </c>
      <c r="C115" s="14">
        <v>40</v>
      </c>
      <c r="D115" s="18">
        <v>55</v>
      </c>
    </row>
    <row r="116" spans="1:4" ht="18" customHeight="1" x14ac:dyDescent="0.15">
      <c r="A116" s="5">
        <v>91</v>
      </c>
      <c r="B116" s="22">
        <v>14</v>
      </c>
      <c r="C116" s="14">
        <v>34</v>
      </c>
      <c r="D116" s="18">
        <v>48</v>
      </c>
    </row>
    <row r="117" spans="1:4" ht="18" customHeight="1" x14ac:dyDescent="0.15">
      <c r="A117" s="5">
        <v>92</v>
      </c>
      <c r="B117" s="22">
        <v>13</v>
      </c>
      <c r="C117" s="14">
        <v>40</v>
      </c>
      <c r="D117" s="18">
        <v>53</v>
      </c>
    </row>
    <row r="118" spans="1:4" ht="18" customHeight="1" x14ac:dyDescent="0.15">
      <c r="A118" s="5">
        <v>93</v>
      </c>
      <c r="B118" s="22">
        <v>7</v>
      </c>
      <c r="C118" s="14">
        <v>31</v>
      </c>
      <c r="D118" s="18">
        <v>38</v>
      </c>
    </row>
    <row r="119" spans="1:4" ht="18" customHeight="1" x14ac:dyDescent="0.15">
      <c r="A119" s="5">
        <v>94</v>
      </c>
      <c r="B119" s="22">
        <v>8</v>
      </c>
      <c r="C119" s="14">
        <v>26</v>
      </c>
      <c r="D119" s="18">
        <v>34</v>
      </c>
    </row>
    <row r="120" spans="1:4" ht="18" customHeight="1" x14ac:dyDescent="0.15">
      <c r="A120" s="5" t="s">
        <v>39</v>
      </c>
      <c r="B120" s="22">
        <v>57</v>
      </c>
      <c r="C120" s="14">
        <v>171</v>
      </c>
      <c r="D120" s="18">
        <v>228</v>
      </c>
    </row>
    <row r="121" spans="1:4" ht="18" customHeight="1" x14ac:dyDescent="0.15">
      <c r="A121" s="5">
        <v>95</v>
      </c>
      <c r="B121" s="22">
        <v>5</v>
      </c>
      <c r="C121" s="14">
        <v>19</v>
      </c>
      <c r="D121" s="18">
        <v>24</v>
      </c>
    </row>
    <row r="122" spans="1:4" ht="18" customHeight="1" x14ac:dyDescent="0.15">
      <c r="A122" s="5">
        <v>96</v>
      </c>
      <c r="B122" s="22">
        <v>6</v>
      </c>
      <c r="C122" s="14">
        <v>10</v>
      </c>
      <c r="D122" s="18">
        <v>16</v>
      </c>
    </row>
    <row r="123" spans="1:4" ht="18" customHeight="1" x14ac:dyDescent="0.15">
      <c r="A123" s="5">
        <v>97</v>
      </c>
      <c r="B123" s="22">
        <v>2</v>
      </c>
      <c r="C123" s="14">
        <v>8</v>
      </c>
      <c r="D123" s="18">
        <v>10</v>
      </c>
    </row>
    <row r="124" spans="1:4" ht="18" customHeight="1" x14ac:dyDescent="0.15">
      <c r="A124" s="5">
        <v>98</v>
      </c>
      <c r="B124" s="22">
        <v>1</v>
      </c>
      <c r="C124" s="14">
        <v>9</v>
      </c>
      <c r="D124" s="18">
        <v>10</v>
      </c>
    </row>
    <row r="125" spans="1:4" ht="18" customHeight="1" x14ac:dyDescent="0.15">
      <c r="A125" s="5">
        <v>99</v>
      </c>
      <c r="B125" s="22">
        <v>0</v>
      </c>
      <c r="C125" s="14">
        <v>8</v>
      </c>
      <c r="D125" s="18">
        <v>8</v>
      </c>
    </row>
    <row r="126" spans="1:4" ht="18" customHeight="1" x14ac:dyDescent="0.15">
      <c r="A126" s="5" t="s">
        <v>40</v>
      </c>
      <c r="B126" s="22">
        <v>14</v>
      </c>
      <c r="C126" s="14">
        <v>54</v>
      </c>
      <c r="D126" s="18">
        <v>68</v>
      </c>
    </row>
    <row r="127" spans="1:4" ht="18" customHeight="1" x14ac:dyDescent="0.15">
      <c r="A127" s="5">
        <v>100</v>
      </c>
      <c r="B127" s="22">
        <v>1</v>
      </c>
      <c r="C127" s="14">
        <v>3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8</v>
      </c>
      <c r="D128" s="18">
        <v>8</v>
      </c>
    </row>
    <row r="129" spans="1:4" ht="18" customHeight="1" x14ac:dyDescent="0.15">
      <c r="A129" s="5" t="s">
        <v>44</v>
      </c>
      <c r="B129" s="22">
        <v>1</v>
      </c>
      <c r="C129" s="14">
        <v>11</v>
      </c>
      <c r="D129" s="18">
        <v>12</v>
      </c>
    </row>
    <row r="130" spans="1:4" ht="18" customHeight="1" x14ac:dyDescent="0.15">
      <c r="A130" s="5" t="s">
        <v>46</v>
      </c>
      <c r="B130" s="22">
        <v>1259</v>
      </c>
      <c r="C130" s="14">
        <v>1802</v>
      </c>
      <c r="D130" s="18">
        <v>3061</v>
      </c>
    </row>
    <row r="131" spans="1:4" ht="18" customHeight="1" x14ac:dyDescent="0.15">
      <c r="A131" s="7" t="s">
        <v>45</v>
      </c>
      <c r="B131" s="23">
        <v>5029</v>
      </c>
      <c r="C131" s="15">
        <v>5265</v>
      </c>
      <c r="D131" s="19">
        <v>1029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2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23</v>
      </c>
      <c r="C5" s="13">
        <v>28</v>
      </c>
      <c r="D5" s="17">
        <v>51</v>
      </c>
    </row>
    <row r="6" spans="1:4" ht="18" customHeight="1" x14ac:dyDescent="0.15">
      <c r="A6" s="5">
        <v>1</v>
      </c>
      <c r="B6" s="22">
        <v>22</v>
      </c>
      <c r="C6" s="14">
        <v>27</v>
      </c>
      <c r="D6" s="18">
        <v>49</v>
      </c>
    </row>
    <row r="7" spans="1:4" ht="18" customHeight="1" x14ac:dyDescent="0.15">
      <c r="A7" s="5">
        <v>2</v>
      </c>
      <c r="B7" s="22">
        <v>28</v>
      </c>
      <c r="C7" s="14">
        <v>30</v>
      </c>
      <c r="D7" s="18">
        <v>58</v>
      </c>
    </row>
    <row r="8" spans="1:4" ht="18" customHeight="1" x14ac:dyDescent="0.15">
      <c r="A8" s="5">
        <v>3</v>
      </c>
      <c r="B8" s="22">
        <v>30</v>
      </c>
      <c r="C8" s="14">
        <v>23</v>
      </c>
      <c r="D8" s="18">
        <v>53</v>
      </c>
    </row>
    <row r="9" spans="1:4" ht="18" customHeight="1" x14ac:dyDescent="0.15">
      <c r="A9" s="5">
        <v>4</v>
      </c>
      <c r="B9" s="22">
        <v>33</v>
      </c>
      <c r="C9" s="14">
        <v>33</v>
      </c>
      <c r="D9" s="18">
        <v>66</v>
      </c>
    </row>
    <row r="10" spans="1:4" ht="18" customHeight="1" x14ac:dyDescent="0.15">
      <c r="A10" s="5" t="s">
        <v>7</v>
      </c>
      <c r="B10" s="22">
        <v>136</v>
      </c>
      <c r="C10" s="14">
        <v>141</v>
      </c>
      <c r="D10" s="18">
        <v>277</v>
      </c>
    </row>
    <row r="11" spans="1:4" ht="18" customHeight="1" x14ac:dyDescent="0.15">
      <c r="A11" s="5">
        <v>5</v>
      </c>
      <c r="B11" s="22">
        <v>38</v>
      </c>
      <c r="C11" s="14">
        <v>17</v>
      </c>
      <c r="D11" s="18">
        <v>55</v>
      </c>
    </row>
    <row r="12" spans="1:4" ht="18" customHeight="1" x14ac:dyDescent="0.15">
      <c r="A12" s="5">
        <v>6</v>
      </c>
      <c r="B12" s="22">
        <v>31</v>
      </c>
      <c r="C12" s="14">
        <v>21</v>
      </c>
      <c r="D12" s="18">
        <v>52</v>
      </c>
    </row>
    <row r="13" spans="1:4" ht="18" customHeight="1" x14ac:dyDescent="0.15">
      <c r="A13" s="5">
        <v>7</v>
      </c>
      <c r="B13" s="22">
        <v>37</v>
      </c>
      <c r="C13" s="14">
        <v>39</v>
      </c>
      <c r="D13" s="18">
        <v>76</v>
      </c>
    </row>
    <row r="14" spans="1:4" ht="18" customHeight="1" x14ac:dyDescent="0.15">
      <c r="A14" s="5">
        <v>8</v>
      </c>
      <c r="B14" s="22">
        <v>22</v>
      </c>
      <c r="C14" s="14">
        <v>33</v>
      </c>
      <c r="D14" s="18">
        <v>55</v>
      </c>
    </row>
    <row r="15" spans="1:4" ht="18" customHeight="1" x14ac:dyDescent="0.15">
      <c r="A15" s="5">
        <v>9</v>
      </c>
      <c r="B15" s="22">
        <v>41</v>
      </c>
      <c r="C15" s="14">
        <v>45</v>
      </c>
      <c r="D15" s="18">
        <v>86</v>
      </c>
    </row>
    <row r="16" spans="1:4" ht="18" customHeight="1" x14ac:dyDescent="0.15">
      <c r="A16" s="5" t="s">
        <v>11</v>
      </c>
      <c r="B16" s="22">
        <v>169</v>
      </c>
      <c r="C16" s="14">
        <v>155</v>
      </c>
      <c r="D16" s="18">
        <v>324</v>
      </c>
    </row>
    <row r="17" spans="1:4" ht="18" customHeight="1" x14ac:dyDescent="0.15">
      <c r="A17" s="5">
        <v>10</v>
      </c>
      <c r="B17" s="22">
        <v>29</v>
      </c>
      <c r="C17" s="14">
        <v>30</v>
      </c>
      <c r="D17" s="18">
        <v>59</v>
      </c>
    </row>
    <row r="18" spans="1:4" ht="18" customHeight="1" x14ac:dyDescent="0.15">
      <c r="A18" s="5">
        <v>11</v>
      </c>
      <c r="B18" s="22">
        <v>36</v>
      </c>
      <c r="C18" s="14">
        <v>29</v>
      </c>
      <c r="D18" s="18">
        <v>65</v>
      </c>
    </row>
    <row r="19" spans="1:4" ht="18" customHeight="1" x14ac:dyDescent="0.15">
      <c r="A19" s="5">
        <v>12</v>
      </c>
      <c r="B19" s="22">
        <v>33</v>
      </c>
      <c r="C19" s="14">
        <v>33</v>
      </c>
      <c r="D19" s="18">
        <v>66</v>
      </c>
    </row>
    <row r="20" spans="1:4" ht="18" customHeight="1" x14ac:dyDescent="0.15">
      <c r="A20" s="5">
        <v>13</v>
      </c>
      <c r="B20" s="22">
        <v>32</v>
      </c>
      <c r="C20" s="14">
        <v>35</v>
      </c>
      <c r="D20" s="18">
        <v>67</v>
      </c>
    </row>
    <row r="21" spans="1:4" ht="18" customHeight="1" x14ac:dyDescent="0.15">
      <c r="A21" s="5">
        <v>14</v>
      </c>
      <c r="B21" s="22">
        <v>26</v>
      </c>
      <c r="C21" s="14">
        <v>26</v>
      </c>
      <c r="D21" s="18">
        <v>52</v>
      </c>
    </row>
    <row r="22" spans="1:4" ht="18" customHeight="1" x14ac:dyDescent="0.15">
      <c r="A22" s="5" t="s">
        <v>12</v>
      </c>
      <c r="B22" s="22">
        <v>156</v>
      </c>
      <c r="C22" s="14">
        <v>153</v>
      </c>
      <c r="D22" s="18">
        <v>309</v>
      </c>
    </row>
    <row r="23" spans="1:4" ht="18" customHeight="1" x14ac:dyDescent="0.15">
      <c r="A23" s="5" t="s">
        <v>6</v>
      </c>
      <c r="B23" s="22">
        <v>461</v>
      </c>
      <c r="C23" s="14">
        <v>449</v>
      </c>
      <c r="D23" s="18">
        <v>910</v>
      </c>
    </row>
    <row r="24" spans="1:4" ht="18" customHeight="1" x14ac:dyDescent="0.15">
      <c r="A24" s="5">
        <v>15</v>
      </c>
      <c r="B24" s="22">
        <v>39</v>
      </c>
      <c r="C24" s="14">
        <v>32</v>
      </c>
      <c r="D24" s="18">
        <v>71</v>
      </c>
    </row>
    <row r="25" spans="1:4" ht="18" customHeight="1" x14ac:dyDescent="0.15">
      <c r="A25" s="5">
        <v>16</v>
      </c>
      <c r="B25" s="22">
        <v>36</v>
      </c>
      <c r="C25" s="14">
        <v>23</v>
      </c>
      <c r="D25" s="18">
        <v>59</v>
      </c>
    </row>
    <row r="26" spans="1:4" ht="18" customHeight="1" x14ac:dyDescent="0.15">
      <c r="A26" s="5">
        <v>17</v>
      </c>
      <c r="B26" s="22">
        <v>33</v>
      </c>
      <c r="C26" s="14">
        <v>18</v>
      </c>
      <c r="D26" s="18">
        <v>51</v>
      </c>
    </row>
    <row r="27" spans="1:4" ht="18" customHeight="1" x14ac:dyDescent="0.15">
      <c r="A27" s="5">
        <v>18</v>
      </c>
      <c r="B27" s="22">
        <v>28</v>
      </c>
      <c r="C27" s="14">
        <v>29</v>
      </c>
      <c r="D27" s="18">
        <v>57</v>
      </c>
    </row>
    <row r="28" spans="1:4" ht="18" customHeight="1" x14ac:dyDescent="0.15">
      <c r="A28" s="5">
        <v>19</v>
      </c>
      <c r="B28" s="22">
        <v>29</v>
      </c>
      <c r="C28" s="14">
        <v>25</v>
      </c>
      <c r="D28" s="18">
        <v>54</v>
      </c>
    </row>
    <row r="29" spans="1:4" ht="18" customHeight="1" x14ac:dyDescent="0.15">
      <c r="A29" s="5" t="s">
        <v>14</v>
      </c>
      <c r="B29" s="22">
        <v>165</v>
      </c>
      <c r="C29" s="14">
        <v>127</v>
      </c>
      <c r="D29" s="18">
        <v>292</v>
      </c>
    </row>
    <row r="30" spans="1:4" ht="18" customHeight="1" x14ac:dyDescent="0.15">
      <c r="A30" s="5">
        <v>20</v>
      </c>
      <c r="B30" s="22">
        <v>26</v>
      </c>
      <c r="C30" s="14">
        <v>28</v>
      </c>
      <c r="D30" s="18">
        <v>54</v>
      </c>
    </row>
    <row r="31" spans="1:4" ht="18" customHeight="1" x14ac:dyDescent="0.15">
      <c r="A31" s="5">
        <v>21</v>
      </c>
      <c r="B31" s="22">
        <v>22</v>
      </c>
      <c r="C31" s="14">
        <v>38</v>
      </c>
      <c r="D31" s="18">
        <v>60</v>
      </c>
    </row>
    <row r="32" spans="1:4" ht="18" customHeight="1" x14ac:dyDescent="0.15">
      <c r="A32" s="5">
        <v>22</v>
      </c>
      <c r="B32" s="22">
        <v>30</v>
      </c>
      <c r="C32" s="14">
        <v>38</v>
      </c>
      <c r="D32" s="18">
        <v>68</v>
      </c>
    </row>
    <row r="33" spans="1:4" ht="18" customHeight="1" x14ac:dyDescent="0.15">
      <c r="A33" s="5">
        <v>23</v>
      </c>
      <c r="B33" s="22">
        <v>36</v>
      </c>
      <c r="C33" s="14">
        <v>37</v>
      </c>
      <c r="D33" s="18">
        <v>73</v>
      </c>
    </row>
    <row r="34" spans="1:4" ht="18" customHeight="1" x14ac:dyDescent="0.15">
      <c r="A34" s="5">
        <v>24</v>
      </c>
      <c r="B34" s="22">
        <v>43</v>
      </c>
      <c r="C34" s="14">
        <v>29</v>
      </c>
      <c r="D34" s="18">
        <v>72</v>
      </c>
    </row>
    <row r="35" spans="1:4" ht="18" customHeight="1" x14ac:dyDescent="0.15">
      <c r="A35" s="5" t="s">
        <v>9</v>
      </c>
      <c r="B35" s="22">
        <v>157</v>
      </c>
      <c r="C35" s="14">
        <v>170</v>
      </c>
      <c r="D35" s="18">
        <v>327</v>
      </c>
    </row>
    <row r="36" spans="1:4" ht="18" customHeight="1" x14ac:dyDescent="0.15">
      <c r="A36" s="5">
        <v>25</v>
      </c>
      <c r="B36" s="22">
        <v>53</v>
      </c>
      <c r="C36" s="14">
        <v>36</v>
      </c>
      <c r="D36" s="18">
        <v>89</v>
      </c>
    </row>
    <row r="37" spans="1:4" ht="18" customHeight="1" x14ac:dyDescent="0.15">
      <c r="A37" s="5">
        <v>26</v>
      </c>
      <c r="B37" s="22">
        <v>49</v>
      </c>
      <c r="C37" s="14">
        <v>35</v>
      </c>
      <c r="D37" s="18">
        <v>84</v>
      </c>
    </row>
    <row r="38" spans="1:4" ht="18" customHeight="1" x14ac:dyDescent="0.15">
      <c r="A38" s="5">
        <v>27</v>
      </c>
      <c r="B38" s="22">
        <v>45</v>
      </c>
      <c r="C38" s="14">
        <v>60</v>
      </c>
      <c r="D38" s="18">
        <v>105</v>
      </c>
    </row>
    <row r="39" spans="1:4" ht="18" customHeight="1" x14ac:dyDescent="0.15">
      <c r="A39" s="5">
        <v>28</v>
      </c>
      <c r="B39" s="22">
        <v>45</v>
      </c>
      <c r="C39" s="14">
        <v>41</v>
      </c>
      <c r="D39" s="18">
        <v>86</v>
      </c>
    </row>
    <row r="40" spans="1:4" ht="18" customHeight="1" x14ac:dyDescent="0.15">
      <c r="A40" s="5">
        <v>29</v>
      </c>
      <c r="B40" s="22">
        <v>36</v>
      </c>
      <c r="C40" s="14">
        <v>48</v>
      </c>
      <c r="D40" s="18">
        <v>84</v>
      </c>
    </row>
    <row r="41" spans="1:4" ht="18" customHeight="1" x14ac:dyDescent="0.15">
      <c r="A41" s="5" t="s">
        <v>2</v>
      </c>
      <c r="B41" s="22">
        <v>228</v>
      </c>
      <c r="C41" s="14">
        <v>220</v>
      </c>
      <c r="D41" s="18">
        <v>448</v>
      </c>
    </row>
    <row r="42" spans="1:4" ht="18" customHeight="1" x14ac:dyDescent="0.15">
      <c r="A42" s="5">
        <v>30</v>
      </c>
      <c r="B42" s="22">
        <v>53</v>
      </c>
      <c r="C42" s="14">
        <v>42</v>
      </c>
      <c r="D42" s="18">
        <v>95</v>
      </c>
    </row>
    <row r="43" spans="1:4" ht="18" customHeight="1" x14ac:dyDescent="0.15">
      <c r="A43" s="5">
        <v>31</v>
      </c>
      <c r="B43" s="22">
        <v>45</v>
      </c>
      <c r="C43" s="14">
        <v>38</v>
      </c>
      <c r="D43" s="18">
        <v>83</v>
      </c>
    </row>
    <row r="44" spans="1:4" ht="18" customHeight="1" x14ac:dyDescent="0.15">
      <c r="A44" s="5">
        <v>32</v>
      </c>
      <c r="B44" s="22">
        <v>55</v>
      </c>
      <c r="C44" s="14">
        <v>39</v>
      </c>
      <c r="D44" s="18">
        <v>94</v>
      </c>
    </row>
    <row r="45" spans="1:4" ht="18" customHeight="1" x14ac:dyDescent="0.15">
      <c r="A45" s="5">
        <v>33</v>
      </c>
      <c r="B45" s="22">
        <v>43</v>
      </c>
      <c r="C45" s="14">
        <v>44</v>
      </c>
      <c r="D45" s="18">
        <v>87</v>
      </c>
    </row>
    <row r="46" spans="1:4" ht="18" customHeight="1" x14ac:dyDescent="0.15">
      <c r="A46" s="5">
        <v>34</v>
      </c>
      <c r="B46" s="22">
        <v>43</v>
      </c>
      <c r="C46" s="14">
        <v>42</v>
      </c>
      <c r="D46" s="18">
        <v>85</v>
      </c>
    </row>
    <row r="47" spans="1:4" ht="18" customHeight="1" x14ac:dyDescent="0.15">
      <c r="A47" s="5" t="s">
        <v>15</v>
      </c>
      <c r="B47" s="22">
        <v>239</v>
      </c>
      <c r="C47" s="14">
        <v>205</v>
      </c>
      <c r="D47" s="18">
        <v>444</v>
      </c>
    </row>
    <row r="48" spans="1:4" ht="18" customHeight="1" x14ac:dyDescent="0.15">
      <c r="A48" s="5">
        <v>35</v>
      </c>
      <c r="B48" s="22">
        <v>46</v>
      </c>
      <c r="C48" s="14">
        <v>37</v>
      </c>
      <c r="D48" s="18">
        <v>83</v>
      </c>
    </row>
    <row r="49" spans="1:4" ht="18" customHeight="1" x14ac:dyDescent="0.15">
      <c r="A49" s="5">
        <v>36</v>
      </c>
      <c r="B49" s="22">
        <v>46</v>
      </c>
      <c r="C49" s="14">
        <v>48</v>
      </c>
      <c r="D49" s="18">
        <v>94</v>
      </c>
    </row>
    <row r="50" spans="1:4" ht="18" customHeight="1" x14ac:dyDescent="0.15">
      <c r="A50" s="5">
        <v>37</v>
      </c>
      <c r="B50" s="22">
        <v>40</v>
      </c>
      <c r="C50" s="14">
        <v>42</v>
      </c>
      <c r="D50" s="18">
        <v>82</v>
      </c>
    </row>
    <row r="51" spans="1:4" ht="18" customHeight="1" x14ac:dyDescent="0.15">
      <c r="A51" s="5">
        <v>38</v>
      </c>
      <c r="B51" s="22">
        <v>53</v>
      </c>
      <c r="C51" s="14">
        <v>44</v>
      </c>
      <c r="D51" s="18">
        <v>97</v>
      </c>
    </row>
    <row r="52" spans="1:4" ht="18" customHeight="1" x14ac:dyDescent="0.15">
      <c r="A52" s="5">
        <v>39</v>
      </c>
      <c r="B52" s="22">
        <v>53</v>
      </c>
      <c r="C52" s="14">
        <v>38</v>
      </c>
      <c r="D52" s="18">
        <v>91</v>
      </c>
    </row>
    <row r="53" spans="1:4" ht="18" customHeight="1" x14ac:dyDescent="0.15">
      <c r="A53" s="5" t="s">
        <v>18</v>
      </c>
      <c r="B53" s="22">
        <v>238</v>
      </c>
      <c r="C53" s="14">
        <v>209</v>
      </c>
      <c r="D53" s="18">
        <v>447</v>
      </c>
    </row>
    <row r="54" spans="1:4" ht="18" customHeight="1" x14ac:dyDescent="0.15">
      <c r="A54" s="5">
        <v>40</v>
      </c>
      <c r="B54" s="22">
        <v>55</v>
      </c>
      <c r="C54" s="14">
        <v>48</v>
      </c>
      <c r="D54" s="18">
        <v>103</v>
      </c>
    </row>
    <row r="55" spans="1:4" ht="18" customHeight="1" x14ac:dyDescent="0.15">
      <c r="A55" s="5">
        <v>41</v>
      </c>
      <c r="B55" s="22">
        <v>54</v>
      </c>
      <c r="C55" s="14">
        <v>47</v>
      </c>
      <c r="D55" s="18">
        <v>101</v>
      </c>
    </row>
    <row r="56" spans="1:4" ht="18" customHeight="1" x14ac:dyDescent="0.15">
      <c r="A56" s="5">
        <v>42</v>
      </c>
      <c r="B56" s="22">
        <v>50</v>
      </c>
      <c r="C56" s="14">
        <v>46</v>
      </c>
      <c r="D56" s="18">
        <v>96</v>
      </c>
    </row>
    <row r="57" spans="1:4" ht="18" customHeight="1" x14ac:dyDescent="0.15">
      <c r="A57" s="5">
        <v>43</v>
      </c>
      <c r="B57" s="22">
        <v>65</v>
      </c>
      <c r="C57" s="14">
        <v>48</v>
      </c>
      <c r="D57" s="18">
        <v>113</v>
      </c>
    </row>
    <row r="58" spans="1:4" ht="18" customHeight="1" x14ac:dyDescent="0.15">
      <c r="A58" s="5">
        <v>44</v>
      </c>
      <c r="B58" s="22">
        <v>40</v>
      </c>
      <c r="C58" s="14">
        <v>45</v>
      </c>
      <c r="D58" s="18">
        <v>85</v>
      </c>
    </row>
    <row r="59" spans="1:4" ht="18" customHeight="1" x14ac:dyDescent="0.15">
      <c r="A59" s="5" t="s">
        <v>21</v>
      </c>
      <c r="B59" s="22">
        <v>264</v>
      </c>
      <c r="C59" s="14">
        <v>234</v>
      </c>
      <c r="D59" s="18">
        <v>498</v>
      </c>
    </row>
    <row r="60" spans="1:4" ht="18" customHeight="1" x14ac:dyDescent="0.15">
      <c r="A60" s="5">
        <v>45</v>
      </c>
      <c r="B60" s="22">
        <v>35</v>
      </c>
      <c r="C60" s="14">
        <v>42</v>
      </c>
      <c r="D60" s="18">
        <v>77</v>
      </c>
    </row>
    <row r="61" spans="1:4" ht="18" customHeight="1" x14ac:dyDescent="0.15">
      <c r="A61" s="5">
        <v>46</v>
      </c>
      <c r="B61" s="22">
        <v>47</v>
      </c>
      <c r="C61" s="14">
        <v>44</v>
      </c>
      <c r="D61" s="18">
        <v>91</v>
      </c>
    </row>
    <row r="62" spans="1:4" ht="18" customHeight="1" x14ac:dyDescent="0.15">
      <c r="A62" s="5">
        <v>47</v>
      </c>
      <c r="B62" s="22">
        <v>49</v>
      </c>
      <c r="C62" s="14">
        <v>38</v>
      </c>
      <c r="D62" s="18">
        <v>87</v>
      </c>
    </row>
    <row r="63" spans="1:4" ht="18" customHeight="1" x14ac:dyDescent="0.15">
      <c r="A63" s="5">
        <v>48</v>
      </c>
      <c r="B63" s="22">
        <v>61</v>
      </c>
      <c r="C63" s="14">
        <v>52</v>
      </c>
      <c r="D63" s="18">
        <v>113</v>
      </c>
    </row>
    <row r="64" spans="1:4" ht="18" customHeight="1" x14ac:dyDescent="0.15">
      <c r="A64" s="5">
        <v>49</v>
      </c>
      <c r="B64" s="22">
        <v>50</v>
      </c>
      <c r="C64" s="14">
        <v>60</v>
      </c>
      <c r="D64" s="18">
        <v>110</v>
      </c>
    </row>
    <row r="65" spans="1:4" ht="18" customHeight="1" x14ac:dyDescent="0.15">
      <c r="A65" s="5" t="s">
        <v>17</v>
      </c>
      <c r="B65" s="22">
        <v>242</v>
      </c>
      <c r="C65" s="14">
        <v>236</v>
      </c>
      <c r="D65" s="18">
        <v>478</v>
      </c>
    </row>
    <row r="66" spans="1:4" ht="18" customHeight="1" x14ac:dyDescent="0.15">
      <c r="A66" s="5">
        <v>50</v>
      </c>
      <c r="B66" s="22">
        <v>61</v>
      </c>
      <c r="C66" s="14">
        <v>57</v>
      </c>
      <c r="D66" s="18">
        <v>118</v>
      </c>
    </row>
    <row r="67" spans="1:4" ht="18" customHeight="1" x14ac:dyDescent="0.15">
      <c r="A67" s="5">
        <v>51</v>
      </c>
      <c r="B67" s="22">
        <v>55</v>
      </c>
      <c r="C67" s="14">
        <v>49</v>
      </c>
      <c r="D67" s="18">
        <v>104</v>
      </c>
    </row>
    <row r="68" spans="1:4" ht="18" customHeight="1" x14ac:dyDescent="0.15">
      <c r="A68" s="5">
        <v>52</v>
      </c>
      <c r="B68" s="22">
        <v>66</v>
      </c>
      <c r="C68" s="14">
        <v>51</v>
      </c>
      <c r="D68" s="18">
        <v>117</v>
      </c>
    </row>
    <row r="69" spans="1:4" ht="18" customHeight="1" x14ac:dyDescent="0.15">
      <c r="A69" s="5">
        <v>53</v>
      </c>
      <c r="B69" s="22">
        <v>66</v>
      </c>
      <c r="C69" s="14">
        <v>60</v>
      </c>
      <c r="D69" s="18">
        <v>126</v>
      </c>
    </row>
    <row r="70" spans="1:4" ht="18" customHeight="1" x14ac:dyDescent="0.15">
      <c r="A70" s="5">
        <v>54</v>
      </c>
      <c r="B70" s="22">
        <v>56</v>
      </c>
      <c r="C70" s="14">
        <v>58</v>
      </c>
      <c r="D70" s="18">
        <v>114</v>
      </c>
    </row>
    <row r="71" spans="1:4" ht="18" customHeight="1" x14ac:dyDescent="0.15">
      <c r="A71" s="5" t="s">
        <v>22</v>
      </c>
      <c r="B71" s="22">
        <v>304</v>
      </c>
      <c r="C71" s="14">
        <v>275</v>
      </c>
      <c r="D71" s="18">
        <v>579</v>
      </c>
    </row>
    <row r="72" spans="1:4" ht="18" customHeight="1" x14ac:dyDescent="0.15">
      <c r="A72" s="5">
        <v>55</v>
      </c>
      <c r="B72" s="22">
        <v>48</v>
      </c>
      <c r="C72" s="14">
        <v>51</v>
      </c>
      <c r="D72" s="18">
        <v>99</v>
      </c>
    </row>
    <row r="73" spans="1:4" ht="18" customHeight="1" x14ac:dyDescent="0.15">
      <c r="A73" s="5">
        <v>56</v>
      </c>
      <c r="B73" s="22">
        <v>69</v>
      </c>
      <c r="C73" s="14">
        <v>57</v>
      </c>
      <c r="D73" s="18">
        <v>126</v>
      </c>
    </row>
    <row r="74" spans="1:4" ht="18" customHeight="1" x14ac:dyDescent="0.15">
      <c r="A74" s="5">
        <v>57</v>
      </c>
      <c r="B74" s="22">
        <v>48</v>
      </c>
      <c r="C74" s="14">
        <v>61</v>
      </c>
      <c r="D74" s="18">
        <v>109</v>
      </c>
    </row>
    <row r="75" spans="1:4" ht="18" customHeight="1" x14ac:dyDescent="0.15">
      <c r="A75" s="5">
        <v>58</v>
      </c>
      <c r="B75" s="22">
        <v>71</v>
      </c>
      <c r="C75" s="14">
        <v>57</v>
      </c>
      <c r="D75" s="18">
        <v>128</v>
      </c>
    </row>
    <row r="76" spans="1:4" ht="18" customHeight="1" x14ac:dyDescent="0.15">
      <c r="A76" s="5">
        <v>59</v>
      </c>
      <c r="B76" s="22">
        <v>46</v>
      </c>
      <c r="C76" s="14">
        <v>50</v>
      </c>
      <c r="D76" s="18">
        <v>96</v>
      </c>
    </row>
    <row r="77" spans="1:4" ht="18" customHeight="1" x14ac:dyDescent="0.15">
      <c r="A77" s="5" t="s">
        <v>27</v>
      </c>
      <c r="B77" s="22">
        <v>282</v>
      </c>
      <c r="C77" s="14">
        <v>276</v>
      </c>
      <c r="D77" s="18">
        <v>558</v>
      </c>
    </row>
    <row r="78" spans="1:4" ht="18" customHeight="1" x14ac:dyDescent="0.15">
      <c r="A78" s="5">
        <v>60</v>
      </c>
      <c r="B78" s="22">
        <v>66</v>
      </c>
      <c r="C78" s="14">
        <v>58</v>
      </c>
      <c r="D78" s="18">
        <v>124</v>
      </c>
    </row>
    <row r="79" spans="1:4" ht="18" customHeight="1" x14ac:dyDescent="0.15">
      <c r="A79" s="5">
        <v>61</v>
      </c>
      <c r="B79" s="22">
        <v>55</v>
      </c>
      <c r="C79" s="14">
        <v>58</v>
      </c>
      <c r="D79" s="18">
        <v>113</v>
      </c>
    </row>
    <row r="80" spans="1:4" ht="18" customHeight="1" x14ac:dyDescent="0.15">
      <c r="A80" s="5">
        <v>62</v>
      </c>
      <c r="B80" s="22">
        <v>48</v>
      </c>
      <c r="C80" s="14">
        <v>60</v>
      </c>
      <c r="D80" s="18">
        <v>108</v>
      </c>
    </row>
    <row r="81" spans="1:4" ht="18" customHeight="1" x14ac:dyDescent="0.15">
      <c r="A81" s="5">
        <v>63</v>
      </c>
      <c r="B81" s="22">
        <v>39</v>
      </c>
      <c r="C81" s="14">
        <v>55</v>
      </c>
      <c r="D81" s="18">
        <v>94</v>
      </c>
    </row>
    <row r="82" spans="1:4" ht="18" customHeight="1" x14ac:dyDescent="0.15">
      <c r="A82" s="5">
        <v>64</v>
      </c>
      <c r="B82" s="22">
        <v>48</v>
      </c>
      <c r="C82" s="14">
        <v>45</v>
      </c>
      <c r="D82" s="18">
        <v>93</v>
      </c>
    </row>
    <row r="83" spans="1:4" ht="18" customHeight="1" x14ac:dyDescent="0.15">
      <c r="A83" s="5" t="s">
        <v>28</v>
      </c>
      <c r="B83" s="22">
        <v>256</v>
      </c>
      <c r="C83" s="14">
        <v>276</v>
      </c>
      <c r="D83" s="18">
        <v>532</v>
      </c>
    </row>
    <row r="84" spans="1:4" ht="18" customHeight="1" x14ac:dyDescent="0.15">
      <c r="A84" s="5" t="s">
        <v>31</v>
      </c>
      <c r="B84" s="22">
        <v>2375</v>
      </c>
      <c r="C84" s="14">
        <v>2228</v>
      </c>
      <c r="D84" s="18">
        <v>4603</v>
      </c>
    </row>
    <row r="85" spans="1:4" ht="18" customHeight="1" x14ac:dyDescent="0.15">
      <c r="A85" s="5">
        <v>65</v>
      </c>
      <c r="B85" s="22">
        <v>45</v>
      </c>
      <c r="C85" s="14">
        <v>40</v>
      </c>
      <c r="D85" s="18">
        <v>85</v>
      </c>
    </row>
    <row r="86" spans="1:4" ht="18" customHeight="1" x14ac:dyDescent="0.15">
      <c r="A86" s="5">
        <v>66</v>
      </c>
      <c r="B86" s="22">
        <v>51</v>
      </c>
      <c r="C86" s="14">
        <v>30</v>
      </c>
      <c r="D86" s="18">
        <v>81</v>
      </c>
    </row>
    <row r="87" spans="1:4" ht="18" customHeight="1" x14ac:dyDescent="0.15">
      <c r="A87" s="5">
        <v>67</v>
      </c>
      <c r="B87" s="22">
        <v>55</v>
      </c>
      <c r="C87" s="14">
        <v>49</v>
      </c>
      <c r="D87" s="18">
        <v>104</v>
      </c>
    </row>
    <row r="88" spans="1:4" ht="18" customHeight="1" x14ac:dyDescent="0.15">
      <c r="A88" s="5">
        <v>68</v>
      </c>
      <c r="B88" s="22">
        <v>36</v>
      </c>
      <c r="C88" s="14">
        <v>35</v>
      </c>
      <c r="D88" s="18">
        <v>71</v>
      </c>
    </row>
    <row r="89" spans="1:4" ht="18" customHeight="1" x14ac:dyDescent="0.15">
      <c r="A89" s="5">
        <v>69</v>
      </c>
      <c r="B89" s="22">
        <v>46</v>
      </c>
      <c r="C89" s="14">
        <v>38</v>
      </c>
      <c r="D89" s="18">
        <v>84</v>
      </c>
    </row>
    <row r="90" spans="1:4" ht="18" customHeight="1" x14ac:dyDescent="0.15">
      <c r="A90" s="5" t="s">
        <v>20</v>
      </c>
      <c r="B90" s="22">
        <v>233</v>
      </c>
      <c r="C90" s="14">
        <v>192</v>
      </c>
      <c r="D90" s="18">
        <v>425</v>
      </c>
    </row>
    <row r="91" spans="1:4" ht="18" customHeight="1" x14ac:dyDescent="0.15">
      <c r="A91" s="5">
        <v>70</v>
      </c>
      <c r="B91" s="22">
        <v>39</v>
      </c>
      <c r="C91" s="14">
        <v>48</v>
      </c>
      <c r="D91" s="18">
        <v>87</v>
      </c>
    </row>
    <row r="92" spans="1:4" ht="18" customHeight="1" x14ac:dyDescent="0.15">
      <c r="A92" s="5">
        <v>71</v>
      </c>
      <c r="B92" s="22">
        <v>32</v>
      </c>
      <c r="C92" s="14">
        <v>55</v>
      </c>
      <c r="D92" s="18">
        <v>87</v>
      </c>
    </row>
    <row r="93" spans="1:4" ht="18" customHeight="1" x14ac:dyDescent="0.15">
      <c r="A93" s="5">
        <v>72</v>
      </c>
      <c r="B93" s="22">
        <v>46</v>
      </c>
      <c r="C93" s="14">
        <v>42</v>
      </c>
      <c r="D93" s="18">
        <v>88</v>
      </c>
    </row>
    <row r="94" spans="1:4" ht="18" customHeight="1" x14ac:dyDescent="0.15">
      <c r="A94" s="5">
        <v>73</v>
      </c>
      <c r="B94" s="22">
        <v>36</v>
      </c>
      <c r="C94" s="14">
        <v>53</v>
      </c>
      <c r="D94" s="18">
        <v>89</v>
      </c>
    </row>
    <row r="95" spans="1:4" ht="18" customHeight="1" x14ac:dyDescent="0.15">
      <c r="A95" s="5">
        <v>74</v>
      </c>
      <c r="B95" s="22">
        <v>33</v>
      </c>
      <c r="C95" s="14">
        <v>54</v>
      </c>
      <c r="D95" s="18">
        <v>87</v>
      </c>
    </row>
    <row r="96" spans="1:4" ht="18" customHeight="1" x14ac:dyDescent="0.15">
      <c r="A96" s="5" t="s">
        <v>33</v>
      </c>
      <c r="B96" s="22">
        <v>186</v>
      </c>
      <c r="C96" s="14">
        <v>252</v>
      </c>
      <c r="D96" s="18">
        <v>438</v>
      </c>
    </row>
    <row r="97" spans="1:4" ht="18" customHeight="1" x14ac:dyDescent="0.15">
      <c r="A97" s="5">
        <v>75</v>
      </c>
      <c r="B97" s="22">
        <v>45</v>
      </c>
      <c r="C97" s="14">
        <v>56</v>
      </c>
      <c r="D97" s="18">
        <v>101</v>
      </c>
    </row>
    <row r="98" spans="1:4" ht="18" customHeight="1" x14ac:dyDescent="0.15">
      <c r="A98" s="5">
        <v>76</v>
      </c>
      <c r="B98" s="22">
        <v>56</v>
      </c>
      <c r="C98" s="14">
        <v>58</v>
      </c>
      <c r="D98" s="18">
        <v>114</v>
      </c>
    </row>
    <row r="99" spans="1:4" ht="18" customHeight="1" x14ac:dyDescent="0.15">
      <c r="A99" s="5">
        <v>77</v>
      </c>
      <c r="B99" s="22">
        <v>71</v>
      </c>
      <c r="C99" s="14">
        <v>81</v>
      </c>
      <c r="D99" s="18">
        <v>152</v>
      </c>
    </row>
    <row r="100" spans="1:4" ht="18" customHeight="1" x14ac:dyDescent="0.15">
      <c r="A100" s="5">
        <v>78</v>
      </c>
      <c r="B100" s="22">
        <v>53</v>
      </c>
      <c r="C100" s="14">
        <v>71</v>
      </c>
      <c r="D100" s="18">
        <v>124</v>
      </c>
    </row>
    <row r="101" spans="1:4" ht="18" customHeight="1" x14ac:dyDescent="0.15">
      <c r="A101" s="5">
        <v>79</v>
      </c>
      <c r="B101" s="22">
        <v>37</v>
      </c>
      <c r="C101" s="14">
        <v>55</v>
      </c>
      <c r="D101" s="18">
        <v>92</v>
      </c>
    </row>
    <row r="102" spans="1:4" ht="18" customHeight="1" x14ac:dyDescent="0.15">
      <c r="A102" s="5" t="s">
        <v>0</v>
      </c>
      <c r="B102" s="22">
        <v>262</v>
      </c>
      <c r="C102" s="14">
        <v>321</v>
      </c>
      <c r="D102" s="18">
        <v>583</v>
      </c>
    </row>
    <row r="103" spans="1:4" ht="18" customHeight="1" x14ac:dyDescent="0.15">
      <c r="A103" s="5">
        <v>80</v>
      </c>
      <c r="B103" s="22">
        <v>25</v>
      </c>
      <c r="C103" s="14">
        <v>42</v>
      </c>
      <c r="D103" s="18">
        <v>67</v>
      </c>
    </row>
    <row r="104" spans="1:4" ht="18" customHeight="1" x14ac:dyDescent="0.15">
      <c r="A104" s="5">
        <v>81</v>
      </c>
      <c r="B104" s="22">
        <v>40</v>
      </c>
      <c r="C104" s="14">
        <v>67</v>
      </c>
      <c r="D104" s="18">
        <v>107</v>
      </c>
    </row>
    <row r="105" spans="1:4" ht="18" customHeight="1" x14ac:dyDescent="0.15">
      <c r="A105" s="5">
        <v>82</v>
      </c>
      <c r="B105" s="22">
        <v>41</v>
      </c>
      <c r="C105" s="14">
        <v>60</v>
      </c>
      <c r="D105" s="18">
        <v>101</v>
      </c>
    </row>
    <row r="106" spans="1:4" ht="18" customHeight="1" x14ac:dyDescent="0.15">
      <c r="A106" s="5">
        <v>83</v>
      </c>
      <c r="B106" s="22">
        <v>35</v>
      </c>
      <c r="C106" s="14">
        <v>49</v>
      </c>
      <c r="D106" s="18">
        <v>84</v>
      </c>
    </row>
    <row r="107" spans="1:4" ht="18" customHeight="1" x14ac:dyDescent="0.15">
      <c r="A107" s="5">
        <v>84</v>
      </c>
      <c r="B107" s="22">
        <v>31</v>
      </c>
      <c r="C107" s="14">
        <v>66</v>
      </c>
      <c r="D107" s="18">
        <v>97</v>
      </c>
    </row>
    <row r="108" spans="1:4" ht="18" customHeight="1" x14ac:dyDescent="0.15">
      <c r="A108" s="5" t="s">
        <v>35</v>
      </c>
      <c r="B108" s="22">
        <v>172</v>
      </c>
      <c r="C108" s="14">
        <v>284</v>
      </c>
      <c r="D108" s="18">
        <v>456</v>
      </c>
    </row>
    <row r="109" spans="1:4" ht="18" customHeight="1" x14ac:dyDescent="0.15">
      <c r="A109" s="5">
        <v>85</v>
      </c>
      <c r="B109" s="22">
        <v>32</v>
      </c>
      <c r="C109" s="14">
        <v>54</v>
      </c>
      <c r="D109" s="18">
        <v>86</v>
      </c>
    </row>
    <row r="110" spans="1:4" ht="18" customHeight="1" x14ac:dyDescent="0.15">
      <c r="A110" s="5">
        <v>86</v>
      </c>
      <c r="B110" s="22">
        <v>21</v>
      </c>
      <c r="C110" s="14">
        <v>43</v>
      </c>
      <c r="D110" s="18">
        <v>64</v>
      </c>
    </row>
    <row r="111" spans="1:4" ht="18" customHeight="1" x14ac:dyDescent="0.15">
      <c r="A111" s="5">
        <v>87</v>
      </c>
      <c r="B111" s="22">
        <v>28</v>
      </c>
      <c r="C111" s="14">
        <v>38</v>
      </c>
      <c r="D111" s="18">
        <v>66</v>
      </c>
    </row>
    <row r="112" spans="1:4" ht="18" customHeight="1" x14ac:dyDescent="0.15">
      <c r="A112" s="5">
        <v>88</v>
      </c>
      <c r="B112" s="22">
        <v>17</v>
      </c>
      <c r="C112" s="14">
        <v>33</v>
      </c>
      <c r="D112" s="18">
        <v>50</v>
      </c>
    </row>
    <row r="113" spans="1:4" ht="18" customHeight="1" x14ac:dyDescent="0.15">
      <c r="A113" s="5">
        <v>89</v>
      </c>
      <c r="B113" s="22">
        <v>23</v>
      </c>
      <c r="C113" s="14">
        <v>35</v>
      </c>
      <c r="D113" s="18">
        <v>58</v>
      </c>
    </row>
    <row r="114" spans="1:4" ht="18" customHeight="1" x14ac:dyDescent="0.15">
      <c r="A114" s="5" t="s">
        <v>37</v>
      </c>
      <c r="B114" s="22">
        <v>121</v>
      </c>
      <c r="C114" s="14">
        <v>203</v>
      </c>
      <c r="D114" s="18">
        <v>324</v>
      </c>
    </row>
    <row r="115" spans="1:4" ht="18" customHeight="1" x14ac:dyDescent="0.15">
      <c r="A115" s="5">
        <v>90</v>
      </c>
      <c r="B115" s="22">
        <v>16</v>
      </c>
      <c r="C115" s="14">
        <v>28</v>
      </c>
      <c r="D115" s="18">
        <v>44</v>
      </c>
    </row>
    <row r="116" spans="1:4" ht="18" customHeight="1" x14ac:dyDescent="0.15">
      <c r="A116" s="5">
        <v>91</v>
      </c>
      <c r="B116" s="22">
        <v>16</v>
      </c>
      <c r="C116" s="14">
        <v>20</v>
      </c>
      <c r="D116" s="18">
        <v>36</v>
      </c>
    </row>
    <row r="117" spans="1:4" ht="18" customHeight="1" x14ac:dyDescent="0.15">
      <c r="A117" s="5">
        <v>92</v>
      </c>
      <c r="B117" s="22">
        <v>7</v>
      </c>
      <c r="C117" s="14">
        <v>26</v>
      </c>
      <c r="D117" s="18">
        <v>33</v>
      </c>
    </row>
    <row r="118" spans="1:4" ht="18" customHeight="1" x14ac:dyDescent="0.15">
      <c r="A118" s="5">
        <v>93</v>
      </c>
      <c r="B118" s="22">
        <v>3</v>
      </c>
      <c r="C118" s="14">
        <v>28</v>
      </c>
      <c r="D118" s="18">
        <v>31</v>
      </c>
    </row>
    <row r="119" spans="1:4" ht="18" customHeight="1" x14ac:dyDescent="0.15">
      <c r="A119" s="5">
        <v>94</v>
      </c>
      <c r="B119" s="22">
        <v>5</v>
      </c>
      <c r="C119" s="14">
        <v>13</v>
      </c>
      <c r="D119" s="18">
        <v>18</v>
      </c>
    </row>
    <row r="120" spans="1:4" ht="18" customHeight="1" x14ac:dyDescent="0.15">
      <c r="A120" s="5" t="s">
        <v>39</v>
      </c>
      <c r="B120" s="22">
        <v>47</v>
      </c>
      <c r="C120" s="14">
        <v>115</v>
      </c>
      <c r="D120" s="18">
        <v>162</v>
      </c>
    </row>
    <row r="121" spans="1:4" ht="18" customHeight="1" x14ac:dyDescent="0.15">
      <c r="A121" s="5">
        <v>95</v>
      </c>
      <c r="B121" s="22">
        <v>6</v>
      </c>
      <c r="C121" s="14">
        <v>19</v>
      </c>
      <c r="D121" s="18">
        <v>25</v>
      </c>
    </row>
    <row r="122" spans="1:4" ht="18" customHeight="1" x14ac:dyDescent="0.15">
      <c r="A122" s="5">
        <v>96</v>
      </c>
      <c r="B122" s="22">
        <v>4</v>
      </c>
      <c r="C122" s="14">
        <v>10</v>
      </c>
      <c r="D122" s="18">
        <v>14</v>
      </c>
    </row>
    <row r="123" spans="1:4" ht="18" customHeight="1" x14ac:dyDescent="0.15">
      <c r="A123" s="5">
        <v>97</v>
      </c>
      <c r="B123" s="22">
        <v>1</v>
      </c>
      <c r="C123" s="14">
        <v>14</v>
      </c>
      <c r="D123" s="18">
        <v>15</v>
      </c>
    </row>
    <row r="124" spans="1:4" ht="18" customHeight="1" x14ac:dyDescent="0.15">
      <c r="A124" s="5">
        <v>98</v>
      </c>
      <c r="B124" s="22">
        <v>1</v>
      </c>
      <c r="C124" s="14">
        <v>4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2</v>
      </c>
      <c r="C126" s="14">
        <v>49</v>
      </c>
      <c r="D126" s="18">
        <v>61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6</v>
      </c>
      <c r="D129" s="18">
        <v>6</v>
      </c>
    </row>
    <row r="130" spans="1:4" ht="18" customHeight="1" x14ac:dyDescent="0.15">
      <c r="A130" s="5" t="s">
        <v>46</v>
      </c>
      <c r="B130" s="22">
        <v>1033</v>
      </c>
      <c r="C130" s="14">
        <v>1422</v>
      </c>
      <c r="D130" s="18">
        <v>2455</v>
      </c>
    </row>
    <row r="131" spans="1:4" ht="18" customHeight="1" x14ac:dyDescent="0.15">
      <c r="A131" s="7" t="s">
        <v>45</v>
      </c>
      <c r="B131" s="23">
        <v>3869</v>
      </c>
      <c r="C131" s="15">
        <v>4099</v>
      </c>
      <c r="D131" s="19">
        <v>79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2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20</v>
      </c>
      <c r="C5" s="13">
        <v>18</v>
      </c>
      <c r="D5" s="17">
        <v>38</v>
      </c>
    </row>
    <row r="6" spans="1:4" ht="18" customHeight="1" x14ac:dyDescent="0.15">
      <c r="A6" s="5">
        <v>1</v>
      </c>
      <c r="B6" s="22">
        <v>24</v>
      </c>
      <c r="C6" s="14">
        <v>18</v>
      </c>
      <c r="D6" s="18">
        <v>42</v>
      </c>
    </row>
    <row r="7" spans="1:4" ht="18" customHeight="1" x14ac:dyDescent="0.15">
      <c r="A7" s="5">
        <v>2</v>
      </c>
      <c r="B7" s="22">
        <v>18</v>
      </c>
      <c r="C7" s="14">
        <v>21</v>
      </c>
      <c r="D7" s="18">
        <v>39</v>
      </c>
    </row>
    <row r="8" spans="1:4" ht="18" customHeight="1" x14ac:dyDescent="0.15">
      <c r="A8" s="5">
        <v>3</v>
      </c>
      <c r="B8" s="22">
        <v>16</v>
      </c>
      <c r="C8" s="14">
        <v>19</v>
      </c>
      <c r="D8" s="18">
        <v>35</v>
      </c>
    </row>
    <row r="9" spans="1:4" ht="18" customHeight="1" x14ac:dyDescent="0.15">
      <c r="A9" s="5">
        <v>4</v>
      </c>
      <c r="B9" s="22">
        <v>19</v>
      </c>
      <c r="C9" s="14">
        <v>22</v>
      </c>
      <c r="D9" s="18">
        <v>41</v>
      </c>
    </row>
    <row r="10" spans="1:4" ht="18" customHeight="1" x14ac:dyDescent="0.15">
      <c r="A10" s="5" t="s">
        <v>7</v>
      </c>
      <c r="B10" s="22">
        <v>97</v>
      </c>
      <c r="C10" s="14">
        <v>98</v>
      </c>
      <c r="D10" s="18">
        <v>195</v>
      </c>
    </row>
    <row r="11" spans="1:4" ht="18" customHeight="1" x14ac:dyDescent="0.15">
      <c r="A11" s="5">
        <v>5</v>
      </c>
      <c r="B11" s="22">
        <v>19</v>
      </c>
      <c r="C11" s="14">
        <v>29</v>
      </c>
      <c r="D11" s="18">
        <v>48</v>
      </c>
    </row>
    <row r="12" spans="1:4" ht="18" customHeight="1" x14ac:dyDescent="0.15">
      <c r="A12" s="5">
        <v>6</v>
      </c>
      <c r="B12" s="22">
        <v>18</v>
      </c>
      <c r="C12" s="14">
        <v>31</v>
      </c>
      <c r="D12" s="18">
        <v>49</v>
      </c>
    </row>
    <row r="13" spans="1:4" ht="18" customHeight="1" x14ac:dyDescent="0.15">
      <c r="A13" s="5">
        <v>7</v>
      </c>
      <c r="B13" s="22">
        <v>20</v>
      </c>
      <c r="C13" s="14">
        <v>38</v>
      </c>
      <c r="D13" s="18">
        <v>58</v>
      </c>
    </row>
    <row r="14" spans="1:4" ht="18" customHeight="1" x14ac:dyDescent="0.15">
      <c r="A14" s="5">
        <v>8</v>
      </c>
      <c r="B14" s="22">
        <v>26</v>
      </c>
      <c r="C14" s="14">
        <v>21</v>
      </c>
      <c r="D14" s="18">
        <v>47</v>
      </c>
    </row>
    <row r="15" spans="1:4" ht="18" customHeight="1" x14ac:dyDescent="0.15">
      <c r="A15" s="5">
        <v>9</v>
      </c>
      <c r="B15" s="22">
        <v>31</v>
      </c>
      <c r="C15" s="14">
        <v>37</v>
      </c>
      <c r="D15" s="18">
        <v>68</v>
      </c>
    </row>
    <row r="16" spans="1:4" ht="18" customHeight="1" x14ac:dyDescent="0.15">
      <c r="A16" s="5" t="s">
        <v>11</v>
      </c>
      <c r="B16" s="22">
        <v>114</v>
      </c>
      <c r="C16" s="14">
        <v>156</v>
      </c>
      <c r="D16" s="18">
        <v>270</v>
      </c>
    </row>
    <row r="17" spans="1:4" ht="18" customHeight="1" x14ac:dyDescent="0.15">
      <c r="A17" s="5">
        <v>10</v>
      </c>
      <c r="B17" s="22">
        <v>29</v>
      </c>
      <c r="C17" s="14">
        <v>26</v>
      </c>
      <c r="D17" s="18">
        <v>55</v>
      </c>
    </row>
    <row r="18" spans="1:4" ht="18" customHeight="1" x14ac:dyDescent="0.15">
      <c r="A18" s="5">
        <v>11</v>
      </c>
      <c r="B18" s="22">
        <v>31</v>
      </c>
      <c r="C18" s="14">
        <v>27</v>
      </c>
      <c r="D18" s="18">
        <v>58</v>
      </c>
    </row>
    <row r="19" spans="1:4" ht="18" customHeight="1" x14ac:dyDescent="0.15">
      <c r="A19" s="5">
        <v>12</v>
      </c>
      <c r="B19" s="22">
        <v>26</v>
      </c>
      <c r="C19" s="14">
        <v>13</v>
      </c>
      <c r="D19" s="18">
        <v>39</v>
      </c>
    </row>
    <row r="20" spans="1:4" ht="18" customHeight="1" x14ac:dyDescent="0.15">
      <c r="A20" s="5">
        <v>13</v>
      </c>
      <c r="B20" s="22">
        <v>23</v>
      </c>
      <c r="C20" s="14">
        <v>30</v>
      </c>
      <c r="D20" s="18">
        <v>53</v>
      </c>
    </row>
    <row r="21" spans="1:4" ht="18" customHeight="1" x14ac:dyDescent="0.15">
      <c r="A21" s="5">
        <v>14</v>
      </c>
      <c r="B21" s="22">
        <v>26</v>
      </c>
      <c r="C21" s="14">
        <v>25</v>
      </c>
      <c r="D21" s="18">
        <v>51</v>
      </c>
    </row>
    <row r="22" spans="1:4" ht="18" customHeight="1" x14ac:dyDescent="0.15">
      <c r="A22" s="5" t="s">
        <v>12</v>
      </c>
      <c r="B22" s="22">
        <v>135</v>
      </c>
      <c r="C22" s="14">
        <v>121</v>
      </c>
      <c r="D22" s="18">
        <v>256</v>
      </c>
    </row>
    <row r="23" spans="1:4" ht="18" customHeight="1" x14ac:dyDescent="0.15">
      <c r="A23" s="5" t="s">
        <v>6</v>
      </c>
      <c r="B23" s="22">
        <v>346</v>
      </c>
      <c r="C23" s="14">
        <v>375</v>
      </c>
      <c r="D23" s="18">
        <v>721</v>
      </c>
    </row>
    <row r="24" spans="1:4" ht="18" customHeight="1" x14ac:dyDescent="0.15">
      <c r="A24" s="5">
        <v>15</v>
      </c>
      <c r="B24" s="22">
        <v>30</v>
      </c>
      <c r="C24" s="14">
        <v>22</v>
      </c>
      <c r="D24" s="18">
        <v>52</v>
      </c>
    </row>
    <row r="25" spans="1:4" ht="18" customHeight="1" x14ac:dyDescent="0.15">
      <c r="A25" s="5">
        <v>16</v>
      </c>
      <c r="B25" s="22">
        <v>29</v>
      </c>
      <c r="C25" s="14">
        <v>19</v>
      </c>
      <c r="D25" s="18">
        <v>48</v>
      </c>
    </row>
    <row r="26" spans="1:4" ht="18" customHeight="1" x14ac:dyDescent="0.15">
      <c r="A26" s="5">
        <v>17</v>
      </c>
      <c r="B26" s="22">
        <v>27</v>
      </c>
      <c r="C26" s="14">
        <v>29</v>
      </c>
      <c r="D26" s="18">
        <v>56</v>
      </c>
    </row>
    <row r="27" spans="1:4" ht="18" customHeight="1" x14ac:dyDescent="0.15">
      <c r="A27" s="5">
        <v>18</v>
      </c>
      <c r="B27" s="22">
        <v>30</v>
      </c>
      <c r="C27" s="14">
        <v>30</v>
      </c>
      <c r="D27" s="18">
        <v>60</v>
      </c>
    </row>
    <row r="28" spans="1:4" ht="18" customHeight="1" x14ac:dyDescent="0.15">
      <c r="A28" s="5">
        <v>19</v>
      </c>
      <c r="B28" s="22">
        <v>27</v>
      </c>
      <c r="C28" s="14">
        <v>28</v>
      </c>
      <c r="D28" s="18">
        <v>55</v>
      </c>
    </row>
    <row r="29" spans="1:4" ht="18" customHeight="1" x14ac:dyDescent="0.15">
      <c r="A29" s="5" t="s">
        <v>14</v>
      </c>
      <c r="B29" s="22">
        <v>143</v>
      </c>
      <c r="C29" s="14">
        <v>128</v>
      </c>
      <c r="D29" s="18">
        <v>271</v>
      </c>
    </row>
    <row r="30" spans="1:4" ht="18" customHeight="1" x14ac:dyDescent="0.15">
      <c r="A30" s="5">
        <v>20</v>
      </c>
      <c r="B30" s="22">
        <v>28</v>
      </c>
      <c r="C30" s="14">
        <v>20</v>
      </c>
      <c r="D30" s="18">
        <v>48</v>
      </c>
    </row>
    <row r="31" spans="1:4" ht="18" customHeight="1" x14ac:dyDescent="0.15">
      <c r="A31" s="5">
        <v>21</v>
      </c>
      <c r="B31" s="22">
        <v>33</v>
      </c>
      <c r="C31" s="14">
        <v>34</v>
      </c>
      <c r="D31" s="18">
        <v>67</v>
      </c>
    </row>
    <row r="32" spans="1:4" ht="18" customHeight="1" x14ac:dyDescent="0.15">
      <c r="A32" s="5">
        <v>22</v>
      </c>
      <c r="B32" s="22">
        <v>29</v>
      </c>
      <c r="C32" s="14">
        <v>29</v>
      </c>
      <c r="D32" s="18">
        <v>58</v>
      </c>
    </row>
    <row r="33" spans="1:4" ht="18" customHeight="1" x14ac:dyDescent="0.15">
      <c r="A33" s="5">
        <v>23</v>
      </c>
      <c r="B33" s="22">
        <v>38</v>
      </c>
      <c r="C33" s="14">
        <v>26</v>
      </c>
      <c r="D33" s="18">
        <v>64</v>
      </c>
    </row>
    <row r="34" spans="1:4" ht="18" customHeight="1" x14ac:dyDescent="0.15">
      <c r="A34" s="5">
        <v>24</v>
      </c>
      <c r="B34" s="22">
        <v>30</v>
      </c>
      <c r="C34" s="14">
        <v>27</v>
      </c>
      <c r="D34" s="18">
        <v>57</v>
      </c>
    </row>
    <row r="35" spans="1:4" ht="18" customHeight="1" x14ac:dyDescent="0.15">
      <c r="A35" s="5" t="s">
        <v>9</v>
      </c>
      <c r="B35" s="22">
        <v>158</v>
      </c>
      <c r="C35" s="14">
        <v>136</v>
      </c>
      <c r="D35" s="18">
        <v>294</v>
      </c>
    </row>
    <row r="36" spans="1:4" ht="18" customHeight="1" x14ac:dyDescent="0.15">
      <c r="A36" s="5">
        <v>25</v>
      </c>
      <c r="B36" s="22">
        <v>29</v>
      </c>
      <c r="C36" s="14">
        <v>25</v>
      </c>
      <c r="D36" s="18">
        <v>54</v>
      </c>
    </row>
    <row r="37" spans="1:4" ht="18" customHeight="1" x14ac:dyDescent="0.15">
      <c r="A37" s="5">
        <v>26</v>
      </c>
      <c r="B37" s="22">
        <v>34</v>
      </c>
      <c r="C37" s="14">
        <v>23</v>
      </c>
      <c r="D37" s="18">
        <v>57</v>
      </c>
    </row>
    <row r="38" spans="1:4" ht="18" customHeight="1" x14ac:dyDescent="0.15">
      <c r="A38" s="5">
        <v>27</v>
      </c>
      <c r="B38" s="22">
        <v>28</v>
      </c>
      <c r="C38" s="14">
        <v>24</v>
      </c>
      <c r="D38" s="18">
        <v>52</v>
      </c>
    </row>
    <row r="39" spans="1:4" ht="18" customHeight="1" x14ac:dyDescent="0.15">
      <c r="A39" s="5">
        <v>28</v>
      </c>
      <c r="B39" s="22">
        <v>27</v>
      </c>
      <c r="C39" s="14">
        <v>29</v>
      </c>
      <c r="D39" s="18">
        <v>56</v>
      </c>
    </row>
    <row r="40" spans="1:4" ht="18" customHeight="1" x14ac:dyDescent="0.15">
      <c r="A40" s="5">
        <v>29</v>
      </c>
      <c r="B40" s="22">
        <v>20</v>
      </c>
      <c r="C40" s="14">
        <v>30</v>
      </c>
      <c r="D40" s="18">
        <v>50</v>
      </c>
    </row>
    <row r="41" spans="1:4" ht="18" customHeight="1" x14ac:dyDescent="0.15">
      <c r="A41" s="5" t="s">
        <v>2</v>
      </c>
      <c r="B41" s="22">
        <v>138</v>
      </c>
      <c r="C41" s="14">
        <v>131</v>
      </c>
      <c r="D41" s="18">
        <v>269</v>
      </c>
    </row>
    <row r="42" spans="1:4" ht="18" customHeight="1" x14ac:dyDescent="0.15">
      <c r="A42" s="5">
        <v>30</v>
      </c>
      <c r="B42" s="22">
        <v>25</v>
      </c>
      <c r="C42" s="14">
        <v>22</v>
      </c>
      <c r="D42" s="18">
        <v>47</v>
      </c>
    </row>
    <row r="43" spans="1:4" ht="18" customHeight="1" x14ac:dyDescent="0.15">
      <c r="A43" s="5">
        <v>31</v>
      </c>
      <c r="B43" s="22">
        <v>29</v>
      </c>
      <c r="C43" s="14">
        <v>20</v>
      </c>
      <c r="D43" s="18">
        <v>49</v>
      </c>
    </row>
    <row r="44" spans="1:4" ht="18" customHeight="1" x14ac:dyDescent="0.15">
      <c r="A44" s="5">
        <v>32</v>
      </c>
      <c r="B44" s="22">
        <v>31</v>
      </c>
      <c r="C44" s="14">
        <v>27</v>
      </c>
      <c r="D44" s="18">
        <v>58</v>
      </c>
    </row>
    <row r="45" spans="1:4" ht="18" customHeight="1" x14ac:dyDescent="0.15">
      <c r="A45" s="5">
        <v>33</v>
      </c>
      <c r="B45" s="22">
        <v>21</v>
      </c>
      <c r="C45" s="14">
        <v>26</v>
      </c>
      <c r="D45" s="18">
        <v>47</v>
      </c>
    </row>
    <row r="46" spans="1:4" ht="18" customHeight="1" x14ac:dyDescent="0.15">
      <c r="A46" s="5">
        <v>34</v>
      </c>
      <c r="B46" s="22">
        <v>27</v>
      </c>
      <c r="C46" s="14">
        <v>21</v>
      </c>
      <c r="D46" s="18">
        <v>48</v>
      </c>
    </row>
    <row r="47" spans="1:4" ht="18" customHeight="1" x14ac:dyDescent="0.15">
      <c r="A47" s="5" t="s">
        <v>15</v>
      </c>
      <c r="B47" s="22">
        <v>133</v>
      </c>
      <c r="C47" s="14">
        <v>116</v>
      </c>
      <c r="D47" s="18">
        <v>249</v>
      </c>
    </row>
    <row r="48" spans="1:4" ht="18" customHeight="1" x14ac:dyDescent="0.15">
      <c r="A48" s="5">
        <v>35</v>
      </c>
      <c r="B48" s="22">
        <v>35</v>
      </c>
      <c r="C48" s="14">
        <v>26</v>
      </c>
      <c r="D48" s="18">
        <v>61</v>
      </c>
    </row>
    <row r="49" spans="1:4" ht="18" customHeight="1" x14ac:dyDescent="0.15">
      <c r="A49" s="5">
        <v>36</v>
      </c>
      <c r="B49" s="22">
        <v>27</v>
      </c>
      <c r="C49" s="14">
        <v>31</v>
      </c>
      <c r="D49" s="18">
        <v>58</v>
      </c>
    </row>
    <row r="50" spans="1:4" ht="18" customHeight="1" x14ac:dyDescent="0.15">
      <c r="A50" s="5">
        <v>37</v>
      </c>
      <c r="B50" s="22">
        <v>34</v>
      </c>
      <c r="C50" s="14">
        <v>32</v>
      </c>
      <c r="D50" s="18">
        <v>66</v>
      </c>
    </row>
    <row r="51" spans="1:4" ht="18" customHeight="1" x14ac:dyDescent="0.15">
      <c r="A51" s="5">
        <v>38</v>
      </c>
      <c r="B51" s="22">
        <v>29</v>
      </c>
      <c r="C51" s="14">
        <v>36</v>
      </c>
      <c r="D51" s="18">
        <v>65</v>
      </c>
    </row>
    <row r="52" spans="1:4" ht="18" customHeight="1" x14ac:dyDescent="0.15">
      <c r="A52" s="5">
        <v>39</v>
      </c>
      <c r="B52" s="22">
        <v>30</v>
      </c>
      <c r="C52" s="14">
        <v>33</v>
      </c>
      <c r="D52" s="18">
        <v>63</v>
      </c>
    </row>
    <row r="53" spans="1:4" ht="18" customHeight="1" x14ac:dyDescent="0.15">
      <c r="A53" s="5" t="s">
        <v>18</v>
      </c>
      <c r="B53" s="22">
        <v>155</v>
      </c>
      <c r="C53" s="14">
        <v>158</v>
      </c>
      <c r="D53" s="18">
        <v>313</v>
      </c>
    </row>
    <row r="54" spans="1:4" ht="18" customHeight="1" x14ac:dyDescent="0.15">
      <c r="A54" s="5">
        <v>40</v>
      </c>
      <c r="B54" s="22">
        <v>26</v>
      </c>
      <c r="C54" s="14">
        <v>25</v>
      </c>
      <c r="D54" s="18">
        <v>51</v>
      </c>
    </row>
    <row r="55" spans="1:4" ht="18" customHeight="1" x14ac:dyDescent="0.15">
      <c r="A55" s="5">
        <v>41</v>
      </c>
      <c r="B55" s="22">
        <v>34</v>
      </c>
      <c r="C55" s="14">
        <v>32</v>
      </c>
      <c r="D55" s="18">
        <v>66</v>
      </c>
    </row>
    <row r="56" spans="1:4" ht="18" customHeight="1" x14ac:dyDescent="0.15">
      <c r="A56" s="5">
        <v>42</v>
      </c>
      <c r="B56" s="22">
        <v>35</v>
      </c>
      <c r="C56" s="14">
        <v>30</v>
      </c>
      <c r="D56" s="18">
        <v>65</v>
      </c>
    </row>
    <row r="57" spans="1:4" ht="18" customHeight="1" x14ac:dyDescent="0.15">
      <c r="A57" s="5">
        <v>43</v>
      </c>
      <c r="B57" s="22">
        <v>30</v>
      </c>
      <c r="C57" s="14">
        <v>43</v>
      </c>
      <c r="D57" s="18">
        <v>73</v>
      </c>
    </row>
    <row r="58" spans="1:4" ht="18" customHeight="1" x14ac:dyDescent="0.15">
      <c r="A58" s="5">
        <v>44</v>
      </c>
      <c r="B58" s="22">
        <v>32</v>
      </c>
      <c r="C58" s="14">
        <v>36</v>
      </c>
      <c r="D58" s="18">
        <v>68</v>
      </c>
    </row>
    <row r="59" spans="1:4" ht="18" customHeight="1" x14ac:dyDescent="0.15">
      <c r="A59" s="5" t="s">
        <v>21</v>
      </c>
      <c r="B59" s="22">
        <v>157</v>
      </c>
      <c r="C59" s="14">
        <v>166</v>
      </c>
      <c r="D59" s="18">
        <v>323</v>
      </c>
    </row>
    <row r="60" spans="1:4" ht="18" customHeight="1" x14ac:dyDescent="0.15">
      <c r="A60" s="5">
        <v>45</v>
      </c>
      <c r="B60" s="22">
        <v>30</v>
      </c>
      <c r="C60" s="14">
        <v>25</v>
      </c>
      <c r="D60" s="18">
        <v>55</v>
      </c>
    </row>
    <row r="61" spans="1:4" ht="18" customHeight="1" x14ac:dyDescent="0.15">
      <c r="A61" s="5">
        <v>46</v>
      </c>
      <c r="B61" s="22">
        <v>32</v>
      </c>
      <c r="C61" s="14">
        <v>37</v>
      </c>
      <c r="D61" s="18">
        <v>69</v>
      </c>
    </row>
    <row r="62" spans="1:4" ht="18" customHeight="1" x14ac:dyDescent="0.15">
      <c r="A62" s="5">
        <v>47</v>
      </c>
      <c r="B62" s="22">
        <v>32</v>
      </c>
      <c r="C62" s="14">
        <v>31</v>
      </c>
      <c r="D62" s="18">
        <v>63</v>
      </c>
    </row>
    <row r="63" spans="1:4" ht="18" customHeight="1" x14ac:dyDescent="0.15">
      <c r="A63" s="5">
        <v>48</v>
      </c>
      <c r="B63" s="22">
        <v>41</v>
      </c>
      <c r="C63" s="14">
        <v>41</v>
      </c>
      <c r="D63" s="18">
        <v>82</v>
      </c>
    </row>
    <row r="64" spans="1:4" ht="18" customHeight="1" x14ac:dyDescent="0.15">
      <c r="A64" s="5">
        <v>49</v>
      </c>
      <c r="B64" s="22">
        <v>39</v>
      </c>
      <c r="C64" s="14">
        <v>35</v>
      </c>
      <c r="D64" s="18">
        <v>74</v>
      </c>
    </row>
    <row r="65" spans="1:4" ht="18" customHeight="1" x14ac:dyDescent="0.15">
      <c r="A65" s="5" t="s">
        <v>17</v>
      </c>
      <c r="B65" s="22">
        <v>174</v>
      </c>
      <c r="C65" s="14">
        <v>169</v>
      </c>
      <c r="D65" s="18">
        <v>343</v>
      </c>
    </row>
    <row r="66" spans="1:4" ht="18" customHeight="1" x14ac:dyDescent="0.15">
      <c r="A66" s="5">
        <v>50</v>
      </c>
      <c r="B66" s="22">
        <v>45</v>
      </c>
      <c r="C66" s="14">
        <v>42</v>
      </c>
      <c r="D66" s="18">
        <v>87</v>
      </c>
    </row>
    <row r="67" spans="1:4" ht="18" customHeight="1" x14ac:dyDescent="0.15">
      <c r="A67" s="5">
        <v>51</v>
      </c>
      <c r="B67" s="22">
        <v>47</v>
      </c>
      <c r="C67" s="14">
        <v>42</v>
      </c>
      <c r="D67" s="18">
        <v>89</v>
      </c>
    </row>
    <row r="68" spans="1:4" ht="18" customHeight="1" x14ac:dyDescent="0.15">
      <c r="A68" s="5">
        <v>52</v>
      </c>
      <c r="B68" s="22">
        <v>48</v>
      </c>
      <c r="C68" s="14">
        <v>51</v>
      </c>
      <c r="D68" s="18">
        <v>99</v>
      </c>
    </row>
    <row r="69" spans="1:4" ht="18" customHeight="1" x14ac:dyDescent="0.15">
      <c r="A69" s="5">
        <v>53</v>
      </c>
      <c r="B69" s="22">
        <v>54</v>
      </c>
      <c r="C69" s="14">
        <v>56</v>
      </c>
      <c r="D69" s="18">
        <v>110</v>
      </c>
    </row>
    <row r="70" spans="1:4" ht="18" customHeight="1" x14ac:dyDescent="0.15">
      <c r="A70" s="5">
        <v>54</v>
      </c>
      <c r="B70" s="22">
        <v>43</v>
      </c>
      <c r="C70" s="14">
        <v>36</v>
      </c>
      <c r="D70" s="18">
        <v>79</v>
      </c>
    </row>
    <row r="71" spans="1:4" ht="18" customHeight="1" x14ac:dyDescent="0.15">
      <c r="A71" s="5" t="s">
        <v>22</v>
      </c>
      <c r="B71" s="22">
        <v>237</v>
      </c>
      <c r="C71" s="14">
        <v>227</v>
      </c>
      <c r="D71" s="18">
        <v>464</v>
      </c>
    </row>
    <row r="72" spans="1:4" ht="18" customHeight="1" x14ac:dyDescent="0.15">
      <c r="A72" s="5">
        <v>55</v>
      </c>
      <c r="B72" s="22">
        <v>52</v>
      </c>
      <c r="C72" s="14">
        <v>37</v>
      </c>
      <c r="D72" s="18">
        <v>89</v>
      </c>
    </row>
    <row r="73" spans="1:4" ht="18" customHeight="1" x14ac:dyDescent="0.15">
      <c r="A73" s="5">
        <v>56</v>
      </c>
      <c r="B73" s="22">
        <v>38</v>
      </c>
      <c r="C73" s="14">
        <v>42</v>
      </c>
      <c r="D73" s="18">
        <v>80</v>
      </c>
    </row>
    <row r="74" spans="1:4" ht="18" customHeight="1" x14ac:dyDescent="0.15">
      <c r="A74" s="5">
        <v>57</v>
      </c>
      <c r="B74" s="22">
        <v>41</v>
      </c>
      <c r="C74" s="14">
        <v>36</v>
      </c>
      <c r="D74" s="18">
        <v>77</v>
      </c>
    </row>
    <row r="75" spans="1:4" ht="18" customHeight="1" x14ac:dyDescent="0.15">
      <c r="A75" s="5">
        <v>58</v>
      </c>
      <c r="B75" s="22">
        <v>32</v>
      </c>
      <c r="C75" s="14">
        <v>46</v>
      </c>
      <c r="D75" s="18">
        <v>78</v>
      </c>
    </row>
    <row r="76" spans="1:4" ht="18" customHeight="1" x14ac:dyDescent="0.15">
      <c r="A76" s="5">
        <v>59</v>
      </c>
      <c r="B76" s="22">
        <v>34</v>
      </c>
      <c r="C76" s="14">
        <v>20</v>
      </c>
      <c r="D76" s="18">
        <v>54</v>
      </c>
    </row>
    <row r="77" spans="1:4" ht="18" customHeight="1" x14ac:dyDescent="0.15">
      <c r="A77" s="5" t="s">
        <v>27</v>
      </c>
      <c r="B77" s="22">
        <v>197</v>
      </c>
      <c r="C77" s="14">
        <v>181</v>
      </c>
      <c r="D77" s="18">
        <v>378</v>
      </c>
    </row>
    <row r="78" spans="1:4" ht="18" customHeight="1" x14ac:dyDescent="0.15">
      <c r="A78" s="5">
        <v>60</v>
      </c>
      <c r="B78" s="22">
        <v>41</v>
      </c>
      <c r="C78" s="14">
        <v>36</v>
      </c>
      <c r="D78" s="18">
        <v>77</v>
      </c>
    </row>
    <row r="79" spans="1:4" ht="18" customHeight="1" x14ac:dyDescent="0.15">
      <c r="A79" s="5">
        <v>61</v>
      </c>
      <c r="B79" s="22">
        <v>30</v>
      </c>
      <c r="C79" s="14">
        <v>45</v>
      </c>
      <c r="D79" s="18">
        <v>75</v>
      </c>
    </row>
    <row r="80" spans="1:4" ht="18" customHeight="1" x14ac:dyDescent="0.15">
      <c r="A80" s="5">
        <v>62</v>
      </c>
      <c r="B80" s="22">
        <v>35</v>
      </c>
      <c r="C80" s="14">
        <v>33</v>
      </c>
      <c r="D80" s="18">
        <v>68</v>
      </c>
    </row>
    <row r="81" spans="1:4" ht="18" customHeight="1" x14ac:dyDescent="0.15">
      <c r="A81" s="5">
        <v>63</v>
      </c>
      <c r="B81" s="22">
        <v>36</v>
      </c>
      <c r="C81" s="14">
        <v>27</v>
      </c>
      <c r="D81" s="18">
        <v>63</v>
      </c>
    </row>
    <row r="82" spans="1:4" ht="18" customHeight="1" x14ac:dyDescent="0.15">
      <c r="A82" s="5">
        <v>64</v>
      </c>
      <c r="B82" s="22">
        <v>36</v>
      </c>
      <c r="C82" s="14">
        <v>27</v>
      </c>
      <c r="D82" s="18">
        <v>63</v>
      </c>
    </row>
    <row r="83" spans="1:4" ht="18" customHeight="1" x14ac:dyDescent="0.15">
      <c r="A83" s="5" t="s">
        <v>28</v>
      </c>
      <c r="B83" s="22">
        <v>178</v>
      </c>
      <c r="C83" s="14">
        <v>168</v>
      </c>
      <c r="D83" s="18">
        <v>346</v>
      </c>
    </row>
    <row r="84" spans="1:4" ht="18" customHeight="1" x14ac:dyDescent="0.15">
      <c r="A84" s="5" t="s">
        <v>31</v>
      </c>
      <c r="B84" s="22">
        <v>1670</v>
      </c>
      <c r="C84" s="14">
        <v>1580</v>
      </c>
      <c r="D84" s="18">
        <v>3250</v>
      </c>
    </row>
    <row r="85" spans="1:4" ht="18" customHeight="1" x14ac:dyDescent="0.15">
      <c r="A85" s="5">
        <v>65</v>
      </c>
      <c r="B85" s="22">
        <v>39</v>
      </c>
      <c r="C85" s="14">
        <v>30</v>
      </c>
      <c r="D85" s="18">
        <v>69</v>
      </c>
    </row>
    <row r="86" spans="1:4" ht="18" customHeight="1" x14ac:dyDescent="0.15">
      <c r="A86" s="5">
        <v>66</v>
      </c>
      <c r="B86" s="22">
        <v>29</v>
      </c>
      <c r="C86" s="14">
        <v>36</v>
      </c>
      <c r="D86" s="18">
        <v>65</v>
      </c>
    </row>
    <row r="87" spans="1:4" ht="18" customHeight="1" x14ac:dyDescent="0.15">
      <c r="A87" s="5">
        <v>67</v>
      </c>
      <c r="B87" s="22">
        <v>31</v>
      </c>
      <c r="C87" s="14">
        <v>32</v>
      </c>
      <c r="D87" s="18">
        <v>63</v>
      </c>
    </row>
    <row r="88" spans="1:4" ht="18" customHeight="1" x14ac:dyDescent="0.15">
      <c r="A88" s="5">
        <v>68</v>
      </c>
      <c r="B88" s="22">
        <v>28</v>
      </c>
      <c r="C88" s="14">
        <v>33</v>
      </c>
      <c r="D88" s="18">
        <v>61</v>
      </c>
    </row>
    <row r="89" spans="1:4" ht="18" customHeight="1" x14ac:dyDescent="0.15">
      <c r="A89" s="5">
        <v>69</v>
      </c>
      <c r="B89" s="22">
        <v>21</v>
      </c>
      <c r="C89" s="14">
        <v>31</v>
      </c>
      <c r="D89" s="18">
        <v>52</v>
      </c>
    </row>
    <row r="90" spans="1:4" ht="18" customHeight="1" x14ac:dyDescent="0.15">
      <c r="A90" s="5" t="s">
        <v>20</v>
      </c>
      <c r="B90" s="22">
        <v>148</v>
      </c>
      <c r="C90" s="14">
        <v>162</v>
      </c>
      <c r="D90" s="18">
        <v>310</v>
      </c>
    </row>
    <row r="91" spans="1:4" ht="18" customHeight="1" x14ac:dyDescent="0.15">
      <c r="A91" s="5">
        <v>70</v>
      </c>
      <c r="B91" s="22">
        <v>34</v>
      </c>
      <c r="C91" s="14">
        <v>39</v>
      </c>
      <c r="D91" s="18">
        <v>73</v>
      </c>
    </row>
    <row r="92" spans="1:4" ht="18" customHeight="1" x14ac:dyDescent="0.15">
      <c r="A92" s="5">
        <v>71</v>
      </c>
      <c r="B92" s="22">
        <v>36</v>
      </c>
      <c r="C92" s="14">
        <v>34</v>
      </c>
      <c r="D92" s="18">
        <v>70</v>
      </c>
    </row>
    <row r="93" spans="1:4" ht="18" customHeight="1" x14ac:dyDescent="0.15">
      <c r="A93" s="5">
        <v>72</v>
      </c>
      <c r="B93" s="22">
        <v>34</v>
      </c>
      <c r="C93" s="14">
        <v>27</v>
      </c>
      <c r="D93" s="18">
        <v>61</v>
      </c>
    </row>
    <row r="94" spans="1:4" ht="18" customHeight="1" x14ac:dyDescent="0.15">
      <c r="A94" s="5">
        <v>73</v>
      </c>
      <c r="B94" s="22">
        <v>32</v>
      </c>
      <c r="C94" s="14">
        <v>38</v>
      </c>
      <c r="D94" s="18">
        <v>70</v>
      </c>
    </row>
    <row r="95" spans="1:4" ht="18" customHeight="1" x14ac:dyDescent="0.15">
      <c r="A95" s="5">
        <v>74</v>
      </c>
      <c r="B95" s="22">
        <v>33</v>
      </c>
      <c r="C95" s="14">
        <v>35</v>
      </c>
      <c r="D95" s="18">
        <v>68</v>
      </c>
    </row>
    <row r="96" spans="1:4" ht="18" customHeight="1" x14ac:dyDescent="0.15">
      <c r="A96" s="5" t="s">
        <v>33</v>
      </c>
      <c r="B96" s="22">
        <v>169</v>
      </c>
      <c r="C96" s="14">
        <v>173</v>
      </c>
      <c r="D96" s="18">
        <v>342</v>
      </c>
    </row>
    <row r="97" spans="1:4" ht="18" customHeight="1" x14ac:dyDescent="0.15">
      <c r="A97" s="5">
        <v>75</v>
      </c>
      <c r="B97" s="22">
        <v>23</v>
      </c>
      <c r="C97" s="14">
        <v>39</v>
      </c>
      <c r="D97" s="18">
        <v>62</v>
      </c>
    </row>
    <row r="98" spans="1:4" ht="18" customHeight="1" x14ac:dyDescent="0.15">
      <c r="A98" s="5">
        <v>76</v>
      </c>
      <c r="B98" s="22">
        <v>32</v>
      </c>
      <c r="C98" s="14">
        <v>37</v>
      </c>
      <c r="D98" s="18">
        <v>69</v>
      </c>
    </row>
    <row r="99" spans="1:4" ht="18" customHeight="1" x14ac:dyDescent="0.15">
      <c r="A99" s="5">
        <v>77</v>
      </c>
      <c r="B99" s="22">
        <v>27</v>
      </c>
      <c r="C99" s="14">
        <v>50</v>
      </c>
      <c r="D99" s="18">
        <v>77</v>
      </c>
    </row>
    <row r="100" spans="1:4" ht="18" customHeight="1" x14ac:dyDescent="0.15">
      <c r="A100" s="5">
        <v>78</v>
      </c>
      <c r="B100" s="22">
        <v>41</v>
      </c>
      <c r="C100" s="14">
        <v>53</v>
      </c>
      <c r="D100" s="18">
        <v>94</v>
      </c>
    </row>
    <row r="101" spans="1:4" ht="18" customHeight="1" x14ac:dyDescent="0.15">
      <c r="A101" s="5">
        <v>79</v>
      </c>
      <c r="B101" s="22">
        <v>24</v>
      </c>
      <c r="C101" s="14">
        <v>32</v>
      </c>
      <c r="D101" s="18">
        <v>56</v>
      </c>
    </row>
    <row r="102" spans="1:4" ht="18" customHeight="1" x14ac:dyDescent="0.15">
      <c r="A102" s="5" t="s">
        <v>0</v>
      </c>
      <c r="B102" s="22">
        <v>147</v>
      </c>
      <c r="C102" s="14">
        <v>211</v>
      </c>
      <c r="D102" s="18">
        <v>358</v>
      </c>
    </row>
    <row r="103" spans="1:4" ht="18" customHeight="1" x14ac:dyDescent="0.15">
      <c r="A103" s="5">
        <v>80</v>
      </c>
      <c r="B103" s="22">
        <v>23</v>
      </c>
      <c r="C103" s="14">
        <v>20</v>
      </c>
      <c r="D103" s="18">
        <v>43</v>
      </c>
    </row>
    <row r="104" spans="1:4" ht="18" customHeight="1" x14ac:dyDescent="0.15">
      <c r="A104" s="5">
        <v>81</v>
      </c>
      <c r="B104" s="22">
        <v>20</v>
      </c>
      <c r="C104" s="14">
        <v>30</v>
      </c>
      <c r="D104" s="18">
        <v>50</v>
      </c>
    </row>
    <row r="105" spans="1:4" ht="18" customHeight="1" x14ac:dyDescent="0.15">
      <c r="A105" s="5">
        <v>82</v>
      </c>
      <c r="B105" s="22">
        <v>28</v>
      </c>
      <c r="C105" s="14">
        <v>37</v>
      </c>
      <c r="D105" s="18">
        <v>65</v>
      </c>
    </row>
    <row r="106" spans="1:4" ht="18" customHeight="1" x14ac:dyDescent="0.15">
      <c r="A106" s="5">
        <v>83</v>
      </c>
      <c r="B106" s="22">
        <v>26</v>
      </c>
      <c r="C106" s="14">
        <v>32</v>
      </c>
      <c r="D106" s="18">
        <v>58</v>
      </c>
    </row>
    <row r="107" spans="1:4" ht="18" customHeight="1" x14ac:dyDescent="0.15">
      <c r="A107" s="5">
        <v>84</v>
      </c>
      <c r="B107" s="22">
        <v>24</v>
      </c>
      <c r="C107" s="14">
        <v>25</v>
      </c>
      <c r="D107" s="18">
        <v>49</v>
      </c>
    </row>
    <row r="108" spans="1:4" ht="18" customHeight="1" x14ac:dyDescent="0.15">
      <c r="A108" s="5" t="s">
        <v>35</v>
      </c>
      <c r="B108" s="22">
        <v>121</v>
      </c>
      <c r="C108" s="14">
        <v>144</v>
      </c>
      <c r="D108" s="18">
        <v>265</v>
      </c>
    </row>
    <row r="109" spans="1:4" ht="18" customHeight="1" x14ac:dyDescent="0.15">
      <c r="A109" s="5">
        <v>85</v>
      </c>
      <c r="B109" s="22">
        <v>17</v>
      </c>
      <c r="C109" s="14">
        <v>36</v>
      </c>
      <c r="D109" s="18">
        <v>53</v>
      </c>
    </row>
    <row r="110" spans="1:4" ht="18" customHeight="1" x14ac:dyDescent="0.15">
      <c r="A110" s="5">
        <v>86</v>
      </c>
      <c r="B110" s="22">
        <v>14</v>
      </c>
      <c r="C110" s="14">
        <v>27</v>
      </c>
      <c r="D110" s="18">
        <v>41</v>
      </c>
    </row>
    <row r="111" spans="1:4" ht="18" customHeight="1" x14ac:dyDescent="0.15">
      <c r="A111" s="5">
        <v>87</v>
      </c>
      <c r="B111" s="22">
        <v>9</v>
      </c>
      <c r="C111" s="14">
        <v>16</v>
      </c>
      <c r="D111" s="18">
        <v>25</v>
      </c>
    </row>
    <row r="112" spans="1:4" ht="18" customHeight="1" x14ac:dyDescent="0.15">
      <c r="A112" s="5">
        <v>88</v>
      </c>
      <c r="B112" s="22">
        <v>8</v>
      </c>
      <c r="C112" s="14">
        <v>21</v>
      </c>
      <c r="D112" s="18">
        <v>29</v>
      </c>
    </row>
    <row r="113" spans="1:4" ht="18" customHeight="1" x14ac:dyDescent="0.15">
      <c r="A113" s="5">
        <v>89</v>
      </c>
      <c r="B113" s="22">
        <v>11</v>
      </c>
      <c r="C113" s="14">
        <v>19</v>
      </c>
      <c r="D113" s="18">
        <v>30</v>
      </c>
    </row>
    <row r="114" spans="1:4" ht="18" customHeight="1" x14ac:dyDescent="0.15">
      <c r="A114" s="5" t="s">
        <v>37</v>
      </c>
      <c r="B114" s="22">
        <v>59</v>
      </c>
      <c r="C114" s="14">
        <v>119</v>
      </c>
      <c r="D114" s="18">
        <v>178</v>
      </c>
    </row>
    <row r="115" spans="1:4" ht="18" customHeight="1" x14ac:dyDescent="0.15">
      <c r="A115" s="5">
        <v>90</v>
      </c>
      <c r="B115" s="22">
        <v>5</v>
      </c>
      <c r="C115" s="14">
        <v>22</v>
      </c>
      <c r="D115" s="18">
        <v>27</v>
      </c>
    </row>
    <row r="116" spans="1:4" ht="18" customHeight="1" x14ac:dyDescent="0.15">
      <c r="A116" s="5">
        <v>91</v>
      </c>
      <c r="B116" s="22">
        <v>2</v>
      </c>
      <c r="C116" s="14">
        <v>17</v>
      </c>
      <c r="D116" s="18">
        <v>19</v>
      </c>
    </row>
    <row r="117" spans="1:4" ht="18" customHeight="1" x14ac:dyDescent="0.15">
      <c r="A117" s="5">
        <v>92</v>
      </c>
      <c r="B117" s="22">
        <v>5</v>
      </c>
      <c r="C117" s="14">
        <v>20</v>
      </c>
      <c r="D117" s="18">
        <v>25</v>
      </c>
    </row>
    <row r="118" spans="1:4" ht="18" customHeight="1" x14ac:dyDescent="0.15">
      <c r="A118" s="5">
        <v>93</v>
      </c>
      <c r="B118" s="22">
        <v>5</v>
      </c>
      <c r="C118" s="14">
        <v>13</v>
      </c>
      <c r="D118" s="18">
        <v>18</v>
      </c>
    </row>
    <row r="119" spans="1:4" ht="18" customHeight="1" x14ac:dyDescent="0.15">
      <c r="A119" s="5">
        <v>94</v>
      </c>
      <c r="B119" s="22">
        <v>5</v>
      </c>
      <c r="C119" s="14">
        <v>6</v>
      </c>
      <c r="D119" s="18">
        <v>11</v>
      </c>
    </row>
    <row r="120" spans="1:4" ht="18" customHeight="1" x14ac:dyDescent="0.15">
      <c r="A120" s="5" t="s">
        <v>39</v>
      </c>
      <c r="B120" s="22">
        <v>22</v>
      </c>
      <c r="C120" s="14">
        <v>78</v>
      </c>
      <c r="D120" s="18">
        <v>100</v>
      </c>
    </row>
    <row r="121" spans="1:4" ht="18" customHeight="1" x14ac:dyDescent="0.15">
      <c r="A121" s="5">
        <v>95</v>
      </c>
      <c r="B121" s="22">
        <v>2</v>
      </c>
      <c r="C121" s="14">
        <v>7</v>
      </c>
      <c r="D121" s="18">
        <v>9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5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5</v>
      </c>
      <c r="C126" s="14">
        <v>23</v>
      </c>
      <c r="D126" s="18">
        <v>28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671</v>
      </c>
      <c r="C130" s="14">
        <v>914</v>
      </c>
      <c r="D130" s="18">
        <v>1585</v>
      </c>
    </row>
    <row r="131" spans="1:4" ht="18" customHeight="1" x14ac:dyDescent="0.15">
      <c r="A131" s="7" t="s">
        <v>45</v>
      </c>
      <c r="B131" s="23">
        <v>2687</v>
      </c>
      <c r="C131" s="15">
        <v>2869</v>
      </c>
      <c r="D131" s="19">
        <v>555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20</v>
      </c>
      <c r="C5" s="13">
        <v>29</v>
      </c>
      <c r="D5" s="17">
        <v>49</v>
      </c>
    </row>
    <row r="6" spans="1:4" ht="18" customHeight="1" x14ac:dyDescent="0.15">
      <c r="A6" s="5">
        <v>1</v>
      </c>
      <c r="B6" s="22">
        <v>26</v>
      </c>
      <c r="C6" s="14">
        <v>27</v>
      </c>
      <c r="D6" s="18">
        <v>53</v>
      </c>
    </row>
    <row r="7" spans="1:4" ht="18" customHeight="1" x14ac:dyDescent="0.15">
      <c r="A7" s="5">
        <v>2</v>
      </c>
      <c r="B7" s="22">
        <v>39</v>
      </c>
      <c r="C7" s="14">
        <v>21</v>
      </c>
      <c r="D7" s="18">
        <v>60</v>
      </c>
    </row>
    <row r="8" spans="1:4" ht="18" customHeight="1" x14ac:dyDescent="0.15">
      <c r="A8" s="5">
        <v>3</v>
      </c>
      <c r="B8" s="22">
        <v>26</v>
      </c>
      <c r="C8" s="14">
        <v>32</v>
      </c>
      <c r="D8" s="18">
        <v>58</v>
      </c>
    </row>
    <row r="9" spans="1:4" ht="18" customHeight="1" x14ac:dyDescent="0.15">
      <c r="A9" s="5">
        <v>4</v>
      </c>
      <c r="B9" s="22">
        <v>36</v>
      </c>
      <c r="C9" s="14">
        <v>26</v>
      </c>
      <c r="D9" s="18">
        <v>62</v>
      </c>
    </row>
    <row r="10" spans="1:4" ht="18" customHeight="1" x14ac:dyDescent="0.15">
      <c r="A10" s="5" t="s">
        <v>7</v>
      </c>
      <c r="B10" s="22">
        <v>147</v>
      </c>
      <c r="C10" s="14">
        <v>135</v>
      </c>
      <c r="D10" s="18">
        <v>282</v>
      </c>
    </row>
    <row r="11" spans="1:4" ht="18" customHeight="1" x14ac:dyDescent="0.15">
      <c r="A11" s="5">
        <v>5</v>
      </c>
      <c r="B11" s="22">
        <v>25</v>
      </c>
      <c r="C11" s="14">
        <v>27</v>
      </c>
      <c r="D11" s="18">
        <v>52</v>
      </c>
    </row>
    <row r="12" spans="1:4" ht="18" customHeight="1" x14ac:dyDescent="0.15">
      <c r="A12" s="5">
        <v>6</v>
      </c>
      <c r="B12" s="22">
        <v>38</v>
      </c>
      <c r="C12" s="14">
        <v>25</v>
      </c>
      <c r="D12" s="18">
        <v>63</v>
      </c>
    </row>
    <row r="13" spans="1:4" ht="18" customHeight="1" x14ac:dyDescent="0.15">
      <c r="A13" s="5">
        <v>7</v>
      </c>
      <c r="B13" s="22">
        <v>27</v>
      </c>
      <c r="C13" s="14">
        <v>34</v>
      </c>
      <c r="D13" s="18">
        <v>61</v>
      </c>
    </row>
    <row r="14" spans="1:4" ht="18" customHeight="1" x14ac:dyDescent="0.15">
      <c r="A14" s="5">
        <v>8</v>
      </c>
      <c r="B14" s="22">
        <v>27</v>
      </c>
      <c r="C14" s="14">
        <v>45</v>
      </c>
      <c r="D14" s="18">
        <v>72</v>
      </c>
    </row>
    <row r="15" spans="1:4" ht="18" customHeight="1" x14ac:dyDescent="0.15">
      <c r="A15" s="5">
        <v>9</v>
      </c>
      <c r="B15" s="22">
        <v>27</v>
      </c>
      <c r="C15" s="14">
        <v>27</v>
      </c>
      <c r="D15" s="18">
        <v>54</v>
      </c>
    </row>
    <row r="16" spans="1:4" ht="18" customHeight="1" x14ac:dyDescent="0.15">
      <c r="A16" s="5" t="s">
        <v>11</v>
      </c>
      <c r="B16" s="22">
        <v>144</v>
      </c>
      <c r="C16" s="14">
        <v>158</v>
      </c>
      <c r="D16" s="18">
        <v>302</v>
      </c>
    </row>
    <row r="17" spans="1:4" ht="18" customHeight="1" x14ac:dyDescent="0.15">
      <c r="A17" s="5">
        <v>10</v>
      </c>
      <c r="B17" s="22">
        <v>31</v>
      </c>
      <c r="C17" s="14">
        <v>24</v>
      </c>
      <c r="D17" s="18">
        <v>55</v>
      </c>
    </row>
    <row r="18" spans="1:4" ht="18" customHeight="1" x14ac:dyDescent="0.15">
      <c r="A18" s="5">
        <v>11</v>
      </c>
      <c r="B18" s="22">
        <v>30</v>
      </c>
      <c r="C18" s="14">
        <v>34</v>
      </c>
      <c r="D18" s="18">
        <v>64</v>
      </c>
    </row>
    <row r="19" spans="1:4" ht="18" customHeight="1" x14ac:dyDescent="0.15">
      <c r="A19" s="5">
        <v>12</v>
      </c>
      <c r="B19" s="22">
        <v>31</v>
      </c>
      <c r="C19" s="14">
        <v>36</v>
      </c>
      <c r="D19" s="18">
        <v>67</v>
      </c>
    </row>
    <row r="20" spans="1:4" ht="18" customHeight="1" x14ac:dyDescent="0.15">
      <c r="A20" s="5">
        <v>13</v>
      </c>
      <c r="B20" s="22">
        <v>36</v>
      </c>
      <c r="C20" s="14">
        <v>28</v>
      </c>
      <c r="D20" s="18">
        <v>64</v>
      </c>
    </row>
    <row r="21" spans="1:4" ht="18" customHeight="1" x14ac:dyDescent="0.15">
      <c r="A21" s="5">
        <v>14</v>
      </c>
      <c r="B21" s="22">
        <v>30</v>
      </c>
      <c r="C21" s="14">
        <v>44</v>
      </c>
      <c r="D21" s="18">
        <v>74</v>
      </c>
    </row>
    <row r="22" spans="1:4" ht="18" customHeight="1" x14ac:dyDescent="0.15">
      <c r="A22" s="5" t="s">
        <v>12</v>
      </c>
      <c r="B22" s="22">
        <v>158</v>
      </c>
      <c r="C22" s="14">
        <v>166</v>
      </c>
      <c r="D22" s="18">
        <v>324</v>
      </c>
    </row>
    <row r="23" spans="1:4" ht="18" customHeight="1" x14ac:dyDescent="0.15">
      <c r="A23" s="5" t="s">
        <v>6</v>
      </c>
      <c r="B23" s="22">
        <v>449</v>
      </c>
      <c r="C23" s="14">
        <v>459</v>
      </c>
      <c r="D23" s="18">
        <v>908</v>
      </c>
    </row>
    <row r="24" spans="1:4" ht="18" customHeight="1" x14ac:dyDescent="0.15">
      <c r="A24" s="5">
        <v>15</v>
      </c>
      <c r="B24" s="22">
        <v>39</v>
      </c>
      <c r="C24" s="14">
        <v>37</v>
      </c>
      <c r="D24" s="18">
        <v>76</v>
      </c>
    </row>
    <row r="25" spans="1:4" ht="18" customHeight="1" x14ac:dyDescent="0.15">
      <c r="A25" s="5">
        <v>16</v>
      </c>
      <c r="B25" s="22">
        <v>36</v>
      </c>
      <c r="C25" s="14">
        <v>44</v>
      </c>
      <c r="D25" s="18">
        <v>80</v>
      </c>
    </row>
    <row r="26" spans="1:4" ht="18" customHeight="1" x14ac:dyDescent="0.15">
      <c r="A26" s="5">
        <v>17</v>
      </c>
      <c r="B26" s="22">
        <v>40</v>
      </c>
      <c r="C26" s="14">
        <v>41</v>
      </c>
      <c r="D26" s="18">
        <v>81</v>
      </c>
    </row>
    <row r="27" spans="1:4" ht="18" customHeight="1" x14ac:dyDescent="0.15">
      <c r="A27" s="5">
        <v>18</v>
      </c>
      <c r="B27" s="22">
        <v>54</v>
      </c>
      <c r="C27" s="14">
        <v>43</v>
      </c>
      <c r="D27" s="18">
        <v>97</v>
      </c>
    </row>
    <row r="28" spans="1:4" ht="18" customHeight="1" x14ac:dyDescent="0.15">
      <c r="A28" s="5">
        <v>19</v>
      </c>
      <c r="B28" s="22">
        <v>168</v>
      </c>
      <c r="C28" s="14">
        <v>113</v>
      </c>
      <c r="D28" s="18">
        <v>281</v>
      </c>
    </row>
    <row r="29" spans="1:4" ht="18" customHeight="1" x14ac:dyDescent="0.15">
      <c r="A29" s="5" t="s">
        <v>14</v>
      </c>
      <c r="B29" s="22">
        <v>337</v>
      </c>
      <c r="C29" s="14">
        <v>278</v>
      </c>
      <c r="D29" s="18">
        <v>615</v>
      </c>
    </row>
    <row r="30" spans="1:4" ht="18" customHeight="1" x14ac:dyDescent="0.15">
      <c r="A30" s="5">
        <v>20</v>
      </c>
      <c r="B30" s="22">
        <v>186</v>
      </c>
      <c r="C30" s="14">
        <v>107</v>
      </c>
      <c r="D30" s="18">
        <v>293</v>
      </c>
    </row>
    <row r="31" spans="1:4" ht="18" customHeight="1" x14ac:dyDescent="0.15">
      <c r="A31" s="5">
        <v>21</v>
      </c>
      <c r="B31" s="22">
        <v>233</v>
      </c>
      <c r="C31" s="14">
        <v>144</v>
      </c>
      <c r="D31" s="18">
        <v>377</v>
      </c>
    </row>
    <row r="32" spans="1:4" ht="18" customHeight="1" x14ac:dyDescent="0.15">
      <c r="A32" s="5">
        <v>22</v>
      </c>
      <c r="B32" s="22">
        <v>183</v>
      </c>
      <c r="C32" s="14">
        <v>116</v>
      </c>
      <c r="D32" s="18">
        <v>299</v>
      </c>
    </row>
    <row r="33" spans="1:4" ht="18" customHeight="1" x14ac:dyDescent="0.15">
      <c r="A33" s="5">
        <v>23</v>
      </c>
      <c r="B33" s="22">
        <v>181</v>
      </c>
      <c r="C33" s="14">
        <v>86</v>
      </c>
      <c r="D33" s="18">
        <v>267</v>
      </c>
    </row>
    <row r="34" spans="1:4" ht="18" customHeight="1" x14ac:dyDescent="0.15">
      <c r="A34" s="5">
        <v>24</v>
      </c>
      <c r="B34" s="22">
        <v>135</v>
      </c>
      <c r="C34" s="14">
        <v>81</v>
      </c>
      <c r="D34" s="18">
        <v>216</v>
      </c>
    </row>
    <row r="35" spans="1:4" ht="18" customHeight="1" x14ac:dyDescent="0.15">
      <c r="A35" s="5" t="s">
        <v>9</v>
      </c>
      <c r="B35" s="22">
        <v>918</v>
      </c>
      <c r="C35" s="14">
        <v>534</v>
      </c>
      <c r="D35" s="18">
        <v>1452</v>
      </c>
    </row>
    <row r="36" spans="1:4" ht="18" customHeight="1" x14ac:dyDescent="0.15">
      <c r="A36" s="5">
        <v>25</v>
      </c>
      <c r="B36" s="22">
        <v>112</v>
      </c>
      <c r="C36" s="14">
        <v>54</v>
      </c>
      <c r="D36" s="18">
        <v>166</v>
      </c>
    </row>
    <row r="37" spans="1:4" ht="18" customHeight="1" x14ac:dyDescent="0.15">
      <c r="A37" s="5">
        <v>26</v>
      </c>
      <c r="B37" s="22">
        <v>99</v>
      </c>
      <c r="C37" s="14">
        <v>61</v>
      </c>
      <c r="D37" s="18">
        <v>160</v>
      </c>
    </row>
    <row r="38" spans="1:4" ht="18" customHeight="1" x14ac:dyDescent="0.15">
      <c r="A38" s="5">
        <v>27</v>
      </c>
      <c r="B38" s="22">
        <v>78</v>
      </c>
      <c r="C38" s="14">
        <v>50</v>
      </c>
      <c r="D38" s="18">
        <v>128</v>
      </c>
    </row>
    <row r="39" spans="1:4" ht="18" customHeight="1" x14ac:dyDescent="0.15">
      <c r="A39" s="5">
        <v>28</v>
      </c>
      <c r="B39" s="22">
        <v>52</v>
      </c>
      <c r="C39" s="14">
        <v>41</v>
      </c>
      <c r="D39" s="18">
        <v>93</v>
      </c>
    </row>
    <row r="40" spans="1:4" ht="18" customHeight="1" x14ac:dyDescent="0.15">
      <c r="A40" s="5">
        <v>29</v>
      </c>
      <c r="B40" s="22">
        <v>59</v>
      </c>
      <c r="C40" s="14">
        <v>57</v>
      </c>
      <c r="D40" s="18">
        <v>116</v>
      </c>
    </row>
    <row r="41" spans="1:4" ht="18" customHeight="1" x14ac:dyDescent="0.15">
      <c r="A41" s="5" t="s">
        <v>2</v>
      </c>
      <c r="B41" s="22">
        <v>400</v>
      </c>
      <c r="C41" s="14">
        <v>263</v>
      </c>
      <c r="D41" s="18">
        <v>663</v>
      </c>
    </row>
    <row r="42" spans="1:4" ht="18" customHeight="1" x14ac:dyDescent="0.15">
      <c r="A42" s="5">
        <v>30</v>
      </c>
      <c r="B42" s="22">
        <v>63</v>
      </c>
      <c r="C42" s="14">
        <v>63</v>
      </c>
      <c r="D42" s="18">
        <v>126</v>
      </c>
    </row>
    <row r="43" spans="1:4" ht="18" customHeight="1" x14ac:dyDescent="0.15">
      <c r="A43" s="5">
        <v>31</v>
      </c>
      <c r="B43" s="22">
        <v>57</v>
      </c>
      <c r="C43" s="14">
        <v>52</v>
      </c>
      <c r="D43" s="18">
        <v>109</v>
      </c>
    </row>
    <row r="44" spans="1:4" ht="18" customHeight="1" x14ac:dyDescent="0.15">
      <c r="A44" s="5">
        <v>32</v>
      </c>
      <c r="B44" s="22">
        <v>55</v>
      </c>
      <c r="C44" s="14">
        <v>35</v>
      </c>
      <c r="D44" s="18">
        <v>90</v>
      </c>
    </row>
    <row r="45" spans="1:4" ht="18" customHeight="1" x14ac:dyDescent="0.15">
      <c r="A45" s="5">
        <v>33</v>
      </c>
      <c r="B45" s="22">
        <v>50</v>
      </c>
      <c r="C45" s="14">
        <v>56</v>
      </c>
      <c r="D45" s="18">
        <v>106</v>
      </c>
    </row>
    <row r="46" spans="1:4" ht="18" customHeight="1" x14ac:dyDescent="0.15">
      <c r="A46" s="5">
        <v>34</v>
      </c>
      <c r="B46" s="22">
        <v>63</v>
      </c>
      <c r="C46" s="14">
        <v>41</v>
      </c>
      <c r="D46" s="18">
        <v>104</v>
      </c>
    </row>
    <row r="47" spans="1:4" ht="18" customHeight="1" x14ac:dyDescent="0.15">
      <c r="A47" s="5" t="s">
        <v>15</v>
      </c>
      <c r="B47" s="22">
        <v>288</v>
      </c>
      <c r="C47" s="14">
        <v>247</v>
      </c>
      <c r="D47" s="18">
        <v>535</v>
      </c>
    </row>
    <row r="48" spans="1:4" ht="18" customHeight="1" x14ac:dyDescent="0.15">
      <c r="A48" s="5">
        <v>35</v>
      </c>
      <c r="B48" s="22">
        <v>40</v>
      </c>
      <c r="C48" s="14">
        <v>50</v>
      </c>
      <c r="D48" s="18">
        <v>90</v>
      </c>
    </row>
    <row r="49" spans="1:4" ht="18" customHeight="1" x14ac:dyDescent="0.15">
      <c r="A49" s="5">
        <v>36</v>
      </c>
      <c r="B49" s="22">
        <v>63</v>
      </c>
      <c r="C49" s="14">
        <v>38</v>
      </c>
      <c r="D49" s="18">
        <v>101</v>
      </c>
    </row>
    <row r="50" spans="1:4" ht="18" customHeight="1" x14ac:dyDescent="0.15">
      <c r="A50" s="5">
        <v>37</v>
      </c>
      <c r="B50" s="22">
        <v>50</v>
      </c>
      <c r="C50" s="14">
        <v>49</v>
      </c>
      <c r="D50" s="18">
        <v>99</v>
      </c>
    </row>
    <row r="51" spans="1:4" ht="18" customHeight="1" x14ac:dyDescent="0.15">
      <c r="A51" s="5">
        <v>38</v>
      </c>
      <c r="B51" s="22">
        <v>67</v>
      </c>
      <c r="C51" s="14">
        <v>38</v>
      </c>
      <c r="D51" s="18">
        <v>105</v>
      </c>
    </row>
    <row r="52" spans="1:4" ht="18" customHeight="1" x14ac:dyDescent="0.15">
      <c r="A52" s="5">
        <v>39</v>
      </c>
      <c r="B52" s="22">
        <v>37</v>
      </c>
      <c r="C52" s="14">
        <v>41</v>
      </c>
      <c r="D52" s="18">
        <v>78</v>
      </c>
    </row>
    <row r="53" spans="1:4" ht="18" customHeight="1" x14ac:dyDescent="0.15">
      <c r="A53" s="5" t="s">
        <v>18</v>
      </c>
      <c r="B53" s="22">
        <v>257</v>
      </c>
      <c r="C53" s="14">
        <v>216</v>
      </c>
      <c r="D53" s="18">
        <v>473</v>
      </c>
    </row>
    <row r="54" spans="1:4" ht="18" customHeight="1" x14ac:dyDescent="0.15">
      <c r="A54" s="5">
        <v>40</v>
      </c>
      <c r="B54" s="22">
        <v>45</v>
      </c>
      <c r="C54" s="14">
        <v>48</v>
      </c>
      <c r="D54" s="18">
        <v>93</v>
      </c>
    </row>
    <row r="55" spans="1:4" ht="18" customHeight="1" x14ac:dyDescent="0.15">
      <c r="A55" s="5">
        <v>41</v>
      </c>
      <c r="B55" s="22">
        <v>61</v>
      </c>
      <c r="C55" s="14">
        <v>47</v>
      </c>
      <c r="D55" s="18">
        <v>108</v>
      </c>
    </row>
    <row r="56" spans="1:4" ht="18" customHeight="1" x14ac:dyDescent="0.15">
      <c r="A56" s="5">
        <v>42</v>
      </c>
      <c r="B56" s="22">
        <v>55</v>
      </c>
      <c r="C56" s="14">
        <v>52</v>
      </c>
      <c r="D56" s="18">
        <v>107</v>
      </c>
    </row>
    <row r="57" spans="1:4" ht="18" customHeight="1" x14ac:dyDescent="0.15">
      <c r="A57" s="5">
        <v>43</v>
      </c>
      <c r="B57" s="22">
        <v>61</v>
      </c>
      <c r="C57" s="14">
        <v>49</v>
      </c>
      <c r="D57" s="18">
        <v>110</v>
      </c>
    </row>
    <row r="58" spans="1:4" ht="18" customHeight="1" x14ac:dyDescent="0.15">
      <c r="A58" s="5">
        <v>44</v>
      </c>
      <c r="B58" s="22">
        <v>44</v>
      </c>
      <c r="C58" s="14">
        <v>54</v>
      </c>
      <c r="D58" s="18">
        <v>98</v>
      </c>
    </row>
    <row r="59" spans="1:4" ht="18" customHeight="1" x14ac:dyDescent="0.15">
      <c r="A59" s="5" t="s">
        <v>21</v>
      </c>
      <c r="B59" s="22">
        <v>266</v>
      </c>
      <c r="C59" s="14">
        <v>250</v>
      </c>
      <c r="D59" s="18">
        <v>516</v>
      </c>
    </row>
    <row r="60" spans="1:4" ht="18" customHeight="1" x14ac:dyDescent="0.15">
      <c r="A60" s="5">
        <v>45</v>
      </c>
      <c r="B60" s="22">
        <v>63</v>
      </c>
      <c r="C60" s="14">
        <v>45</v>
      </c>
      <c r="D60" s="18">
        <v>108</v>
      </c>
    </row>
    <row r="61" spans="1:4" ht="18" customHeight="1" x14ac:dyDescent="0.15">
      <c r="A61" s="5">
        <v>46</v>
      </c>
      <c r="B61" s="22">
        <v>68</v>
      </c>
      <c r="C61" s="14">
        <v>57</v>
      </c>
      <c r="D61" s="18">
        <v>125</v>
      </c>
    </row>
    <row r="62" spans="1:4" ht="18" customHeight="1" x14ac:dyDescent="0.15">
      <c r="A62" s="5">
        <v>47</v>
      </c>
      <c r="B62" s="22">
        <v>77</v>
      </c>
      <c r="C62" s="14">
        <v>68</v>
      </c>
      <c r="D62" s="18">
        <v>145</v>
      </c>
    </row>
    <row r="63" spans="1:4" ht="18" customHeight="1" x14ac:dyDescent="0.15">
      <c r="A63" s="5">
        <v>48</v>
      </c>
      <c r="B63" s="22">
        <v>64</v>
      </c>
      <c r="C63" s="14">
        <v>61</v>
      </c>
      <c r="D63" s="18">
        <v>125</v>
      </c>
    </row>
    <row r="64" spans="1:4" ht="18" customHeight="1" x14ac:dyDescent="0.15">
      <c r="A64" s="5">
        <v>49</v>
      </c>
      <c r="B64" s="22">
        <v>62</v>
      </c>
      <c r="C64" s="14">
        <v>59</v>
      </c>
      <c r="D64" s="18">
        <v>121</v>
      </c>
    </row>
    <row r="65" spans="1:4" ht="18" customHeight="1" x14ac:dyDescent="0.15">
      <c r="A65" s="5" t="s">
        <v>17</v>
      </c>
      <c r="B65" s="22">
        <v>334</v>
      </c>
      <c r="C65" s="14">
        <v>290</v>
      </c>
      <c r="D65" s="18">
        <v>624</v>
      </c>
    </row>
    <row r="66" spans="1:4" ht="18" customHeight="1" x14ac:dyDescent="0.15">
      <c r="A66" s="5">
        <v>50</v>
      </c>
      <c r="B66" s="22">
        <v>78</v>
      </c>
      <c r="C66" s="14">
        <v>57</v>
      </c>
      <c r="D66" s="18">
        <v>135</v>
      </c>
    </row>
    <row r="67" spans="1:4" ht="18" customHeight="1" x14ac:dyDescent="0.15">
      <c r="A67" s="5">
        <v>51</v>
      </c>
      <c r="B67" s="22">
        <v>74</v>
      </c>
      <c r="C67" s="14">
        <v>79</v>
      </c>
      <c r="D67" s="18">
        <v>153</v>
      </c>
    </row>
    <row r="68" spans="1:4" ht="18" customHeight="1" x14ac:dyDescent="0.15">
      <c r="A68" s="5">
        <v>52</v>
      </c>
      <c r="B68" s="22">
        <v>88</v>
      </c>
      <c r="C68" s="14">
        <v>86</v>
      </c>
      <c r="D68" s="18">
        <v>174</v>
      </c>
    </row>
    <row r="69" spans="1:4" ht="18" customHeight="1" x14ac:dyDescent="0.15">
      <c r="A69" s="5">
        <v>53</v>
      </c>
      <c r="B69" s="22">
        <v>90</v>
      </c>
      <c r="C69" s="14">
        <v>84</v>
      </c>
      <c r="D69" s="18">
        <v>174</v>
      </c>
    </row>
    <row r="70" spans="1:4" ht="18" customHeight="1" x14ac:dyDescent="0.15">
      <c r="A70" s="5">
        <v>54</v>
      </c>
      <c r="B70" s="22">
        <v>81</v>
      </c>
      <c r="C70" s="14">
        <v>68</v>
      </c>
      <c r="D70" s="18">
        <v>149</v>
      </c>
    </row>
    <row r="71" spans="1:4" ht="18" customHeight="1" x14ac:dyDescent="0.15">
      <c r="A71" s="5" t="s">
        <v>22</v>
      </c>
      <c r="B71" s="22">
        <v>411</v>
      </c>
      <c r="C71" s="14">
        <v>374</v>
      </c>
      <c r="D71" s="18">
        <v>785</v>
      </c>
    </row>
    <row r="72" spans="1:4" ht="18" customHeight="1" x14ac:dyDescent="0.15">
      <c r="A72" s="5">
        <v>55</v>
      </c>
      <c r="B72" s="22">
        <v>77</v>
      </c>
      <c r="C72" s="14">
        <v>65</v>
      </c>
      <c r="D72" s="18">
        <v>142</v>
      </c>
    </row>
    <row r="73" spans="1:4" ht="18" customHeight="1" x14ac:dyDescent="0.15">
      <c r="A73" s="5">
        <v>56</v>
      </c>
      <c r="B73" s="22">
        <v>67</v>
      </c>
      <c r="C73" s="14">
        <v>68</v>
      </c>
      <c r="D73" s="18">
        <v>135</v>
      </c>
    </row>
    <row r="74" spans="1:4" ht="18" customHeight="1" x14ac:dyDescent="0.15">
      <c r="A74" s="5">
        <v>57</v>
      </c>
      <c r="B74" s="22">
        <v>59</v>
      </c>
      <c r="C74" s="14">
        <v>71</v>
      </c>
      <c r="D74" s="18">
        <v>130</v>
      </c>
    </row>
    <row r="75" spans="1:4" ht="18" customHeight="1" x14ac:dyDescent="0.15">
      <c r="A75" s="5">
        <v>58</v>
      </c>
      <c r="B75" s="22">
        <v>61</v>
      </c>
      <c r="C75" s="14">
        <v>71</v>
      </c>
      <c r="D75" s="18">
        <v>132</v>
      </c>
    </row>
    <row r="76" spans="1:4" ht="18" customHeight="1" x14ac:dyDescent="0.15">
      <c r="A76" s="5">
        <v>59</v>
      </c>
      <c r="B76" s="22">
        <v>56</v>
      </c>
      <c r="C76" s="14">
        <v>48</v>
      </c>
      <c r="D76" s="18">
        <v>104</v>
      </c>
    </row>
    <row r="77" spans="1:4" ht="18" customHeight="1" x14ac:dyDescent="0.15">
      <c r="A77" s="5" t="s">
        <v>27</v>
      </c>
      <c r="B77" s="22">
        <v>320</v>
      </c>
      <c r="C77" s="14">
        <v>323</v>
      </c>
      <c r="D77" s="18">
        <v>643</v>
      </c>
    </row>
    <row r="78" spans="1:4" ht="18" customHeight="1" x14ac:dyDescent="0.15">
      <c r="A78" s="5">
        <v>60</v>
      </c>
      <c r="B78" s="22">
        <v>57</v>
      </c>
      <c r="C78" s="14">
        <v>38</v>
      </c>
      <c r="D78" s="18">
        <v>95</v>
      </c>
    </row>
    <row r="79" spans="1:4" ht="18" customHeight="1" x14ac:dyDescent="0.15">
      <c r="A79" s="5">
        <v>61</v>
      </c>
      <c r="B79" s="22">
        <v>58</v>
      </c>
      <c r="C79" s="14">
        <v>52</v>
      </c>
      <c r="D79" s="18">
        <v>110</v>
      </c>
    </row>
    <row r="80" spans="1:4" ht="18" customHeight="1" x14ac:dyDescent="0.15">
      <c r="A80" s="5">
        <v>62</v>
      </c>
      <c r="B80" s="22">
        <v>54</v>
      </c>
      <c r="C80" s="14">
        <v>47</v>
      </c>
      <c r="D80" s="18">
        <v>101</v>
      </c>
    </row>
    <row r="81" spans="1:4" ht="18" customHeight="1" x14ac:dyDescent="0.15">
      <c r="A81" s="5">
        <v>63</v>
      </c>
      <c r="B81" s="22">
        <v>66</v>
      </c>
      <c r="C81" s="14">
        <v>54</v>
      </c>
      <c r="D81" s="18">
        <v>120</v>
      </c>
    </row>
    <row r="82" spans="1:4" ht="18" customHeight="1" x14ac:dyDescent="0.15">
      <c r="A82" s="5">
        <v>64</v>
      </c>
      <c r="B82" s="22">
        <v>46</v>
      </c>
      <c r="C82" s="14">
        <v>57</v>
      </c>
      <c r="D82" s="18">
        <v>103</v>
      </c>
    </row>
    <row r="83" spans="1:4" ht="18" customHeight="1" x14ac:dyDescent="0.15">
      <c r="A83" s="5" t="s">
        <v>28</v>
      </c>
      <c r="B83" s="22">
        <v>281</v>
      </c>
      <c r="C83" s="14">
        <v>248</v>
      </c>
      <c r="D83" s="18">
        <v>529</v>
      </c>
    </row>
    <row r="84" spans="1:4" ht="18" customHeight="1" x14ac:dyDescent="0.15">
      <c r="A84" s="5" t="s">
        <v>31</v>
      </c>
      <c r="B84" s="22">
        <v>3812</v>
      </c>
      <c r="C84" s="14">
        <v>3023</v>
      </c>
      <c r="D84" s="18">
        <v>6835</v>
      </c>
    </row>
    <row r="85" spans="1:4" ht="18" customHeight="1" x14ac:dyDescent="0.15">
      <c r="A85" s="5">
        <v>65</v>
      </c>
      <c r="B85" s="22">
        <v>54</v>
      </c>
      <c r="C85" s="14">
        <v>52</v>
      </c>
      <c r="D85" s="18">
        <v>106</v>
      </c>
    </row>
    <row r="86" spans="1:4" ht="18" customHeight="1" x14ac:dyDescent="0.15">
      <c r="A86" s="5">
        <v>66</v>
      </c>
      <c r="B86" s="22">
        <v>49</v>
      </c>
      <c r="C86" s="14">
        <v>55</v>
      </c>
      <c r="D86" s="18">
        <v>104</v>
      </c>
    </row>
    <row r="87" spans="1:4" ht="18" customHeight="1" x14ac:dyDescent="0.15">
      <c r="A87" s="5">
        <v>67</v>
      </c>
      <c r="B87" s="22">
        <v>53</v>
      </c>
      <c r="C87" s="14">
        <v>48</v>
      </c>
      <c r="D87" s="18">
        <v>101</v>
      </c>
    </row>
    <row r="88" spans="1:4" ht="18" customHeight="1" x14ac:dyDescent="0.15">
      <c r="A88" s="5">
        <v>68</v>
      </c>
      <c r="B88" s="22">
        <v>43</v>
      </c>
      <c r="C88" s="14">
        <v>32</v>
      </c>
      <c r="D88" s="18">
        <v>75</v>
      </c>
    </row>
    <row r="89" spans="1:4" ht="18" customHeight="1" x14ac:dyDescent="0.15">
      <c r="A89" s="5">
        <v>69</v>
      </c>
      <c r="B89" s="22">
        <v>53</v>
      </c>
      <c r="C89" s="14">
        <v>45</v>
      </c>
      <c r="D89" s="18">
        <v>98</v>
      </c>
    </row>
    <row r="90" spans="1:4" ht="18" customHeight="1" x14ac:dyDescent="0.15">
      <c r="A90" s="5" t="s">
        <v>20</v>
      </c>
      <c r="B90" s="22">
        <v>252</v>
      </c>
      <c r="C90" s="14">
        <v>232</v>
      </c>
      <c r="D90" s="18">
        <v>484</v>
      </c>
    </row>
    <row r="91" spans="1:4" ht="18" customHeight="1" x14ac:dyDescent="0.15">
      <c r="A91" s="5">
        <v>70</v>
      </c>
      <c r="B91" s="22">
        <v>39</v>
      </c>
      <c r="C91" s="14">
        <v>49</v>
      </c>
      <c r="D91" s="18">
        <v>88</v>
      </c>
    </row>
    <row r="92" spans="1:4" ht="18" customHeight="1" x14ac:dyDescent="0.15">
      <c r="A92" s="5">
        <v>71</v>
      </c>
      <c r="B92" s="22">
        <v>36</v>
      </c>
      <c r="C92" s="14">
        <v>44</v>
      </c>
      <c r="D92" s="18">
        <v>80</v>
      </c>
    </row>
    <row r="93" spans="1:4" ht="18" customHeight="1" x14ac:dyDescent="0.15">
      <c r="A93" s="5">
        <v>72</v>
      </c>
      <c r="B93" s="22">
        <v>45</v>
      </c>
      <c r="C93" s="14">
        <v>49</v>
      </c>
      <c r="D93" s="18">
        <v>94</v>
      </c>
    </row>
    <row r="94" spans="1:4" ht="18" customHeight="1" x14ac:dyDescent="0.15">
      <c r="A94" s="5">
        <v>73</v>
      </c>
      <c r="B94" s="22">
        <v>41</v>
      </c>
      <c r="C94" s="14">
        <v>55</v>
      </c>
      <c r="D94" s="18">
        <v>96</v>
      </c>
    </row>
    <row r="95" spans="1:4" ht="18" customHeight="1" x14ac:dyDescent="0.15">
      <c r="A95" s="5">
        <v>74</v>
      </c>
      <c r="B95" s="22">
        <v>49</v>
      </c>
      <c r="C95" s="14">
        <v>58</v>
      </c>
      <c r="D95" s="18">
        <v>107</v>
      </c>
    </row>
    <row r="96" spans="1:4" ht="18" customHeight="1" x14ac:dyDescent="0.15">
      <c r="A96" s="5" t="s">
        <v>33</v>
      </c>
      <c r="B96" s="22">
        <v>210</v>
      </c>
      <c r="C96" s="14">
        <v>255</v>
      </c>
      <c r="D96" s="18">
        <v>465</v>
      </c>
    </row>
    <row r="97" spans="1:4" ht="18" customHeight="1" x14ac:dyDescent="0.15">
      <c r="A97" s="5">
        <v>75</v>
      </c>
      <c r="B97" s="22">
        <v>46</v>
      </c>
      <c r="C97" s="14">
        <v>51</v>
      </c>
      <c r="D97" s="18">
        <v>97</v>
      </c>
    </row>
    <row r="98" spans="1:4" ht="18" customHeight="1" x14ac:dyDescent="0.15">
      <c r="A98" s="5">
        <v>76</v>
      </c>
      <c r="B98" s="22">
        <v>65</v>
      </c>
      <c r="C98" s="14">
        <v>71</v>
      </c>
      <c r="D98" s="18">
        <v>136</v>
      </c>
    </row>
    <row r="99" spans="1:4" ht="18" customHeight="1" x14ac:dyDescent="0.15">
      <c r="A99" s="5">
        <v>77</v>
      </c>
      <c r="B99" s="22">
        <v>63</v>
      </c>
      <c r="C99" s="14">
        <v>74</v>
      </c>
      <c r="D99" s="18">
        <v>137</v>
      </c>
    </row>
    <row r="100" spans="1:4" ht="18" customHeight="1" x14ac:dyDescent="0.15">
      <c r="A100" s="5">
        <v>78</v>
      </c>
      <c r="B100" s="22">
        <v>77</v>
      </c>
      <c r="C100" s="14">
        <v>77</v>
      </c>
      <c r="D100" s="18">
        <v>154</v>
      </c>
    </row>
    <row r="101" spans="1:4" ht="18" customHeight="1" x14ac:dyDescent="0.15">
      <c r="A101" s="5">
        <v>79</v>
      </c>
      <c r="B101" s="22">
        <v>45</v>
      </c>
      <c r="C101" s="14">
        <v>49</v>
      </c>
      <c r="D101" s="18">
        <v>94</v>
      </c>
    </row>
    <row r="102" spans="1:4" ht="18" customHeight="1" x14ac:dyDescent="0.15">
      <c r="A102" s="5" t="s">
        <v>0</v>
      </c>
      <c r="B102" s="22">
        <v>296</v>
      </c>
      <c r="C102" s="14">
        <v>322</v>
      </c>
      <c r="D102" s="18">
        <v>618</v>
      </c>
    </row>
    <row r="103" spans="1:4" ht="18" customHeight="1" x14ac:dyDescent="0.15">
      <c r="A103" s="5">
        <v>80</v>
      </c>
      <c r="B103" s="22">
        <v>37</v>
      </c>
      <c r="C103" s="14">
        <v>30</v>
      </c>
      <c r="D103" s="18">
        <v>67</v>
      </c>
    </row>
    <row r="104" spans="1:4" ht="18" customHeight="1" x14ac:dyDescent="0.15">
      <c r="A104" s="5">
        <v>81</v>
      </c>
      <c r="B104" s="22">
        <v>36</v>
      </c>
      <c r="C104" s="14">
        <v>59</v>
      </c>
      <c r="D104" s="18">
        <v>95</v>
      </c>
    </row>
    <row r="105" spans="1:4" ht="18" customHeight="1" x14ac:dyDescent="0.15">
      <c r="A105" s="5">
        <v>82</v>
      </c>
      <c r="B105" s="22">
        <v>32</v>
      </c>
      <c r="C105" s="14">
        <v>43</v>
      </c>
      <c r="D105" s="18">
        <v>75</v>
      </c>
    </row>
    <row r="106" spans="1:4" ht="18" customHeight="1" x14ac:dyDescent="0.15">
      <c r="A106" s="5">
        <v>83</v>
      </c>
      <c r="B106" s="22">
        <v>31</v>
      </c>
      <c r="C106" s="14">
        <v>42</v>
      </c>
      <c r="D106" s="18">
        <v>73</v>
      </c>
    </row>
    <row r="107" spans="1:4" ht="18" customHeight="1" x14ac:dyDescent="0.15">
      <c r="A107" s="5">
        <v>84</v>
      </c>
      <c r="B107" s="22">
        <v>39</v>
      </c>
      <c r="C107" s="14">
        <v>36</v>
      </c>
      <c r="D107" s="18">
        <v>75</v>
      </c>
    </row>
    <row r="108" spans="1:4" ht="18" customHeight="1" x14ac:dyDescent="0.15">
      <c r="A108" s="5" t="s">
        <v>35</v>
      </c>
      <c r="B108" s="22">
        <v>175</v>
      </c>
      <c r="C108" s="14">
        <v>210</v>
      </c>
      <c r="D108" s="18">
        <v>385</v>
      </c>
    </row>
    <row r="109" spans="1:4" ht="18" customHeight="1" x14ac:dyDescent="0.15">
      <c r="A109" s="5">
        <v>85</v>
      </c>
      <c r="B109" s="22">
        <v>20</v>
      </c>
      <c r="C109" s="14">
        <v>34</v>
      </c>
      <c r="D109" s="18">
        <v>54</v>
      </c>
    </row>
    <row r="110" spans="1:4" ht="18" customHeight="1" x14ac:dyDescent="0.15">
      <c r="A110" s="5">
        <v>86</v>
      </c>
      <c r="B110" s="22">
        <v>19</v>
      </c>
      <c r="C110" s="14">
        <v>24</v>
      </c>
      <c r="D110" s="18">
        <v>43</v>
      </c>
    </row>
    <row r="111" spans="1:4" ht="18" customHeight="1" x14ac:dyDescent="0.15">
      <c r="A111" s="5">
        <v>87</v>
      </c>
      <c r="B111" s="22">
        <v>7</v>
      </c>
      <c r="C111" s="14">
        <v>33</v>
      </c>
      <c r="D111" s="18">
        <v>40</v>
      </c>
    </row>
    <row r="112" spans="1:4" ht="18" customHeight="1" x14ac:dyDescent="0.15">
      <c r="A112" s="5">
        <v>88</v>
      </c>
      <c r="B112" s="22">
        <v>9</v>
      </c>
      <c r="C112" s="14">
        <v>30</v>
      </c>
      <c r="D112" s="18">
        <v>39</v>
      </c>
    </row>
    <row r="113" spans="1:4" ht="18" customHeight="1" x14ac:dyDescent="0.15">
      <c r="A113" s="5">
        <v>89</v>
      </c>
      <c r="B113" s="22">
        <v>13</v>
      </c>
      <c r="C113" s="14">
        <v>36</v>
      </c>
      <c r="D113" s="18">
        <v>49</v>
      </c>
    </row>
    <row r="114" spans="1:4" ht="18" customHeight="1" x14ac:dyDescent="0.15">
      <c r="A114" s="5" t="s">
        <v>37</v>
      </c>
      <c r="B114" s="22">
        <v>68</v>
      </c>
      <c r="C114" s="14">
        <v>157</v>
      </c>
      <c r="D114" s="18">
        <v>225</v>
      </c>
    </row>
    <row r="115" spans="1:4" ht="18" customHeight="1" x14ac:dyDescent="0.15">
      <c r="A115" s="5">
        <v>90</v>
      </c>
      <c r="B115" s="22">
        <v>3</v>
      </c>
      <c r="C115" s="14">
        <v>30</v>
      </c>
      <c r="D115" s="18">
        <v>33</v>
      </c>
    </row>
    <row r="116" spans="1:4" ht="18" customHeight="1" x14ac:dyDescent="0.15">
      <c r="A116" s="5">
        <v>91</v>
      </c>
      <c r="B116" s="22">
        <v>3</v>
      </c>
      <c r="C116" s="14">
        <v>20</v>
      </c>
      <c r="D116" s="18">
        <v>23</v>
      </c>
    </row>
    <row r="117" spans="1:4" ht="18" customHeight="1" x14ac:dyDescent="0.15">
      <c r="A117" s="5">
        <v>92</v>
      </c>
      <c r="B117" s="22">
        <v>5</v>
      </c>
      <c r="C117" s="14">
        <v>29</v>
      </c>
      <c r="D117" s="18">
        <v>34</v>
      </c>
    </row>
    <row r="118" spans="1:4" ht="18" customHeight="1" x14ac:dyDescent="0.15">
      <c r="A118" s="5">
        <v>93</v>
      </c>
      <c r="B118" s="22">
        <v>8</v>
      </c>
      <c r="C118" s="14">
        <v>21</v>
      </c>
      <c r="D118" s="18">
        <v>29</v>
      </c>
    </row>
    <row r="119" spans="1:4" ht="18" customHeight="1" x14ac:dyDescent="0.15">
      <c r="A119" s="5">
        <v>94</v>
      </c>
      <c r="B119" s="22">
        <v>4</v>
      </c>
      <c r="C119" s="14">
        <v>9</v>
      </c>
      <c r="D119" s="18">
        <v>13</v>
      </c>
    </row>
    <row r="120" spans="1:4" ht="18" customHeight="1" x14ac:dyDescent="0.15">
      <c r="A120" s="5" t="s">
        <v>39</v>
      </c>
      <c r="B120" s="22">
        <v>23</v>
      </c>
      <c r="C120" s="14">
        <v>109</v>
      </c>
      <c r="D120" s="18">
        <v>132</v>
      </c>
    </row>
    <row r="121" spans="1:4" ht="18" customHeight="1" x14ac:dyDescent="0.15">
      <c r="A121" s="5">
        <v>95</v>
      </c>
      <c r="B121" s="22">
        <v>3</v>
      </c>
      <c r="C121" s="14">
        <v>8</v>
      </c>
      <c r="D121" s="18">
        <v>11</v>
      </c>
    </row>
    <row r="122" spans="1:4" ht="18" customHeight="1" x14ac:dyDescent="0.15">
      <c r="A122" s="5">
        <v>96</v>
      </c>
      <c r="B122" s="22">
        <v>4</v>
      </c>
      <c r="C122" s="14">
        <v>6</v>
      </c>
      <c r="D122" s="18">
        <v>10</v>
      </c>
    </row>
    <row r="123" spans="1:4" ht="18" customHeight="1" x14ac:dyDescent="0.15">
      <c r="A123" s="5">
        <v>97</v>
      </c>
      <c r="B123" s="22">
        <v>0</v>
      </c>
      <c r="C123" s="14">
        <v>5</v>
      </c>
      <c r="D123" s="18">
        <v>5</v>
      </c>
    </row>
    <row r="124" spans="1:4" ht="18" customHeight="1" x14ac:dyDescent="0.15">
      <c r="A124" s="5">
        <v>98</v>
      </c>
      <c r="B124" s="22">
        <v>2</v>
      </c>
      <c r="C124" s="14">
        <v>4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9</v>
      </c>
      <c r="C126" s="14">
        <v>25</v>
      </c>
      <c r="D126" s="18">
        <v>34</v>
      </c>
    </row>
    <row r="127" spans="1:4" ht="18" customHeight="1" x14ac:dyDescent="0.15">
      <c r="A127" s="5">
        <v>100</v>
      </c>
      <c r="B127" s="22">
        <v>0</v>
      </c>
      <c r="C127" s="14">
        <v>5</v>
      </c>
      <c r="D127" s="18">
        <v>5</v>
      </c>
    </row>
    <row r="128" spans="1:4" ht="18" customHeight="1" x14ac:dyDescent="0.15">
      <c r="A128" s="6" t="s">
        <v>43</v>
      </c>
      <c r="B128" s="22">
        <v>1</v>
      </c>
      <c r="C128" s="14">
        <v>6</v>
      </c>
      <c r="D128" s="18">
        <v>7</v>
      </c>
    </row>
    <row r="129" spans="1:4" ht="18" customHeight="1" x14ac:dyDescent="0.15">
      <c r="A129" s="5" t="s">
        <v>44</v>
      </c>
      <c r="B129" s="22">
        <v>1</v>
      </c>
      <c r="C129" s="14">
        <v>11</v>
      </c>
      <c r="D129" s="18">
        <v>12</v>
      </c>
    </row>
    <row r="130" spans="1:4" ht="18" customHeight="1" x14ac:dyDescent="0.15">
      <c r="A130" s="5" t="s">
        <v>46</v>
      </c>
      <c r="B130" s="22">
        <v>1034</v>
      </c>
      <c r="C130" s="14">
        <v>1321</v>
      </c>
      <c r="D130" s="18">
        <v>2355</v>
      </c>
    </row>
    <row r="131" spans="1:4" ht="18" customHeight="1" x14ac:dyDescent="0.15">
      <c r="A131" s="7" t="s">
        <v>45</v>
      </c>
      <c r="B131" s="23">
        <v>5295</v>
      </c>
      <c r="C131" s="15">
        <v>4803</v>
      </c>
      <c r="D131" s="19">
        <v>1009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5</v>
      </c>
      <c r="C5" s="13">
        <v>7</v>
      </c>
      <c r="D5" s="17">
        <v>22</v>
      </c>
    </row>
    <row r="6" spans="1:4" ht="18" customHeight="1" x14ac:dyDescent="0.15">
      <c r="A6" s="5">
        <v>1</v>
      </c>
      <c r="B6" s="22">
        <v>8</v>
      </c>
      <c r="C6" s="14">
        <v>11</v>
      </c>
      <c r="D6" s="18">
        <v>19</v>
      </c>
    </row>
    <row r="7" spans="1:4" ht="18" customHeight="1" x14ac:dyDescent="0.15">
      <c r="A7" s="5">
        <v>2</v>
      </c>
      <c r="B7" s="22">
        <v>8</v>
      </c>
      <c r="C7" s="14">
        <v>13</v>
      </c>
      <c r="D7" s="18">
        <v>21</v>
      </c>
    </row>
    <row r="8" spans="1:4" ht="18" customHeight="1" x14ac:dyDescent="0.15">
      <c r="A8" s="5">
        <v>3</v>
      </c>
      <c r="B8" s="22">
        <v>5</v>
      </c>
      <c r="C8" s="14">
        <v>15</v>
      </c>
      <c r="D8" s="18">
        <v>20</v>
      </c>
    </row>
    <row r="9" spans="1:4" ht="18" customHeight="1" x14ac:dyDescent="0.15">
      <c r="A9" s="5">
        <v>4</v>
      </c>
      <c r="B9" s="22">
        <v>14</v>
      </c>
      <c r="C9" s="14">
        <v>13</v>
      </c>
      <c r="D9" s="18">
        <v>27</v>
      </c>
    </row>
    <row r="10" spans="1:4" ht="18" customHeight="1" x14ac:dyDescent="0.15">
      <c r="A10" s="5" t="s">
        <v>7</v>
      </c>
      <c r="B10" s="22">
        <v>50</v>
      </c>
      <c r="C10" s="14">
        <v>59</v>
      </c>
      <c r="D10" s="18">
        <v>109</v>
      </c>
    </row>
    <row r="11" spans="1:4" ht="18" customHeight="1" x14ac:dyDescent="0.15">
      <c r="A11" s="5">
        <v>5</v>
      </c>
      <c r="B11" s="22">
        <v>16</v>
      </c>
      <c r="C11" s="14">
        <v>12</v>
      </c>
      <c r="D11" s="18">
        <v>28</v>
      </c>
    </row>
    <row r="12" spans="1:4" ht="18" customHeight="1" x14ac:dyDescent="0.15">
      <c r="A12" s="5">
        <v>6</v>
      </c>
      <c r="B12" s="22">
        <v>7</v>
      </c>
      <c r="C12" s="14">
        <v>12</v>
      </c>
      <c r="D12" s="18">
        <v>19</v>
      </c>
    </row>
    <row r="13" spans="1:4" ht="18" customHeight="1" x14ac:dyDescent="0.15">
      <c r="A13" s="5">
        <v>7</v>
      </c>
      <c r="B13" s="22">
        <v>14</v>
      </c>
      <c r="C13" s="14">
        <v>14</v>
      </c>
      <c r="D13" s="18">
        <v>28</v>
      </c>
    </row>
    <row r="14" spans="1:4" ht="18" customHeight="1" x14ac:dyDescent="0.15">
      <c r="A14" s="5">
        <v>8</v>
      </c>
      <c r="B14" s="22">
        <v>9</v>
      </c>
      <c r="C14" s="14">
        <v>16</v>
      </c>
      <c r="D14" s="18">
        <v>25</v>
      </c>
    </row>
    <row r="15" spans="1:4" ht="18" customHeight="1" x14ac:dyDescent="0.15">
      <c r="A15" s="5">
        <v>9</v>
      </c>
      <c r="B15" s="22">
        <v>14</v>
      </c>
      <c r="C15" s="14">
        <v>14</v>
      </c>
      <c r="D15" s="18">
        <v>28</v>
      </c>
    </row>
    <row r="16" spans="1:4" ht="18" customHeight="1" x14ac:dyDescent="0.15">
      <c r="A16" s="5" t="s">
        <v>11</v>
      </c>
      <c r="B16" s="22">
        <v>60</v>
      </c>
      <c r="C16" s="14">
        <v>68</v>
      </c>
      <c r="D16" s="18">
        <v>128</v>
      </c>
    </row>
    <row r="17" spans="1:4" ht="18" customHeight="1" x14ac:dyDescent="0.15">
      <c r="A17" s="5">
        <v>10</v>
      </c>
      <c r="B17" s="22">
        <v>10</v>
      </c>
      <c r="C17" s="14">
        <v>20</v>
      </c>
      <c r="D17" s="18">
        <v>30</v>
      </c>
    </row>
    <row r="18" spans="1:4" ht="18" customHeight="1" x14ac:dyDescent="0.15">
      <c r="A18" s="5">
        <v>11</v>
      </c>
      <c r="B18" s="22">
        <v>19</v>
      </c>
      <c r="C18" s="14">
        <v>8</v>
      </c>
      <c r="D18" s="18">
        <v>27</v>
      </c>
    </row>
    <row r="19" spans="1:4" ht="18" customHeight="1" x14ac:dyDescent="0.15">
      <c r="A19" s="5">
        <v>12</v>
      </c>
      <c r="B19" s="22">
        <v>10</v>
      </c>
      <c r="C19" s="14">
        <v>17</v>
      </c>
      <c r="D19" s="18">
        <v>27</v>
      </c>
    </row>
    <row r="20" spans="1:4" ht="18" customHeight="1" x14ac:dyDescent="0.15">
      <c r="A20" s="5">
        <v>13</v>
      </c>
      <c r="B20" s="22">
        <v>20</v>
      </c>
      <c r="C20" s="14">
        <v>21</v>
      </c>
      <c r="D20" s="18">
        <v>41</v>
      </c>
    </row>
    <row r="21" spans="1:4" ht="18" customHeight="1" x14ac:dyDescent="0.15">
      <c r="A21" s="5">
        <v>14</v>
      </c>
      <c r="B21" s="22">
        <v>14</v>
      </c>
      <c r="C21" s="14">
        <v>17</v>
      </c>
      <c r="D21" s="18">
        <v>31</v>
      </c>
    </row>
    <row r="22" spans="1:4" ht="18" customHeight="1" x14ac:dyDescent="0.15">
      <c r="A22" s="5" t="s">
        <v>12</v>
      </c>
      <c r="B22" s="22">
        <v>73</v>
      </c>
      <c r="C22" s="14">
        <v>83</v>
      </c>
      <c r="D22" s="18">
        <v>156</v>
      </c>
    </row>
    <row r="23" spans="1:4" ht="18" customHeight="1" x14ac:dyDescent="0.15">
      <c r="A23" s="5" t="s">
        <v>6</v>
      </c>
      <c r="B23" s="22">
        <v>183</v>
      </c>
      <c r="C23" s="14">
        <v>210</v>
      </c>
      <c r="D23" s="18">
        <v>393</v>
      </c>
    </row>
    <row r="24" spans="1:4" ht="18" customHeight="1" x14ac:dyDescent="0.15">
      <c r="A24" s="5">
        <v>15</v>
      </c>
      <c r="B24" s="22">
        <v>15</v>
      </c>
      <c r="C24" s="14">
        <v>14</v>
      </c>
      <c r="D24" s="18">
        <v>29</v>
      </c>
    </row>
    <row r="25" spans="1:4" ht="18" customHeight="1" x14ac:dyDescent="0.15">
      <c r="A25" s="5">
        <v>16</v>
      </c>
      <c r="B25" s="22">
        <v>14</v>
      </c>
      <c r="C25" s="14">
        <v>19</v>
      </c>
      <c r="D25" s="18">
        <v>33</v>
      </c>
    </row>
    <row r="26" spans="1:4" ht="18" customHeight="1" x14ac:dyDescent="0.15">
      <c r="A26" s="5">
        <v>17</v>
      </c>
      <c r="B26" s="22">
        <v>18</v>
      </c>
      <c r="C26" s="14">
        <v>17</v>
      </c>
      <c r="D26" s="18">
        <v>35</v>
      </c>
    </row>
    <row r="27" spans="1:4" ht="18" customHeight="1" x14ac:dyDescent="0.15">
      <c r="A27" s="5">
        <v>18</v>
      </c>
      <c r="B27" s="22">
        <v>27</v>
      </c>
      <c r="C27" s="14">
        <v>16</v>
      </c>
      <c r="D27" s="18">
        <v>43</v>
      </c>
    </row>
    <row r="28" spans="1:4" ht="18" customHeight="1" x14ac:dyDescent="0.15">
      <c r="A28" s="5">
        <v>19</v>
      </c>
      <c r="B28" s="22">
        <v>19</v>
      </c>
      <c r="C28" s="14">
        <v>21</v>
      </c>
      <c r="D28" s="18">
        <v>40</v>
      </c>
    </row>
    <row r="29" spans="1:4" ht="18" customHeight="1" x14ac:dyDescent="0.15">
      <c r="A29" s="5" t="s">
        <v>14</v>
      </c>
      <c r="B29" s="22">
        <v>93</v>
      </c>
      <c r="C29" s="14">
        <v>87</v>
      </c>
      <c r="D29" s="18">
        <v>180</v>
      </c>
    </row>
    <row r="30" spans="1:4" ht="18" customHeight="1" x14ac:dyDescent="0.15">
      <c r="A30" s="5">
        <v>20</v>
      </c>
      <c r="B30" s="22">
        <v>14</v>
      </c>
      <c r="C30" s="14">
        <v>20</v>
      </c>
      <c r="D30" s="18">
        <v>34</v>
      </c>
    </row>
    <row r="31" spans="1:4" ht="18" customHeight="1" x14ac:dyDescent="0.15">
      <c r="A31" s="5">
        <v>21</v>
      </c>
      <c r="B31" s="22">
        <v>23</v>
      </c>
      <c r="C31" s="14">
        <v>20</v>
      </c>
      <c r="D31" s="18">
        <v>43</v>
      </c>
    </row>
    <row r="32" spans="1:4" ht="18" customHeight="1" x14ac:dyDescent="0.15">
      <c r="A32" s="5">
        <v>22</v>
      </c>
      <c r="B32" s="22">
        <v>23</v>
      </c>
      <c r="C32" s="14">
        <v>20</v>
      </c>
      <c r="D32" s="18">
        <v>43</v>
      </c>
    </row>
    <row r="33" spans="1:4" ht="18" customHeight="1" x14ac:dyDescent="0.15">
      <c r="A33" s="5">
        <v>23</v>
      </c>
      <c r="B33" s="22">
        <v>22</v>
      </c>
      <c r="C33" s="14">
        <v>22</v>
      </c>
      <c r="D33" s="18">
        <v>44</v>
      </c>
    </row>
    <row r="34" spans="1:4" ht="18" customHeight="1" x14ac:dyDescent="0.15">
      <c r="A34" s="5">
        <v>24</v>
      </c>
      <c r="B34" s="22">
        <v>19</v>
      </c>
      <c r="C34" s="14">
        <v>19</v>
      </c>
      <c r="D34" s="18">
        <v>38</v>
      </c>
    </row>
    <row r="35" spans="1:4" ht="18" customHeight="1" x14ac:dyDescent="0.15">
      <c r="A35" s="5" t="s">
        <v>9</v>
      </c>
      <c r="B35" s="22">
        <v>101</v>
      </c>
      <c r="C35" s="14">
        <v>101</v>
      </c>
      <c r="D35" s="18">
        <v>202</v>
      </c>
    </row>
    <row r="36" spans="1:4" ht="18" customHeight="1" x14ac:dyDescent="0.15">
      <c r="A36" s="5">
        <v>25</v>
      </c>
      <c r="B36" s="22">
        <v>25</v>
      </c>
      <c r="C36" s="14">
        <v>37</v>
      </c>
      <c r="D36" s="18">
        <v>62</v>
      </c>
    </row>
    <row r="37" spans="1:4" ht="18" customHeight="1" x14ac:dyDescent="0.15">
      <c r="A37" s="5">
        <v>26</v>
      </c>
      <c r="B37" s="22">
        <v>19</v>
      </c>
      <c r="C37" s="14">
        <v>23</v>
      </c>
      <c r="D37" s="18">
        <v>42</v>
      </c>
    </row>
    <row r="38" spans="1:4" ht="18" customHeight="1" x14ac:dyDescent="0.15">
      <c r="A38" s="5">
        <v>27</v>
      </c>
      <c r="B38" s="22">
        <v>17</v>
      </c>
      <c r="C38" s="14">
        <v>30</v>
      </c>
      <c r="D38" s="18">
        <v>47</v>
      </c>
    </row>
    <row r="39" spans="1:4" ht="18" customHeight="1" x14ac:dyDescent="0.15">
      <c r="A39" s="5">
        <v>28</v>
      </c>
      <c r="B39" s="22">
        <v>22</v>
      </c>
      <c r="C39" s="14">
        <v>24</v>
      </c>
      <c r="D39" s="18">
        <v>46</v>
      </c>
    </row>
    <row r="40" spans="1:4" ht="18" customHeight="1" x14ac:dyDescent="0.15">
      <c r="A40" s="5">
        <v>29</v>
      </c>
      <c r="B40" s="22">
        <v>24</v>
      </c>
      <c r="C40" s="14">
        <v>12</v>
      </c>
      <c r="D40" s="18">
        <v>36</v>
      </c>
    </row>
    <row r="41" spans="1:4" ht="18" customHeight="1" x14ac:dyDescent="0.15">
      <c r="A41" s="5" t="s">
        <v>2</v>
      </c>
      <c r="B41" s="22">
        <v>107</v>
      </c>
      <c r="C41" s="14">
        <v>126</v>
      </c>
      <c r="D41" s="18">
        <v>233</v>
      </c>
    </row>
    <row r="42" spans="1:4" ht="18" customHeight="1" x14ac:dyDescent="0.15">
      <c r="A42" s="5">
        <v>30</v>
      </c>
      <c r="B42" s="22">
        <v>21</v>
      </c>
      <c r="C42" s="14">
        <v>17</v>
      </c>
      <c r="D42" s="18">
        <v>38</v>
      </c>
    </row>
    <row r="43" spans="1:4" ht="18" customHeight="1" x14ac:dyDescent="0.15">
      <c r="A43" s="5">
        <v>31</v>
      </c>
      <c r="B43" s="22">
        <v>17</v>
      </c>
      <c r="C43" s="14">
        <v>26</v>
      </c>
      <c r="D43" s="18">
        <v>43</v>
      </c>
    </row>
    <row r="44" spans="1:4" ht="18" customHeight="1" x14ac:dyDescent="0.15">
      <c r="A44" s="5">
        <v>32</v>
      </c>
      <c r="B44" s="22">
        <v>13</v>
      </c>
      <c r="C44" s="14">
        <v>14</v>
      </c>
      <c r="D44" s="18">
        <v>27</v>
      </c>
    </row>
    <row r="45" spans="1:4" ht="18" customHeight="1" x14ac:dyDescent="0.15">
      <c r="A45" s="5">
        <v>33</v>
      </c>
      <c r="B45" s="22">
        <v>17</v>
      </c>
      <c r="C45" s="14">
        <v>12</v>
      </c>
      <c r="D45" s="18">
        <v>29</v>
      </c>
    </row>
    <row r="46" spans="1:4" ht="18" customHeight="1" x14ac:dyDescent="0.15">
      <c r="A46" s="5">
        <v>34</v>
      </c>
      <c r="B46" s="22">
        <v>20</v>
      </c>
      <c r="C46" s="14">
        <v>14</v>
      </c>
      <c r="D46" s="18">
        <v>34</v>
      </c>
    </row>
    <row r="47" spans="1:4" ht="18" customHeight="1" x14ac:dyDescent="0.15">
      <c r="A47" s="5" t="s">
        <v>15</v>
      </c>
      <c r="B47" s="22">
        <v>88</v>
      </c>
      <c r="C47" s="14">
        <v>83</v>
      </c>
      <c r="D47" s="18">
        <v>171</v>
      </c>
    </row>
    <row r="48" spans="1:4" ht="18" customHeight="1" x14ac:dyDescent="0.15">
      <c r="A48" s="5">
        <v>35</v>
      </c>
      <c r="B48" s="22">
        <v>21</v>
      </c>
      <c r="C48" s="14">
        <v>12</v>
      </c>
      <c r="D48" s="18">
        <v>33</v>
      </c>
    </row>
    <row r="49" spans="1:4" ht="18" customHeight="1" x14ac:dyDescent="0.15">
      <c r="A49" s="5">
        <v>36</v>
      </c>
      <c r="B49" s="22">
        <v>17</v>
      </c>
      <c r="C49" s="14">
        <v>19</v>
      </c>
      <c r="D49" s="18">
        <v>36</v>
      </c>
    </row>
    <row r="50" spans="1:4" ht="18" customHeight="1" x14ac:dyDescent="0.15">
      <c r="A50" s="5">
        <v>37</v>
      </c>
      <c r="B50" s="22">
        <v>21</v>
      </c>
      <c r="C50" s="14">
        <v>14</v>
      </c>
      <c r="D50" s="18">
        <v>35</v>
      </c>
    </row>
    <row r="51" spans="1:4" ht="18" customHeight="1" x14ac:dyDescent="0.15">
      <c r="A51" s="5">
        <v>38</v>
      </c>
      <c r="B51" s="22">
        <v>24</v>
      </c>
      <c r="C51" s="14">
        <v>10</v>
      </c>
      <c r="D51" s="18">
        <v>34</v>
      </c>
    </row>
    <row r="52" spans="1:4" ht="18" customHeight="1" x14ac:dyDescent="0.15">
      <c r="A52" s="5">
        <v>39</v>
      </c>
      <c r="B52" s="22">
        <v>13</v>
      </c>
      <c r="C52" s="14">
        <v>23</v>
      </c>
      <c r="D52" s="18">
        <v>36</v>
      </c>
    </row>
    <row r="53" spans="1:4" ht="18" customHeight="1" x14ac:dyDescent="0.15">
      <c r="A53" s="5" t="s">
        <v>18</v>
      </c>
      <c r="B53" s="22">
        <v>96</v>
      </c>
      <c r="C53" s="14">
        <v>78</v>
      </c>
      <c r="D53" s="18">
        <v>174</v>
      </c>
    </row>
    <row r="54" spans="1:4" ht="18" customHeight="1" x14ac:dyDescent="0.15">
      <c r="A54" s="5">
        <v>40</v>
      </c>
      <c r="B54" s="22">
        <v>20</v>
      </c>
      <c r="C54" s="14">
        <v>25</v>
      </c>
      <c r="D54" s="18">
        <v>45</v>
      </c>
    </row>
    <row r="55" spans="1:4" ht="18" customHeight="1" x14ac:dyDescent="0.15">
      <c r="A55" s="5">
        <v>41</v>
      </c>
      <c r="B55" s="22">
        <v>20</v>
      </c>
      <c r="C55" s="14">
        <v>22</v>
      </c>
      <c r="D55" s="18">
        <v>42</v>
      </c>
    </row>
    <row r="56" spans="1:4" ht="18" customHeight="1" x14ac:dyDescent="0.15">
      <c r="A56" s="5">
        <v>42</v>
      </c>
      <c r="B56" s="22">
        <v>23</v>
      </c>
      <c r="C56" s="14">
        <v>21</v>
      </c>
      <c r="D56" s="18">
        <v>44</v>
      </c>
    </row>
    <row r="57" spans="1:4" ht="18" customHeight="1" x14ac:dyDescent="0.15">
      <c r="A57" s="5">
        <v>43</v>
      </c>
      <c r="B57" s="22">
        <v>19</v>
      </c>
      <c r="C57" s="14">
        <v>18</v>
      </c>
      <c r="D57" s="18">
        <v>37</v>
      </c>
    </row>
    <row r="58" spans="1:4" ht="18" customHeight="1" x14ac:dyDescent="0.15">
      <c r="A58" s="5">
        <v>44</v>
      </c>
      <c r="B58" s="22">
        <v>16</v>
      </c>
      <c r="C58" s="14">
        <v>22</v>
      </c>
      <c r="D58" s="18">
        <v>38</v>
      </c>
    </row>
    <row r="59" spans="1:4" ht="18" customHeight="1" x14ac:dyDescent="0.15">
      <c r="A59" s="5" t="s">
        <v>21</v>
      </c>
      <c r="B59" s="22">
        <v>98</v>
      </c>
      <c r="C59" s="14">
        <v>108</v>
      </c>
      <c r="D59" s="18">
        <v>206</v>
      </c>
    </row>
    <row r="60" spans="1:4" ht="18" customHeight="1" x14ac:dyDescent="0.15">
      <c r="A60" s="5">
        <v>45</v>
      </c>
      <c r="B60" s="22">
        <v>24</v>
      </c>
      <c r="C60" s="14">
        <v>23</v>
      </c>
      <c r="D60" s="18">
        <v>47</v>
      </c>
    </row>
    <row r="61" spans="1:4" ht="18" customHeight="1" x14ac:dyDescent="0.15">
      <c r="A61" s="5">
        <v>46</v>
      </c>
      <c r="B61" s="22">
        <v>21</v>
      </c>
      <c r="C61" s="14">
        <v>28</v>
      </c>
      <c r="D61" s="18">
        <v>49</v>
      </c>
    </row>
    <row r="62" spans="1:4" ht="18" customHeight="1" x14ac:dyDescent="0.15">
      <c r="A62" s="5">
        <v>47</v>
      </c>
      <c r="B62" s="22">
        <v>27</v>
      </c>
      <c r="C62" s="14">
        <v>18</v>
      </c>
      <c r="D62" s="18">
        <v>45</v>
      </c>
    </row>
    <row r="63" spans="1:4" ht="18" customHeight="1" x14ac:dyDescent="0.15">
      <c r="A63" s="5">
        <v>48</v>
      </c>
      <c r="B63" s="22">
        <v>22</v>
      </c>
      <c r="C63" s="14">
        <v>30</v>
      </c>
      <c r="D63" s="18">
        <v>52</v>
      </c>
    </row>
    <row r="64" spans="1:4" ht="18" customHeight="1" x14ac:dyDescent="0.15">
      <c r="A64" s="5">
        <v>49</v>
      </c>
      <c r="B64" s="22">
        <v>35</v>
      </c>
      <c r="C64" s="14">
        <v>34</v>
      </c>
      <c r="D64" s="18">
        <v>69</v>
      </c>
    </row>
    <row r="65" spans="1:4" ht="18" customHeight="1" x14ac:dyDescent="0.15">
      <c r="A65" s="5" t="s">
        <v>17</v>
      </c>
      <c r="B65" s="22">
        <v>129</v>
      </c>
      <c r="C65" s="14">
        <v>133</v>
      </c>
      <c r="D65" s="18">
        <v>262</v>
      </c>
    </row>
    <row r="66" spans="1:4" ht="18" customHeight="1" x14ac:dyDescent="0.15">
      <c r="A66" s="5">
        <v>50</v>
      </c>
      <c r="B66" s="22">
        <v>25</v>
      </c>
      <c r="C66" s="14">
        <v>32</v>
      </c>
      <c r="D66" s="18">
        <v>57</v>
      </c>
    </row>
    <row r="67" spans="1:4" ht="18" customHeight="1" x14ac:dyDescent="0.15">
      <c r="A67" s="5">
        <v>51</v>
      </c>
      <c r="B67" s="22">
        <v>37</v>
      </c>
      <c r="C67" s="14">
        <v>38</v>
      </c>
      <c r="D67" s="18">
        <v>75</v>
      </c>
    </row>
    <row r="68" spans="1:4" ht="18" customHeight="1" x14ac:dyDescent="0.15">
      <c r="A68" s="5">
        <v>52</v>
      </c>
      <c r="B68" s="22">
        <v>37</v>
      </c>
      <c r="C68" s="14">
        <v>36</v>
      </c>
      <c r="D68" s="18">
        <v>73</v>
      </c>
    </row>
    <row r="69" spans="1:4" ht="18" customHeight="1" x14ac:dyDescent="0.15">
      <c r="A69" s="5">
        <v>53</v>
      </c>
      <c r="B69" s="22">
        <v>34</v>
      </c>
      <c r="C69" s="14">
        <v>44</v>
      </c>
      <c r="D69" s="18">
        <v>78</v>
      </c>
    </row>
    <row r="70" spans="1:4" ht="18" customHeight="1" x14ac:dyDescent="0.15">
      <c r="A70" s="5">
        <v>54</v>
      </c>
      <c r="B70" s="22">
        <v>33</v>
      </c>
      <c r="C70" s="14">
        <v>34</v>
      </c>
      <c r="D70" s="18">
        <v>67</v>
      </c>
    </row>
    <row r="71" spans="1:4" ht="18" customHeight="1" x14ac:dyDescent="0.15">
      <c r="A71" s="5" t="s">
        <v>22</v>
      </c>
      <c r="B71" s="22">
        <v>166</v>
      </c>
      <c r="C71" s="14">
        <v>184</v>
      </c>
      <c r="D71" s="18">
        <v>350</v>
      </c>
    </row>
    <row r="72" spans="1:4" ht="18" customHeight="1" x14ac:dyDescent="0.15">
      <c r="A72" s="5">
        <v>55</v>
      </c>
      <c r="B72" s="22">
        <v>26</v>
      </c>
      <c r="C72" s="14">
        <v>34</v>
      </c>
      <c r="D72" s="18">
        <v>60</v>
      </c>
    </row>
    <row r="73" spans="1:4" ht="18" customHeight="1" x14ac:dyDescent="0.15">
      <c r="A73" s="5">
        <v>56</v>
      </c>
      <c r="B73" s="22">
        <v>33</v>
      </c>
      <c r="C73" s="14">
        <v>31</v>
      </c>
      <c r="D73" s="18">
        <v>64</v>
      </c>
    </row>
    <row r="74" spans="1:4" ht="18" customHeight="1" x14ac:dyDescent="0.15">
      <c r="A74" s="5">
        <v>57</v>
      </c>
      <c r="B74" s="22">
        <v>23</v>
      </c>
      <c r="C74" s="14">
        <v>36</v>
      </c>
      <c r="D74" s="18">
        <v>59</v>
      </c>
    </row>
    <row r="75" spans="1:4" ht="18" customHeight="1" x14ac:dyDescent="0.15">
      <c r="A75" s="5">
        <v>58</v>
      </c>
      <c r="B75" s="22">
        <v>24</v>
      </c>
      <c r="C75" s="14">
        <v>26</v>
      </c>
      <c r="D75" s="18">
        <v>50</v>
      </c>
    </row>
    <row r="76" spans="1:4" ht="18" customHeight="1" x14ac:dyDescent="0.15">
      <c r="A76" s="5">
        <v>59</v>
      </c>
      <c r="B76" s="22">
        <v>41</v>
      </c>
      <c r="C76" s="14">
        <v>32</v>
      </c>
      <c r="D76" s="18">
        <v>73</v>
      </c>
    </row>
    <row r="77" spans="1:4" ht="18" customHeight="1" x14ac:dyDescent="0.15">
      <c r="A77" s="5" t="s">
        <v>27</v>
      </c>
      <c r="B77" s="22">
        <v>147</v>
      </c>
      <c r="C77" s="14">
        <v>159</v>
      </c>
      <c r="D77" s="18">
        <v>306</v>
      </c>
    </row>
    <row r="78" spans="1:4" ht="18" customHeight="1" x14ac:dyDescent="0.15">
      <c r="A78" s="5">
        <v>60</v>
      </c>
      <c r="B78" s="22">
        <v>31</v>
      </c>
      <c r="C78" s="14">
        <v>31</v>
      </c>
      <c r="D78" s="18">
        <v>62</v>
      </c>
    </row>
    <row r="79" spans="1:4" ht="18" customHeight="1" x14ac:dyDescent="0.15">
      <c r="A79" s="5">
        <v>61</v>
      </c>
      <c r="B79" s="22">
        <v>24</v>
      </c>
      <c r="C79" s="14">
        <v>36</v>
      </c>
      <c r="D79" s="18">
        <v>60</v>
      </c>
    </row>
    <row r="80" spans="1:4" ht="18" customHeight="1" x14ac:dyDescent="0.15">
      <c r="A80" s="5">
        <v>62</v>
      </c>
      <c r="B80" s="22">
        <v>27</v>
      </c>
      <c r="C80" s="14">
        <v>20</v>
      </c>
      <c r="D80" s="18">
        <v>47</v>
      </c>
    </row>
    <row r="81" spans="1:4" ht="18" customHeight="1" x14ac:dyDescent="0.15">
      <c r="A81" s="5">
        <v>63</v>
      </c>
      <c r="B81" s="22">
        <v>33</v>
      </c>
      <c r="C81" s="14">
        <v>20</v>
      </c>
      <c r="D81" s="18">
        <v>53</v>
      </c>
    </row>
    <row r="82" spans="1:4" ht="18" customHeight="1" x14ac:dyDescent="0.15">
      <c r="A82" s="5">
        <v>64</v>
      </c>
      <c r="B82" s="22">
        <v>19</v>
      </c>
      <c r="C82" s="14">
        <v>22</v>
      </c>
      <c r="D82" s="18">
        <v>41</v>
      </c>
    </row>
    <row r="83" spans="1:4" ht="18" customHeight="1" x14ac:dyDescent="0.15">
      <c r="A83" s="5" t="s">
        <v>28</v>
      </c>
      <c r="B83" s="22">
        <v>134</v>
      </c>
      <c r="C83" s="14">
        <v>129</v>
      </c>
      <c r="D83" s="18">
        <v>263</v>
      </c>
    </row>
    <row r="84" spans="1:4" ht="18" customHeight="1" x14ac:dyDescent="0.15">
      <c r="A84" s="5" t="s">
        <v>31</v>
      </c>
      <c r="B84" s="22">
        <v>1159</v>
      </c>
      <c r="C84" s="14">
        <v>1188</v>
      </c>
      <c r="D84" s="18">
        <v>2347</v>
      </c>
    </row>
    <row r="85" spans="1:4" ht="18" customHeight="1" x14ac:dyDescent="0.15">
      <c r="A85" s="5">
        <v>65</v>
      </c>
      <c r="B85" s="22">
        <v>34</v>
      </c>
      <c r="C85" s="14">
        <v>32</v>
      </c>
      <c r="D85" s="18">
        <v>66</v>
      </c>
    </row>
    <row r="86" spans="1:4" ht="18" customHeight="1" x14ac:dyDescent="0.15">
      <c r="A86" s="5">
        <v>66</v>
      </c>
      <c r="B86" s="22">
        <v>25</v>
      </c>
      <c r="C86" s="14">
        <v>19</v>
      </c>
      <c r="D86" s="18">
        <v>44</v>
      </c>
    </row>
    <row r="87" spans="1:4" ht="18" customHeight="1" x14ac:dyDescent="0.15">
      <c r="A87" s="5">
        <v>67</v>
      </c>
      <c r="B87" s="22">
        <v>19</v>
      </c>
      <c r="C87" s="14">
        <v>31</v>
      </c>
      <c r="D87" s="18">
        <v>50</v>
      </c>
    </row>
    <row r="88" spans="1:4" ht="18" customHeight="1" x14ac:dyDescent="0.15">
      <c r="A88" s="5">
        <v>68</v>
      </c>
      <c r="B88" s="22">
        <v>18</v>
      </c>
      <c r="C88" s="14">
        <v>23</v>
      </c>
      <c r="D88" s="18">
        <v>41</v>
      </c>
    </row>
    <row r="89" spans="1:4" ht="18" customHeight="1" x14ac:dyDescent="0.15">
      <c r="A89" s="5">
        <v>69</v>
      </c>
      <c r="B89" s="22">
        <v>16</v>
      </c>
      <c r="C89" s="14">
        <v>18</v>
      </c>
      <c r="D89" s="18">
        <v>34</v>
      </c>
    </row>
    <row r="90" spans="1:4" ht="18" customHeight="1" x14ac:dyDescent="0.15">
      <c r="A90" s="5" t="s">
        <v>20</v>
      </c>
      <c r="B90" s="22">
        <v>112</v>
      </c>
      <c r="C90" s="14">
        <v>123</v>
      </c>
      <c r="D90" s="18">
        <v>235</v>
      </c>
    </row>
    <row r="91" spans="1:4" ht="18" customHeight="1" x14ac:dyDescent="0.15">
      <c r="A91" s="5">
        <v>70</v>
      </c>
      <c r="B91" s="22">
        <v>20</v>
      </c>
      <c r="C91" s="14">
        <v>31</v>
      </c>
      <c r="D91" s="18">
        <v>51</v>
      </c>
    </row>
    <row r="92" spans="1:4" ht="18" customHeight="1" x14ac:dyDescent="0.15">
      <c r="A92" s="5">
        <v>71</v>
      </c>
      <c r="B92" s="22">
        <v>21</v>
      </c>
      <c r="C92" s="14">
        <v>22</v>
      </c>
      <c r="D92" s="18">
        <v>43</v>
      </c>
    </row>
    <row r="93" spans="1:4" ht="18" customHeight="1" x14ac:dyDescent="0.15">
      <c r="A93" s="5">
        <v>72</v>
      </c>
      <c r="B93" s="22">
        <v>31</v>
      </c>
      <c r="C93" s="14">
        <v>22</v>
      </c>
      <c r="D93" s="18">
        <v>53</v>
      </c>
    </row>
    <row r="94" spans="1:4" ht="18" customHeight="1" x14ac:dyDescent="0.15">
      <c r="A94" s="5">
        <v>73</v>
      </c>
      <c r="B94" s="22">
        <v>18</v>
      </c>
      <c r="C94" s="14">
        <v>32</v>
      </c>
      <c r="D94" s="18">
        <v>50</v>
      </c>
    </row>
    <row r="95" spans="1:4" ht="18" customHeight="1" x14ac:dyDescent="0.15">
      <c r="A95" s="5">
        <v>74</v>
      </c>
      <c r="B95" s="22">
        <v>22</v>
      </c>
      <c r="C95" s="14">
        <v>24</v>
      </c>
      <c r="D95" s="18">
        <v>46</v>
      </c>
    </row>
    <row r="96" spans="1:4" ht="18" customHeight="1" x14ac:dyDescent="0.15">
      <c r="A96" s="5" t="s">
        <v>33</v>
      </c>
      <c r="B96" s="22">
        <v>112</v>
      </c>
      <c r="C96" s="14">
        <v>131</v>
      </c>
      <c r="D96" s="18">
        <v>243</v>
      </c>
    </row>
    <row r="97" spans="1:4" ht="18" customHeight="1" x14ac:dyDescent="0.15">
      <c r="A97" s="5">
        <v>75</v>
      </c>
      <c r="B97" s="22">
        <v>28</v>
      </c>
      <c r="C97" s="14">
        <v>31</v>
      </c>
      <c r="D97" s="18">
        <v>59</v>
      </c>
    </row>
    <row r="98" spans="1:4" ht="18" customHeight="1" x14ac:dyDescent="0.15">
      <c r="A98" s="5">
        <v>76</v>
      </c>
      <c r="B98" s="22">
        <v>38</v>
      </c>
      <c r="C98" s="14">
        <v>46</v>
      </c>
      <c r="D98" s="18">
        <v>84</v>
      </c>
    </row>
    <row r="99" spans="1:4" ht="18" customHeight="1" x14ac:dyDescent="0.15">
      <c r="A99" s="5">
        <v>77</v>
      </c>
      <c r="B99" s="22">
        <v>20</v>
      </c>
      <c r="C99" s="14">
        <v>29</v>
      </c>
      <c r="D99" s="18">
        <v>49</v>
      </c>
    </row>
    <row r="100" spans="1:4" ht="18" customHeight="1" x14ac:dyDescent="0.15">
      <c r="A100" s="5">
        <v>78</v>
      </c>
      <c r="B100" s="22">
        <v>25</v>
      </c>
      <c r="C100" s="14">
        <v>39</v>
      </c>
      <c r="D100" s="18">
        <v>64</v>
      </c>
    </row>
    <row r="101" spans="1:4" ht="18" customHeight="1" x14ac:dyDescent="0.15">
      <c r="A101" s="5">
        <v>79</v>
      </c>
      <c r="B101" s="22">
        <v>17</v>
      </c>
      <c r="C101" s="14">
        <v>25</v>
      </c>
      <c r="D101" s="18">
        <v>42</v>
      </c>
    </row>
    <row r="102" spans="1:4" ht="18" customHeight="1" x14ac:dyDescent="0.15">
      <c r="A102" s="5" t="s">
        <v>0</v>
      </c>
      <c r="B102" s="22">
        <v>128</v>
      </c>
      <c r="C102" s="14">
        <v>170</v>
      </c>
      <c r="D102" s="18">
        <v>298</v>
      </c>
    </row>
    <row r="103" spans="1:4" ht="18" customHeight="1" x14ac:dyDescent="0.15">
      <c r="A103" s="5">
        <v>80</v>
      </c>
      <c r="B103" s="22">
        <v>15</v>
      </c>
      <c r="C103" s="14">
        <v>17</v>
      </c>
      <c r="D103" s="18">
        <v>32</v>
      </c>
    </row>
    <row r="104" spans="1:4" ht="18" customHeight="1" x14ac:dyDescent="0.15">
      <c r="A104" s="5">
        <v>81</v>
      </c>
      <c r="B104" s="22">
        <v>15</v>
      </c>
      <c r="C104" s="14">
        <v>27</v>
      </c>
      <c r="D104" s="18">
        <v>42</v>
      </c>
    </row>
    <row r="105" spans="1:4" ht="18" customHeight="1" x14ac:dyDescent="0.15">
      <c r="A105" s="5">
        <v>82</v>
      </c>
      <c r="B105" s="22">
        <v>14</v>
      </c>
      <c r="C105" s="14">
        <v>31</v>
      </c>
      <c r="D105" s="18">
        <v>45</v>
      </c>
    </row>
    <row r="106" spans="1:4" ht="18" customHeight="1" x14ac:dyDescent="0.15">
      <c r="A106" s="5">
        <v>83</v>
      </c>
      <c r="B106" s="22">
        <v>19</v>
      </c>
      <c r="C106" s="14">
        <v>23</v>
      </c>
      <c r="D106" s="18">
        <v>42</v>
      </c>
    </row>
    <row r="107" spans="1:4" ht="18" customHeight="1" x14ac:dyDescent="0.15">
      <c r="A107" s="5">
        <v>84</v>
      </c>
      <c r="B107" s="22">
        <v>15</v>
      </c>
      <c r="C107" s="14">
        <v>35</v>
      </c>
      <c r="D107" s="18">
        <v>50</v>
      </c>
    </row>
    <row r="108" spans="1:4" ht="18" customHeight="1" x14ac:dyDescent="0.15">
      <c r="A108" s="5" t="s">
        <v>35</v>
      </c>
      <c r="B108" s="22">
        <v>78</v>
      </c>
      <c r="C108" s="14">
        <v>133</v>
      </c>
      <c r="D108" s="18">
        <v>211</v>
      </c>
    </row>
    <row r="109" spans="1:4" ht="18" customHeight="1" x14ac:dyDescent="0.15">
      <c r="A109" s="5">
        <v>85</v>
      </c>
      <c r="B109" s="22">
        <v>16</v>
      </c>
      <c r="C109" s="14">
        <v>23</v>
      </c>
      <c r="D109" s="18">
        <v>39</v>
      </c>
    </row>
    <row r="110" spans="1:4" ht="18" customHeight="1" x14ac:dyDescent="0.15">
      <c r="A110" s="5">
        <v>86</v>
      </c>
      <c r="B110" s="22">
        <v>17</v>
      </c>
      <c r="C110" s="14">
        <v>12</v>
      </c>
      <c r="D110" s="18">
        <v>29</v>
      </c>
    </row>
    <row r="111" spans="1:4" ht="18" customHeight="1" x14ac:dyDescent="0.15">
      <c r="A111" s="5">
        <v>87</v>
      </c>
      <c r="B111" s="22">
        <v>6</v>
      </c>
      <c r="C111" s="14">
        <v>24</v>
      </c>
      <c r="D111" s="18">
        <v>30</v>
      </c>
    </row>
    <row r="112" spans="1:4" ht="18" customHeight="1" x14ac:dyDescent="0.15">
      <c r="A112" s="5">
        <v>88</v>
      </c>
      <c r="B112" s="22">
        <v>12</v>
      </c>
      <c r="C112" s="14">
        <v>14</v>
      </c>
      <c r="D112" s="18">
        <v>26</v>
      </c>
    </row>
    <row r="113" spans="1:4" ht="18" customHeight="1" x14ac:dyDescent="0.15">
      <c r="A113" s="5">
        <v>89</v>
      </c>
      <c r="B113" s="22">
        <v>3</v>
      </c>
      <c r="C113" s="14">
        <v>13</v>
      </c>
      <c r="D113" s="18">
        <v>16</v>
      </c>
    </row>
    <row r="114" spans="1:4" ht="18" customHeight="1" x14ac:dyDescent="0.15">
      <c r="A114" s="5" t="s">
        <v>37</v>
      </c>
      <c r="B114" s="22">
        <v>54</v>
      </c>
      <c r="C114" s="14">
        <v>86</v>
      </c>
      <c r="D114" s="18">
        <v>140</v>
      </c>
    </row>
    <row r="115" spans="1:4" ht="18" customHeight="1" x14ac:dyDescent="0.15">
      <c r="A115" s="5">
        <v>90</v>
      </c>
      <c r="B115" s="22">
        <v>5</v>
      </c>
      <c r="C115" s="14">
        <v>12</v>
      </c>
      <c r="D115" s="18">
        <v>17</v>
      </c>
    </row>
    <row r="116" spans="1:4" ht="18" customHeight="1" x14ac:dyDescent="0.15">
      <c r="A116" s="5">
        <v>91</v>
      </c>
      <c r="B116" s="22">
        <v>5</v>
      </c>
      <c r="C116" s="14">
        <v>6</v>
      </c>
      <c r="D116" s="18">
        <v>11</v>
      </c>
    </row>
    <row r="117" spans="1:4" ht="18" customHeight="1" x14ac:dyDescent="0.15">
      <c r="A117" s="5">
        <v>92</v>
      </c>
      <c r="B117" s="22">
        <v>5</v>
      </c>
      <c r="C117" s="14">
        <v>8</v>
      </c>
      <c r="D117" s="18">
        <v>13</v>
      </c>
    </row>
    <row r="118" spans="1:4" ht="18" customHeight="1" x14ac:dyDescent="0.15">
      <c r="A118" s="5">
        <v>93</v>
      </c>
      <c r="B118" s="22">
        <v>4</v>
      </c>
      <c r="C118" s="14">
        <v>9</v>
      </c>
      <c r="D118" s="18">
        <v>13</v>
      </c>
    </row>
    <row r="119" spans="1:4" ht="18" customHeight="1" x14ac:dyDescent="0.15">
      <c r="A119" s="5">
        <v>94</v>
      </c>
      <c r="B119" s="22">
        <v>3</v>
      </c>
      <c r="C119" s="14">
        <v>8</v>
      </c>
      <c r="D119" s="18">
        <v>11</v>
      </c>
    </row>
    <row r="120" spans="1:4" ht="18" customHeight="1" x14ac:dyDescent="0.15">
      <c r="A120" s="5" t="s">
        <v>39</v>
      </c>
      <c r="B120" s="22">
        <v>22</v>
      </c>
      <c r="C120" s="14">
        <v>43</v>
      </c>
      <c r="D120" s="18">
        <v>65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1</v>
      </c>
      <c r="C124" s="14">
        <v>1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9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507</v>
      </c>
      <c r="C130" s="14">
        <v>696</v>
      </c>
      <c r="D130" s="18">
        <v>1203</v>
      </c>
    </row>
    <row r="131" spans="1:4" ht="18" customHeight="1" x14ac:dyDescent="0.15">
      <c r="A131" s="7" t="s">
        <v>45</v>
      </c>
      <c r="B131" s="23">
        <v>1849</v>
      </c>
      <c r="C131" s="15">
        <v>2094</v>
      </c>
      <c r="D131" s="19">
        <v>394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7</v>
      </c>
      <c r="C5" s="13">
        <v>6</v>
      </c>
      <c r="D5" s="17">
        <v>13</v>
      </c>
    </row>
    <row r="6" spans="1:4" ht="18" customHeight="1" x14ac:dyDescent="0.15">
      <c r="A6" s="5">
        <v>1</v>
      </c>
      <c r="B6" s="22">
        <v>3</v>
      </c>
      <c r="C6" s="14">
        <v>9</v>
      </c>
      <c r="D6" s="18">
        <v>12</v>
      </c>
    </row>
    <row r="7" spans="1:4" ht="18" customHeight="1" x14ac:dyDescent="0.15">
      <c r="A7" s="5">
        <v>2</v>
      </c>
      <c r="B7" s="22">
        <v>7</v>
      </c>
      <c r="C7" s="14">
        <v>6</v>
      </c>
      <c r="D7" s="18">
        <v>13</v>
      </c>
    </row>
    <row r="8" spans="1:4" ht="18" customHeight="1" x14ac:dyDescent="0.15">
      <c r="A8" s="5">
        <v>3</v>
      </c>
      <c r="B8" s="22">
        <v>9</v>
      </c>
      <c r="C8" s="14">
        <v>7</v>
      </c>
      <c r="D8" s="18">
        <v>16</v>
      </c>
    </row>
    <row r="9" spans="1:4" ht="18" customHeight="1" x14ac:dyDescent="0.15">
      <c r="A9" s="5">
        <v>4</v>
      </c>
      <c r="B9" s="22">
        <v>7</v>
      </c>
      <c r="C9" s="14">
        <v>6</v>
      </c>
      <c r="D9" s="18">
        <v>13</v>
      </c>
    </row>
    <row r="10" spans="1:4" ht="18" customHeight="1" x14ac:dyDescent="0.15">
      <c r="A10" s="5" t="s">
        <v>7</v>
      </c>
      <c r="B10" s="22">
        <v>33</v>
      </c>
      <c r="C10" s="14">
        <v>34</v>
      </c>
      <c r="D10" s="18">
        <v>67</v>
      </c>
    </row>
    <row r="11" spans="1:4" ht="18" customHeight="1" x14ac:dyDescent="0.15">
      <c r="A11" s="5">
        <v>5</v>
      </c>
      <c r="B11" s="22">
        <v>3</v>
      </c>
      <c r="C11" s="14">
        <v>8</v>
      </c>
      <c r="D11" s="18">
        <v>11</v>
      </c>
    </row>
    <row r="12" spans="1:4" ht="18" customHeight="1" x14ac:dyDescent="0.15">
      <c r="A12" s="5">
        <v>6</v>
      </c>
      <c r="B12" s="22">
        <v>12</v>
      </c>
      <c r="C12" s="14">
        <v>8</v>
      </c>
      <c r="D12" s="18">
        <v>20</v>
      </c>
    </row>
    <row r="13" spans="1:4" ht="18" customHeight="1" x14ac:dyDescent="0.15">
      <c r="A13" s="5">
        <v>7</v>
      </c>
      <c r="B13" s="22">
        <v>3</v>
      </c>
      <c r="C13" s="14">
        <v>6</v>
      </c>
      <c r="D13" s="18">
        <v>9</v>
      </c>
    </row>
    <row r="14" spans="1:4" ht="18" customHeight="1" x14ac:dyDescent="0.15">
      <c r="A14" s="5">
        <v>8</v>
      </c>
      <c r="B14" s="22">
        <v>6</v>
      </c>
      <c r="C14" s="14">
        <v>9</v>
      </c>
      <c r="D14" s="18">
        <v>15</v>
      </c>
    </row>
    <row r="15" spans="1:4" ht="18" customHeight="1" x14ac:dyDescent="0.15">
      <c r="A15" s="5">
        <v>9</v>
      </c>
      <c r="B15" s="22">
        <v>7</v>
      </c>
      <c r="C15" s="14">
        <v>16</v>
      </c>
      <c r="D15" s="18">
        <v>23</v>
      </c>
    </row>
    <row r="16" spans="1:4" ht="18" customHeight="1" x14ac:dyDescent="0.15">
      <c r="A16" s="5" t="s">
        <v>11</v>
      </c>
      <c r="B16" s="22">
        <v>31</v>
      </c>
      <c r="C16" s="14">
        <v>47</v>
      </c>
      <c r="D16" s="18">
        <v>78</v>
      </c>
    </row>
    <row r="17" spans="1:4" ht="18" customHeight="1" x14ac:dyDescent="0.15">
      <c r="A17" s="5">
        <v>10</v>
      </c>
      <c r="B17" s="22">
        <v>8</v>
      </c>
      <c r="C17" s="14">
        <v>6</v>
      </c>
      <c r="D17" s="18">
        <v>14</v>
      </c>
    </row>
    <row r="18" spans="1:4" ht="18" customHeight="1" x14ac:dyDescent="0.15">
      <c r="A18" s="5">
        <v>11</v>
      </c>
      <c r="B18" s="22">
        <v>7</v>
      </c>
      <c r="C18" s="14">
        <v>6</v>
      </c>
      <c r="D18" s="18">
        <v>13</v>
      </c>
    </row>
    <row r="19" spans="1:4" ht="18" customHeight="1" x14ac:dyDescent="0.15">
      <c r="A19" s="5">
        <v>12</v>
      </c>
      <c r="B19" s="22">
        <v>6</v>
      </c>
      <c r="C19" s="14">
        <v>6</v>
      </c>
      <c r="D19" s="18">
        <v>12</v>
      </c>
    </row>
    <row r="20" spans="1:4" ht="18" customHeight="1" x14ac:dyDescent="0.15">
      <c r="A20" s="5">
        <v>13</v>
      </c>
      <c r="B20" s="22">
        <v>10</v>
      </c>
      <c r="C20" s="14">
        <v>8</v>
      </c>
      <c r="D20" s="18">
        <v>18</v>
      </c>
    </row>
    <row r="21" spans="1:4" ht="18" customHeight="1" x14ac:dyDescent="0.15">
      <c r="A21" s="5">
        <v>14</v>
      </c>
      <c r="B21" s="22">
        <v>9</v>
      </c>
      <c r="C21" s="14">
        <v>17</v>
      </c>
      <c r="D21" s="18">
        <v>26</v>
      </c>
    </row>
    <row r="22" spans="1:4" ht="18" customHeight="1" x14ac:dyDescent="0.15">
      <c r="A22" s="5" t="s">
        <v>12</v>
      </c>
      <c r="B22" s="22">
        <v>40</v>
      </c>
      <c r="C22" s="14">
        <v>43</v>
      </c>
      <c r="D22" s="18">
        <v>83</v>
      </c>
    </row>
    <row r="23" spans="1:4" ht="18" customHeight="1" x14ac:dyDescent="0.15">
      <c r="A23" s="5" t="s">
        <v>6</v>
      </c>
      <c r="B23" s="22">
        <v>104</v>
      </c>
      <c r="C23" s="14">
        <v>124</v>
      </c>
      <c r="D23" s="18">
        <v>228</v>
      </c>
    </row>
    <row r="24" spans="1:4" ht="18" customHeight="1" x14ac:dyDescent="0.15">
      <c r="A24" s="5">
        <v>15</v>
      </c>
      <c r="B24" s="22">
        <v>14</v>
      </c>
      <c r="C24" s="14">
        <v>13</v>
      </c>
      <c r="D24" s="18">
        <v>27</v>
      </c>
    </row>
    <row r="25" spans="1:4" ht="18" customHeight="1" x14ac:dyDescent="0.15">
      <c r="A25" s="5">
        <v>16</v>
      </c>
      <c r="B25" s="22">
        <v>7</v>
      </c>
      <c r="C25" s="14">
        <v>5</v>
      </c>
      <c r="D25" s="18">
        <v>12</v>
      </c>
    </row>
    <row r="26" spans="1:4" ht="18" customHeight="1" x14ac:dyDescent="0.15">
      <c r="A26" s="5">
        <v>17</v>
      </c>
      <c r="B26" s="22">
        <v>9</v>
      </c>
      <c r="C26" s="14">
        <v>13</v>
      </c>
      <c r="D26" s="18">
        <v>22</v>
      </c>
    </row>
    <row r="27" spans="1:4" ht="18" customHeight="1" x14ac:dyDescent="0.15">
      <c r="A27" s="5">
        <v>18</v>
      </c>
      <c r="B27" s="22">
        <v>7</v>
      </c>
      <c r="C27" s="14">
        <v>7</v>
      </c>
      <c r="D27" s="18">
        <v>14</v>
      </c>
    </row>
    <row r="28" spans="1:4" ht="18" customHeight="1" x14ac:dyDescent="0.15">
      <c r="A28" s="5">
        <v>19</v>
      </c>
      <c r="B28" s="22">
        <v>13</v>
      </c>
      <c r="C28" s="14">
        <v>10</v>
      </c>
      <c r="D28" s="18">
        <v>23</v>
      </c>
    </row>
    <row r="29" spans="1:4" ht="18" customHeight="1" x14ac:dyDescent="0.15">
      <c r="A29" s="5" t="s">
        <v>14</v>
      </c>
      <c r="B29" s="22">
        <v>50</v>
      </c>
      <c r="C29" s="14">
        <v>48</v>
      </c>
      <c r="D29" s="18">
        <v>98</v>
      </c>
    </row>
    <row r="30" spans="1:4" ht="18" customHeight="1" x14ac:dyDescent="0.15">
      <c r="A30" s="5">
        <v>20</v>
      </c>
      <c r="B30" s="22">
        <v>12</v>
      </c>
      <c r="C30" s="14">
        <v>9</v>
      </c>
      <c r="D30" s="18">
        <v>21</v>
      </c>
    </row>
    <row r="31" spans="1:4" ht="18" customHeight="1" x14ac:dyDescent="0.15">
      <c r="A31" s="5">
        <v>21</v>
      </c>
      <c r="B31" s="22">
        <v>8</v>
      </c>
      <c r="C31" s="14">
        <v>11</v>
      </c>
      <c r="D31" s="18">
        <v>19</v>
      </c>
    </row>
    <row r="32" spans="1:4" ht="18" customHeight="1" x14ac:dyDescent="0.15">
      <c r="A32" s="5">
        <v>22</v>
      </c>
      <c r="B32" s="22">
        <v>14</v>
      </c>
      <c r="C32" s="14">
        <v>13</v>
      </c>
      <c r="D32" s="18">
        <v>27</v>
      </c>
    </row>
    <row r="33" spans="1:4" ht="18" customHeight="1" x14ac:dyDescent="0.15">
      <c r="A33" s="5">
        <v>23</v>
      </c>
      <c r="B33" s="22">
        <v>11</v>
      </c>
      <c r="C33" s="14">
        <v>9</v>
      </c>
      <c r="D33" s="18">
        <v>20</v>
      </c>
    </row>
    <row r="34" spans="1:4" ht="18" customHeight="1" x14ac:dyDescent="0.15">
      <c r="A34" s="5">
        <v>24</v>
      </c>
      <c r="B34" s="22">
        <v>14</v>
      </c>
      <c r="C34" s="14">
        <v>17</v>
      </c>
      <c r="D34" s="18">
        <v>31</v>
      </c>
    </row>
    <row r="35" spans="1:4" ht="18" customHeight="1" x14ac:dyDescent="0.15">
      <c r="A35" s="5" t="s">
        <v>9</v>
      </c>
      <c r="B35" s="22">
        <v>59</v>
      </c>
      <c r="C35" s="14">
        <v>59</v>
      </c>
      <c r="D35" s="18">
        <v>118</v>
      </c>
    </row>
    <row r="36" spans="1:4" ht="18" customHeight="1" x14ac:dyDescent="0.15">
      <c r="A36" s="5">
        <v>25</v>
      </c>
      <c r="B36" s="22">
        <v>16</v>
      </c>
      <c r="C36" s="14">
        <v>14</v>
      </c>
      <c r="D36" s="18">
        <v>30</v>
      </c>
    </row>
    <row r="37" spans="1:4" ht="18" customHeight="1" x14ac:dyDescent="0.15">
      <c r="A37" s="5">
        <v>26</v>
      </c>
      <c r="B37" s="22">
        <v>16</v>
      </c>
      <c r="C37" s="14">
        <v>8</v>
      </c>
      <c r="D37" s="18">
        <v>24</v>
      </c>
    </row>
    <row r="38" spans="1:4" ht="18" customHeight="1" x14ac:dyDescent="0.15">
      <c r="A38" s="5">
        <v>27</v>
      </c>
      <c r="B38" s="22">
        <v>7</v>
      </c>
      <c r="C38" s="14">
        <v>9</v>
      </c>
      <c r="D38" s="18">
        <v>16</v>
      </c>
    </row>
    <row r="39" spans="1:4" ht="18" customHeight="1" x14ac:dyDescent="0.15">
      <c r="A39" s="5">
        <v>28</v>
      </c>
      <c r="B39" s="22">
        <v>13</v>
      </c>
      <c r="C39" s="14">
        <v>8</v>
      </c>
      <c r="D39" s="18">
        <v>21</v>
      </c>
    </row>
    <row r="40" spans="1:4" ht="18" customHeight="1" x14ac:dyDescent="0.15">
      <c r="A40" s="5">
        <v>29</v>
      </c>
      <c r="B40" s="22">
        <v>13</v>
      </c>
      <c r="C40" s="14">
        <v>13</v>
      </c>
      <c r="D40" s="18">
        <v>26</v>
      </c>
    </row>
    <row r="41" spans="1:4" ht="18" customHeight="1" x14ac:dyDescent="0.15">
      <c r="A41" s="5" t="s">
        <v>2</v>
      </c>
      <c r="B41" s="22">
        <v>65</v>
      </c>
      <c r="C41" s="14">
        <v>52</v>
      </c>
      <c r="D41" s="18">
        <v>117</v>
      </c>
    </row>
    <row r="42" spans="1:4" ht="18" customHeight="1" x14ac:dyDescent="0.15">
      <c r="A42" s="5">
        <v>30</v>
      </c>
      <c r="B42" s="22">
        <v>16</v>
      </c>
      <c r="C42" s="14">
        <v>7</v>
      </c>
      <c r="D42" s="18">
        <v>23</v>
      </c>
    </row>
    <row r="43" spans="1:4" ht="18" customHeight="1" x14ac:dyDescent="0.15">
      <c r="A43" s="5">
        <v>31</v>
      </c>
      <c r="B43" s="22">
        <v>11</v>
      </c>
      <c r="C43" s="14">
        <v>9</v>
      </c>
      <c r="D43" s="18">
        <v>20</v>
      </c>
    </row>
    <row r="44" spans="1:4" ht="18" customHeight="1" x14ac:dyDescent="0.15">
      <c r="A44" s="5">
        <v>32</v>
      </c>
      <c r="B44" s="22">
        <v>13</v>
      </c>
      <c r="C44" s="14">
        <v>7</v>
      </c>
      <c r="D44" s="18">
        <v>20</v>
      </c>
    </row>
    <row r="45" spans="1:4" ht="18" customHeight="1" x14ac:dyDescent="0.15">
      <c r="A45" s="5">
        <v>33</v>
      </c>
      <c r="B45" s="22">
        <v>8</v>
      </c>
      <c r="C45" s="14">
        <v>8</v>
      </c>
      <c r="D45" s="18">
        <v>16</v>
      </c>
    </row>
    <row r="46" spans="1:4" ht="18" customHeight="1" x14ac:dyDescent="0.15">
      <c r="A46" s="5">
        <v>34</v>
      </c>
      <c r="B46" s="22">
        <v>20</v>
      </c>
      <c r="C46" s="14">
        <v>11</v>
      </c>
      <c r="D46" s="18">
        <v>31</v>
      </c>
    </row>
    <row r="47" spans="1:4" ht="18" customHeight="1" x14ac:dyDescent="0.15">
      <c r="A47" s="5" t="s">
        <v>15</v>
      </c>
      <c r="B47" s="22">
        <v>68</v>
      </c>
      <c r="C47" s="14">
        <v>42</v>
      </c>
      <c r="D47" s="18">
        <v>110</v>
      </c>
    </row>
    <row r="48" spans="1:4" ht="18" customHeight="1" x14ac:dyDescent="0.15">
      <c r="A48" s="5">
        <v>35</v>
      </c>
      <c r="B48" s="22">
        <v>12</v>
      </c>
      <c r="C48" s="14">
        <v>9</v>
      </c>
      <c r="D48" s="18">
        <v>21</v>
      </c>
    </row>
    <row r="49" spans="1:4" ht="18" customHeight="1" x14ac:dyDescent="0.15">
      <c r="A49" s="5">
        <v>36</v>
      </c>
      <c r="B49" s="22">
        <v>12</v>
      </c>
      <c r="C49" s="14">
        <v>7</v>
      </c>
      <c r="D49" s="18">
        <v>19</v>
      </c>
    </row>
    <row r="50" spans="1:4" ht="18" customHeight="1" x14ac:dyDescent="0.15">
      <c r="A50" s="5">
        <v>37</v>
      </c>
      <c r="B50" s="22">
        <v>12</v>
      </c>
      <c r="C50" s="14">
        <v>10</v>
      </c>
      <c r="D50" s="18">
        <v>22</v>
      </c>
    </row>
    <row r="51" spans="1:4" ht="18" customHeight="1" x14ac:dyDescent="0.15">
      <c r="A51" s="5">
        <v>38</v>
      </c>
      <c r="B51" s="22">
        <v>9</v>
      </c>
      <c r="C51" s="14">
        <v>14</v>
      </c>
      <c r="D51" s="18">
        <v>23</v>
      </c>
    </row>
    <row r="52" spans="1:4" ht="18" customHeight="1" x14ac:dyDescent="0.15">
      <c r="A52" s="5">
        <v>39</v>
      </c>
      <c r="B52" s="22">
        <v>10</v>
      </c>
      <c r="C52" s="14">
        <v>14</v>
      </c>
      <c r="D52" s="18">
        <v>24</v>
      </c>
    </row>
    <row r="53" spans="1:4" ht="18" customHeight="1" x14ac:dyDescent="0.15">
      <c r="A53" s="5" t="s">
        <v>18</v>
      </c>
      <c r="B53" s="22">
        <v>55</v>
      </c>
      <c r="C53" s="14">
        <v>54</v>
      </c>
      <c r="D53" s="18">
        <v>109</v>
      </c>
    </row>
    <row r="54" spans="1:4" ht="18" customHeight="1" x14ac:dyDescent="0.15">
      <c r="A54" s="5">
        <v>40</v>
      </c>
      <c r="B54" s="22">
        <v>11</v>
      </c>
      <c r="C54" s="14">
        <v>13</v>
      </c>
      <c r="D54" s="18">
        <v>24</v>
      </c>
    </row>
    <row r="55" spans="1:4" ht="18" customHeight="1" x14ac:dyDescent="0.15">
      <c r="A55" s="5">
        <v>41</v>
      </c>
      <c r="B55" s="22">
        <v>12</v>
      </c>
      <c r="C55" s="14">
        <v>13</v>
      </c>
      <c r="D55" s="18">
        <v>25</v>
      </c>
    </row>
    <row r="56" spans="1:4" ht="18" customHeight="1" x14ac:dyDescent="0.15">
      <c r="A56" s="5">
        <v>42</v>
      </c>
      <c r="B56" s="22">
        <v>10</v>
      </c>
      <c r="C56" s="14">
        <v>12</v>
      </c>
      <c r="D56" s="18">
        <v>22</v>
      </c>
    </row>
    <row r="57" spans="1:4" ht="18" customHeight="1" x14ac:dyDescent="0.15">
      <c r="A57" s="5">
        <v>43</v>
      </c>
      <c r="B57" s="22">
        <v>14</v>
      </c>
      <c r="C57" s="14">
        <v>6</v>
      </c>
      <c r="D57" s="18">
        <v>20</v>
      </c>
    </row>
    <row r="58" spans="1:4" ht="18" customHeight="1" x14ac:dyDescent="0.15">
      <c r="A58" s="5">
        <v>44</v>
      </c>
      <c r="B58" s="22">
        <v>14</v>
      </c>
      <c r="C58" s="14">
        <v>9</v>
      </c>
      <c r="D58" s="18">
        <v>23</v>
      </c>
    </row>
    <row r="59" spans="1:4" ht="18" customHeight="1" x14ac:dyDescent="0.15">
      <c r="A59" s="5" t="s">
        <v>21</v>
      </c>
      <c r="B59" s="22">
        <v>61</v>
      </c>
      <c r="C59" s="14">
        <v>53</v>
      </c>
      <c r="D59" s="18">
        <v>114</v>
      </c>
    </row>
    <row r="60" spans="1:4" ht="18" customHeight="1" x14ac:dyDescent="0.15">
      <c r="A60" s="5">
        <v>45</v>
      </c>
      <c r="B60" s="22">
        <v>13</v>
      </c>
      <c r="C60" s="14">
        <v>14</v>
      </c>
      <c r="D60" s="18">
        <v>27</v>
      </c>
    </row>
    <row r="61" spans="1:4" ht="18" customHeight="1" x14ac:dyDescent="0.15">
      <c r="A61" s="5">
        <v>46</v>
      </c>
      <c r="B61" s="22">
        <v>16</v>
      </c>
      <c r="C61" s="14">
        <v>17</v>
      </c>
      <c r="D61" s="18">
        <v>33</v>
      </c>
    </row>
    <row r="62" spans="1:4" ht="18" customHeight="1" x14ac:dyDescent="0.15">
      <c r="A62" s="5">
        <v>47</v>
      </c>
      <c r="B62" s="22">
        <v>29</v>
      </c>
      <c r="C62" s="14">
        <v>16</v>
      </c>
      <c r="D62" s="18">
        <v>45</v>
      </c>
    </row>
    <row r="63" spans="1:4" ht="18" customHeight="1" x14ac:dyDescent="0.15">
      <c r="A63" s="5">
        <v>48</v>
      </c>
      <c r="B63" s="22">
        <v>22</v>
      </c>
      <c r="C63" s="14">
        <v>24</v>
      </c>
      <c r="D63" s="18">
        <v>46</v>
      </c>
    </row>
    <row r="64" spans="1:4" ht="18" customHeight="1" x14ac:dyDescent="0.15">
      <c r="A64" s="5">
        <v>49</v>
      </c>
      <c r="B64" s="22">
        <v>23</v>
      </c>
      <c r="C64" s="14">
        <v>20</v>
      </c>
      <c r="D64" s="18">
        <v>43</v>
      </c>
    </row>
    <row r="65" spans="1:4" ht="18" customHeight="1" x14ac:dyDescent="0.15">
      <c r="A65" s="5" t="s">
        <v>17</v>
      </c>
      <c r="B65" s="22">
        <v>103</v>
      </c>
      <c r="C65" s="14">
        <v>91</v>
      </c>
      <c r="D65" s="18">
        <v>194</v>
      </c>
    </row>
    <row r="66" spans="1:4" ht="18" customHeight="1" x14ac:dyDescent="0.15">
      <c r="A66" s="5">
        <v>50</v>
      </c>
      <c r="B66" s="22">
        <v>21</v>
      </c>
      <c r="C66" s="14">
        <v>17</v>
      </c>
      <c r="D66" s="18">
        <v>38</v>
      </c>
    </row>
    <row r="67" spans="1:4" ht="18" customHeight="1" x14ac:dyDescent="0.15">
      <c r="A67" s="5">
        <v>51</v>
      </c>
      <c r="B67" s="22">
        <v>27</v>
      </c>
      <c r="C67" s="14">
        <v>26</v>
      </c>
      <c r="D67" s="18">
        <v>53</v>
      </c>
    </row>
    <row r="68" spans="1:4" ht="18" customHeight="1" x14ac:dyDescent="0.15">
      <c r="A68" s="5">
        <v>52</v>
      </c>
      <c r="B68" s="22">
        <v>20</v>
      </c>
      <c r="C68" s="14">
        <v>17</v>
      </c>
      <c r="D68" s="18">
        <v>37</v>
      </c>
    </row>
    <row r="69" spans="1:4" ht="18" customHeight="1" x14ac:dyDescent="0.15">
      <c r="A69" s="5">
        <v>53</v>
      </c>
      <c r="B69" s="22">
        <v>22</v>
      </c>
      <c r="C69" s="14">
        <v>20</v>
      </c>
      <c r="D69" s="18">
        <v>42</v>
      </c>
    </row>
    <row r="70" spans="1:4" ht="18" customHeight="1" x14ac:dyDescent="0.15">
      <c r="A70" s="5">
        <v>54</v>
      </c>
      <c r="B70" s="22">
        <v>20</v>
      </c>
      <c r="C70" s="14">
        <v>22</v>
      </c>
      <c r="D70" s="18">
        <v>42</v>
      </c>
    </row>
    <row r="71" spans="1:4" ht="18" customHeight="1" x14ac:dyDescent="0.15">
      <c r="A71" s="5" t="s">
        <v>22</v>
      </c>
      <c r="B71" s="22">
        <v>110</v>
      </c>
      <c r="C71" s="14">
        <v>102</v>
      </c>
      <c r="D71" s="18">
        <v>212</v>
      </c>
    </row>
    <row r="72" spans="1:4" ht="18" customHeight="1" x14ac:dyDescent="0.15">
      <c r="A72" s="5">
        <v>55</v>
      </c>
      <c r="B72" s="22">
        <v>23</v>
      </c>
      <c r="C72" s="14">
        <v>24</v>
      </c>
      <c r="D72" s="18">
        <v>47</v>
      </c>
    </row>
    <row r="73" spans="1:4" ht="18" customHeight="1" x14ac:dyDescent="0.15">
      <c r="A73" s="5">
        <v>56</v>
      </c>
      <c r="B73" s="22">
        <v>23</v>
      </c>
      <c r="C73" s="14">
        <v>19</v>
      </c>
      <c r="D73" s="18">
        <v>42</v>
      </c>
    </row>
    <row r="74" spans="1:4" ht="18" customHeight="1" x14ac:dyDescent="0.15">
      <c r="A74" s="5">
        <v>57</v>
      </c>
      <c r="B74" s="22">
        <v>29</v>
      </c>
      <c r="C74" s="14">
        <v>19</v>
      </c>
      <c r="D74" s="18">
        <v>48</v>
      </c>
    </row>
    <row r="75" spans="1:4" ht="18" customHeight="1" x14ac:dyDescent="0.15">
      <c r="A75" s="5">
        <v>58</v>
      </c>
      <c r="B75" s="22">
        <v>21</v>
      </c>
      <c r="C75" s="14">
        <v>16</v>
      </c>
      <c r="D75" s="18">
        <v>37</v>
      </c>
    </row>
    <row r="76" spans="1:4" ht="18" customHeight="1" x14ac:dyDescent="0.15">
      <c r="A76" s="5">
        <v>59</v>
      </c>
      <c r="B76" s="22">
        <v>17</v>
      </c>
      <c r="C76" s="14">
        <v>17</v>
      </c>
      <c r="D76" s="18">
        <v>34</v>
      </c>
    </row>
    <row r="77" spans="1:4" ht="18" customHeight="1" x14ac:dyDescent="0.15">
      <c r="A77" s="5" t="s">
        <v>27</v>
      </c>
      <c r="B77" s="22">
        <v>113</v>
      </c>
      <c r="C77" s="14">
        <v>95</v>
      </c>
      <c r="D77" s="18">
        <v>208</v>
      </c>
    </row>
    <row r="78" spans="1:4" ht="18" customHeight="1" x14ac:dyDescent="0.15">
      <c r="A78" s="5">
        <v>60</v>
      </c>
      <c r="B78" s="22">
        <v>25</v>
      </c>
      <c r="C78" s="14">
        <v>24</v>
      </c>
      <c r="D78" s="18">
        <v>49</v>
      </c>
    </row>
    <row r="79" spans="1:4" ht="18" customHeight="1" x14ac:dyDescent="0.15">
      <c r="A79" s="5">
        <v>61</v>
      </c>
      <c r="B79" s="22">
        <v>30</v>
      </c>
      <c r="C79" s="14">
        <v>16</v>
      </c>
      <c r="D79" s="18">
        <v>46</v>
      </c>
    </row>
    <row r="80" spans="1:4" ht="18" customHeight="1" x14ac:dyDescent="0.15">
      <c r="A80" s="5">
        <v>62</v>
      </c>
      <c r="B80" s="22">
        <v>19</v>
      </c>
      <c r="C80" s="14">
        <v>27</v>
      </c>
      <c r="D80" s="18">
        <v>46</v>
      </c>
    </row>
    <row r="81" spans="1:4" ht="18" customHeight="1" x14ac:dyDescent="0.15">
      <c r="A81" s="5">
        <v>63</v>
      </c>
      <c r="B81" s="22">
        <v>25</v>
      </c>
      <c r="C81" s="14">
        <v>12</v>
      </c>
      <c r="D81" s="18">
        <v>37</v>
      </c>
    </row>
    <row r="82" spans="1:4" ht="18" customHeight="1" x14ac:dyDescent="0.15">
      <c r="A82" s="5">
        <v>64</v>
      </c>
      <c r="B82" s="22">
        <v>17</v>
      </c>
      <c r="C82" s="14">
        <v>27</v>
      </c>
      <c r="D82" s="18">
        <v>44</v>
      </c>
    </row>
    <row r="83" spans="1:4" ht="18" customHeight="1" x14ac:dyDescent="0.15">
      <c r="A83" s="5" t="s">
        <v>28</v>
      </c>
      <c r="B83" s="22">
        <v>116</v>
      </c>
      <c r="C83" s="14">
        <v>106</v>
      </c>
      <c r="D83" s="18">
        <v>222</v>
      </c>
    </row>
    <row r="84" spans="1:4" ht="18" customHeight="1" x14ac:dyDescent="0.15">
      <c r="A84" s="5" t="s">
        <v>31</v>
      </c>
      <c r="B84" s="22">
        <v>800</v>
      </c>
      <c r="C84" s="14">
        <v>702</v>
      </c>
      <c r="D84" s="18">
        <v>1502</v>
      </c>
    </row>
    <row r="85" spans="1:4" ht="18" customHeight="1" x14ac:dyDescent="0.15">
      <c r="A85" s="5">
        <v>65</v>
      </c>
      <c r="B85" s="22">
        <v>15</v>
      </c>
      <c r="C85" s="14">
        <v>13</v>
      </c>
      <c r="D85" s="18">
        <v>28</v>
      </c>
    </row>
    <row r="86" spans="1:4" ht="18" customHeight="1" x14ac:dyDescent="0.15">
      <c r="A86" s="5">
        <v>66</v>
      </c>
      <c r="B86" s="22">
        <v>13</v>
      </c>
      <c r="C86" s="14">
        <v>16</v>
      </c>
      <c r="D86" s="18">
        <v>29</v>
      </c>
    </row>
    <row r="87" spans="1:4" ht="18" customHeight="1" x14ac:dyDescent="0.15">
      <c r="A87" s="5">
        <v>67</v>
      </c>
      <c r="B87" s="22">
        <v>12</v>
      </c>
      <c r="C87" s="14">
        <v>16</v>
      </c>
      <c r="D87" s="18">
        <v>28</v>
      </c>
    </row>
    <row r="88" spans="1:4" ht="18" customHeight="1" x14ac:dyDescent="0.15">
      <c r="A88" s="5">
        <v>68</v>
      </c>
      <c r="B88" s="22">
        <v>11</v>
      </c>
      <c r="C88" s="14">
        <v>15</v>
      </c>
      <c r="D88" s="18">
        <v>26</v>
      </c>
    </row>
    <row r="89" spans="1:4" ht="18" customHeight="1" x14ac:dyDescent="0.15">
      <c r="A89" s="5">
        <v>69</v>
      </c>
      <c r="B89" s="22">
        <v>19</v>
      </c>
      <c r="C89" s="14">
        <v>18</v>
      </c>
      <c r="D89" s="18">
        <v>37</v>
      </c>
    </row>
    <row r="90" spans="1:4" ht="18" customHeight="1" x14ac:dyDescent="0.15">
      <c r="A90" s="5" t="s">
        <v>20</v>
      </c>
      <c r="B90" s="22">
        <v>70</v>
      </c>
      <c r="C90" s="14">
        <v>78</v>
      </c>
      <c r="D90" s="18">
        <v>148</v>
      </c>
    </row>
    <row r="91" spans="1:4" ht="18" customHeight="1" x14ac:dyDescent="0.15">
      <c r="A91" s="5">
        <v>70</v>
      </c>
      <c r="B91" s="22">
        <v>15</v>
      </c>
      <c r="C91" s="14">
        <v>15</v>
      </c>
      <c r="D91" s="18">
        <v>30</v>
      </c>
    </row>
    <row r="92" spans="1:4" ht="18" customHeight="1" x14ac:dyDescent="0.15">
      <c r="A92" s="5">
        <v>71</v>
      </c>
      <c r="B92" s="22">
        <v>16</v>
      </c>
      <c r="C92" s="14">
        <v>19</v>
      </c>
      <c r="D92" s="18">
        <v>35</v>
      </c>
    </row>
    <row r="93" spans="1:4" ht="18" customHeight="1" x14ac:dyDescent="0.15">
      <c r="A93" s="5">
        <v>72</v>
      </c>
      <c r="B93" s="22">
        <v>16</v>
      </c>
      <c r="C93" s="14">
        <v>25</v>
      </c>
      <c r="D93" s="18">
        <v>41</v>
      </c>
    </row>
    <row r="94" spans="1:4" ht="18" customHeight="1" x14ac:dyDescent="0.15">
      <c r="A94" s="5">
        <v>73</v>
      </c>
      <c r="B94" s="22">
        <v>20</v>
      </c>
      <c r="C94" s="14">
        <v>35</v>
      </c>
      <c r="D94" s="18">
        <v>55</v>
      </c>
    </row>
    <row r="95" spans="1:4" ht="18" customHeight="1" x14ac:dyDescent="0.15">
      <c r="A95" s="5">
        <v>74</v>
      </c>
      <c r="B95" s="22">
        <v>16</v>
      </c>
      <c r="C95" s="14">
        <v>28</v>
      </c>
      <c r="D95" s="18">
        <v>44</v>
      </c>
    </row>
    <row r="96" spans="1:4" ht="18" customHeight="1" x14ac:dyDescent="0.15">
      <c r="A96" s="5" t="s">
        <v>33</v>
      </c>
      <c r="B96" s="22">
        <v>83</v>
      </c>
      <c r="C96" s="14">
        <v>122</v>
      </c>
      <c r="D96" s="18">
        <v>205</v>
      </c>
    </row>
    <row r="97" spans="1:4" ht="18" customHeight="1" x14ac:dyDescent="0.15">
      <c r="A97" s="5">
        <v>75</v>
      </c>
      <c r="B97" s="22">
        <v>19</v>
      </c>
      <c r="C97" s="14">
        <v>34</v>
      </c>
      <c r="D97" s="18">
        <v>53</v>
      </c>
    </row>
    <row r="98" spans="1:4" ht="18" customHeight="1" x14ac:dyDescent="0.15">
      <c r="A98" s="5">
        <v>76</v>
      </c>
      <c r="B98" s="22">
        <v>28</v>
      </c>
      <c r="C98" s="14">
        <v>34</v>
      </c>
      <c r="D98" s="18">
        <v>62</v>
      </c>
    </row>
    <row r="99" spans="1:4" ht="18" customHeight="1" x14ac:dyDescent="0.15">
      <c r="A99" s="5">
        <v>77</v>
      </c>
      <c r="B99" s="22">
        <v>37</v>
      </c>
      <c r="C99" s="14">
        <v>41</v>
      </c>
      <c r="D99" s="18">
        <v>78</v>
      </c>
    </row>
    <row r="100" spans="1:4" ht="18" customHeight="1" x14ac:dyDescent="0.15">
      <c r="A100" s="5">
        <v>78</v>
      </c>
      <c r="B100" s="22">
        <v>41</v>
      </c>
      <c r="C100" s="14">
        <v>34</v>
      </c>
      <c r="D100" s="18">
        <v>75</v>
      </c>
    </row>
    <row r="101" spans="1:4" ht="18" customHeight="1" x14ac:dyDescent="0.15">
      <c r="A101" s="5">
        <v>79</v>
      </c>
      <c r="B101" s="22">
        <v>22</v>
      </c>
      <c r="C101" s="14">
        <v>44</v>
      </c>
      <c r="D101" s="18">
        <v>66</v>
      </c>
    </row>
    <row r="102" spans="1:4" ht="18" customHeight="1" x14ac:dyDescent="0.15">
      <c r="A102" s="5" t="s">
        <v>0</v>
      </c>
      <c r="B102" s="22">
        <v>147</v>
      </c>
      <c r="C102" s="14">
        <v>187</v>
      </c>
      <c r="D102" s="18">
        <v>334</v>
      </c>
    </row>
    <row r="103" spans="1:4" ht="18" customHeight="1" x14ac:dyDescent="0.15">
      <c r="A103" s="5">
        <v>80</v>
      </c>
      <c r="B103" s="22">
        <v>14</v>
      </c>
      <c r="C103" s="14">
        <v>30</v>
      </c>
      <c r="D103" s="18">
        <v>44</v>
      </c>
    </row>
    <row r="104" spans="1:4" ht="18" customHeight="1" x14ac:dyDescent="0.15">
      <c r="A104" s="5">
        <v>81</v>
      </c>
      <c r="B104" s="22">
        <v>20</v>
      </c>
      <c r="C104" s="14">
        <v>30</v>
      </c>
      <c r="D104" s="18">
        <v>50</v>
      </c>
    </row>
    <row r="105" spans="1:4" ht="18" customHeight="1" x14ac:dyDescent="0.15">
      <c r="A105" s="5">
        <v>82</v>
      </c>
      <c r="B105" s="22">
        <v>15</v>
      </c>
      <c r="C105" s="14">
        <v>31</v>
      </c>
      <c r="D105" s="18">
        <v>46</v>
      </c>
    </row>
    <row r="106" spans="1:4" ht="18" customHeight="1" x14ac:dyDescent="0.15">
      <c r="A106" s="5">
        <v>83</v>
      </c>
      <c r="B106" s="22">
        <v>17</v>
      </c>
      <c r="C106" s="14">
        <v>24</v>
      </c>
      <c r="D106" s="18">
        <v>41</v>
      </c>
    </row>
    <row r="107" spans="1:4" ht="18" customHeight="1" x14ac:dyDescent="0.15">
      <c r="A107" s="5">
        <v>84</v>
      </c>
      <c r="B107" s="22">
        <v>18</v>
      </c>
      <c r="C107" s="14">
        <v>32</v>
      </c>
      <c r="D107" s="18">
        <v>50</v>
      </c>
    </row>
    <row r="108" spans="1:4" ht="18" customHeight="1" x14ac:dyDescent="0.15">
      <c r="A108" s="5" t="s">
        <v>35</v>
      </c>
      <c r="B108" s="22">
        <v>84</v>
      </c>
      <c r="C108" s="14">
        <v>147</v>
      </c>
      <c r="D108" s="18">
        <v>231</v>
      </c>
    </row>
    <row r="109" spans="1:4" ht="18" customHeight="1" x14ac:dyDescent="0.15">
      <c r="A109" s="5">
        <v>85</v>
      </c>
      <c r="B109" s="22">
        <v>15</v>
      </c>
      <c r="C109" s="14">
        <v>28</v>
      </c>
      <c r="D109" s="18">
        <v>43</v>
      </c>
    </row>
    <row r="110" spans="1:4" ht="18" customHeight="1" x14ac:dyDescent="0.15">
      <c r="A110" s="5">
        <v>86</v>
      </c>
      <c r="B110" s="22">
        <v>7</v>
      </c>
      <c r="C110" s="14">
        <v>18</v>
      </c>
      <c r="D110" s="18">
        <v>25</v>
      </c>
    </row>
    <row r="111" spans="1:4" ht="18" customHeight="1" x14ac:dyDescent="0.15">
      <c r="A111" s="5">
        <v>87</v>
      </c>
      <c r="B111" s="22">
        <v>8</v>
      </c>
      <c r="C111" s="14">
        <v>23</v>
      </c>
      <c r="D111" s="18">
        <v>31</v>
      </c>
    </row>
    <row r="112" spans="1:4" ht="18" customHeight="1" x14ac:dyDescent="0.15">
      <c r="A112" s="5">
        <v>88</v>
      </c>
      <c r="B112" s="22">
        <v>7</v>
      </c>
      <c r="C112" s="14">
        <v>17</v>
      </c>
      <c r="D112" s="18">
        <v>24</v>
      </c>
    </row>
    <row r="113" spans="1:4" ht="18" customHeight="1" x14ac:dyDescent="0.15">
      <c r="A113" s="5">
        <v>89</v>
      </c>
      <c r="B113" s="22">
        <v>13</v>
      </c>
      <c r="C113" s="14">
        <v>22</v>
      </c>
      <c r="D113" s="18">
        <v>35</v>
      </c>
    </row>
    <row r="114" spans="1:4" ht="18" customHeight="1" x14ac:dyDescent="0.15">
      <c r="A114" s="5" t="s">
        <v>37</v>
      </c>
      <c r="B114" s="22">
        <v>50</v>
      </c>
      <c r="C114" s="14">
        <v>108</v>
      </c>
      <c r="D114" s="18">
        <v>158</v>
      </c>
    </row>
    <row r="115" spans="1:4" ht="18" customHeight="1" x14ac:dyDescent="0.15">
      <c r="A115" s="5">
        <v>90</v>
      </c>
      <c r="B115" s="22">
        <v>6</v>
      </c>
      <c r="C115" s="14">
        <v>20</v>
      </c>
      <c r="D115" s="18">
        <v>26</v>
      </c>
    </row>
    <row r="116" spans="1:4" ht="18" customHeight="1" x14ac:dyDescent="0.15">
      <c r="A116" s="5">
        <v>91</v>
      </c>
      <c r="B116" s="22">
        <v>7</v>
      </c>
      <c r="C116" s="14">
        <v>17</v>
      </c>
      <c r="D116" s="18">
        <v>24</v>
      </c>
    </row>
    <row r="117" spans="1:4" ht="18" customHeight="1" x14ac:dyDescent="0.15">
      <c r="A117" s="5">
        <v>92</v>
      </c>
      <c r="B117" s="22">
        <v>7</v>
      </c>
      <c r="C117" s="14">
        <v>7</v>
      </c>
      <c r="D117" s="18">
        <v>14</v>
      </c>
    </row>
    <row r="118" spans="1:4" ht="18" customHeight="1" x14ac:dyDescent="0.15">
      <c r="A118" s="5">
        <v>93</v>
      </c>
      <c r="B118" s="22">
        <v>3</v>
      </c>
      <c r="C118" s="14">
        <v>19</v>
      </c>
      <c r="D118" s="18">
        <v>22</v>
      </c>
    </row>
    <row r="119" spans="1:4" ht="18" customHeight="1" x14ac:dyDescent="0.15">
      <c r="A119" s="5">
        <v>94</v>
      </c>
      <c r="B119" s="22">
        <v>4</v>
      </c>
      <c r="C119" s="14">
        <v>6</v>
      </c>
      <c r="D119" s="18">
        <v>10</v>
      </c>
    </row>
    <row r="120" spans="1:4" ht="18" customHeight="1" x14ac:dyDescent="0.15">
      <c r="A120" s="5" t="s">
        <v>39</v>
      </c>
      <c r="B120" s="22">
        <v>27</v>
      </c>
      <c r="C120" s="14">
        <v>69</v>
      </c>
      <c r="D120" s="18">
        <v>96</v>
      </c>
    </row>
    <row r="121" spans="1:4" ht="18" customHeight="1" x14ac:dyDescent="0.15">
      <c r="A121" s="5">
        <v>95</v>
      </c>
      <c r="B121" s="22">
        <v>2</v>
      </c>
      <c r="C121" s="14">
        <v>7</v>
      </c>
      <c r="D121" s="18">
        <v>9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25</v>
      </c>
      <c r="D126" s="18">
        <v>27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463</v>
      </c>
      <c r="C130" s="14">
        <v>741</v>
      </c>
      <c r="D130" s="18">
        <v>1204</v>
      </c>
    </row>
    <row r="131" spans="1:4" ht="18" customHeight="1" x14ac:dyDescent="0.15">
      <c r="A131" s="7" t="s">
        <v>45</v>
      </c>
      <c r="B131" s="23">
        <v>1367</v>
      </c>
      <c r="C131" s="15">
        <v>1567</v>
      </c>
      <c r="D131" s="19">
        <v>293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</v>
      </c>
      <c r="B1" s="44"/>
      <c r="C1" s="44"/>
      <c r="D1" s="44"/>
    </row>
    <row r="2" spans="1:4" ht="14.25" customHeight="1" x14ac:dyDescent="0.15">
      <c r="A2" s="1"/>
      <c r="B2" s="1"/>
      <c r="C2" s="1"/>
      <c r="D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8" t="s">
        <v>50</v>
      </c>
      <c r="C4" s="12" t="s">
        <v>53</v>
      </c>
      <c r="D4" s="16" t="s">
        <v>26</v>
      </c>
    </row>
    <row r="5" spans="1:4" ht="18" customHeight="1" x14ac:dyDescent="0.15">
      <c r="A5" s="4">
        <v>0</v>
      </c>
      <c r="B5" s="9">
        <v>12</v>
      </c>
      <c r="C5" s="13">
        <v>4</v>
      </c>
      <c r="D5" s="17">
        <v>16</v>
      </c>
    </row>
    <row r="6" spans="1:4" ht="18" customHeight="1" x14ac:dyDescent="0.15">
      <c r="A6" s="5">
        <v>1</v>
      </c>
      <c r="B6" s="10">
        <v>4</v>
      </c>
      <c r="C6" s="14">
        <v>4</v>
      </c>
      <c r="D6" s="18">
        <v>8</v>
      </c>
    </row>
    <row r="7" spans="1:4" ht="18" customHeight="1" x14ac:dyDescent="0.15">
      <c r="A7" s="5">
        <v>2</v>
      </c>
      <c r="B7" s="10">
        <v>7</v>
      </c>
      <c r="C7" s="14">
        <v>10</v>
      </c>
      <c r="D7" s="18">
        <v>17</v>
      </c>
    </row>
    <row r="8" spans="1:4" ht="18" customHeight="1" x14ac:dyDescent="0.15">
      <c r="A8" s="5">
        <v>3</v>
      </c>
      <c r="B8" s="10">
        <v>7</v>
      </c>
      <c r="C8" s="14">
        <v>7</v>
      </c>
      <c r="D8" s="18">
        <v>14</v>
      </c>
    </row>
    <row r="9" spans="1:4" ht="18" customHeight="1" x14ac:dyDescent="0.15">
      <c r="A9" s="5">
        <v>4</v>
      </c>
      <c r="B9" s="10">
        <v>11</v>
      </c>
      <c r="C9" s="14">
        <v>7</v>
      </c>
      <c r="D9" s="18">
        <v>18</v>
      </c>
    </row>
    <row r="10" spans="1:4" ht="18" customHeight="1" x14ac:dyDescent="0.15">
      <c r="A10" s="5" t="s">
        <v>7</v>
      </c>
      <c r="B10" s="10">
        <v>41</v>
      </c>
      <c r="C10" s="14">
        <v>32</v>
      </c>
      <c r="D10" s="18">
        <v>73</v>
      </c>
    </row>
    <row r="11" spans="1:4" ht="18" customHeight="1" x14ac:dyDescent="0.15">
      <c r="A11" s="5">
        <v>5</v>
      </c>
      <c r="B11" s="10">
        <v>15</v>
      </c>
      <c r="C11" s="14">
        <v>4</v>
      </c>
      <c r="D11" s="18">
        <v>19</v>
      </c>
    </row>
    <row r="12" spans="1:4" ht="18" customHeight="1" x14ac:dyDescent="0.15">
      <c r="A12" s="5">
        <v>6</v>
      </c>
      <c r="B12" s="10">
        <v>6</v>
      </c>
      <c r="C12" s="14">
        <v>3</v>
      </c>
      <c r="D12" s="18">
        <v>9</v>
      </c>
    </row>
    <row r="13" spans="1:4" ht="18" customHeight="1" x14ac:dyDescent="0.15">
      <c r="A13" s="5">
        <v>7</v>
      </c>
      <c r="B13" s="10">
        <v>7</v>
      </c>
      <c r="C13" s="14">
        <v>7</v>
      </c>
      <c r="D13" s="18">
        <v>14</v>
      </c>
    </row>
    <row r="14" spans="1:4" ht="18" customHeight="1" x14ac:dyDescent="0.15">
      <c r="A14" s="5">
        <v>8</v>
      </c>
      <c r="B14" s="10">
        <v>9</v>
      </c>
      <c r="C14" s="14">
        <v>8</v>
      </c>
      <c r="D14" s="18">
        <v>17</v>
      </c>
    </row>
    <row r="15" spans="1:4" ht="18" customHeight="1" x14ac:dyDescent="0.15">
      <c r="A15" s="5">
        <v>9</v>
      </c>
      <c r="B15" s="10">
        <v>8</v>
      </c>
      <c r="C15" s="14">
        <v>11</v>
      </c>
      <c r="D15" s="18">
        <v>19</v>
      </c>
    </row>
    <row r="16" spans="1:4" ht="18" customHeight="1" x14ac:dyDescent="0.15">
      <c r="A16" s="5" t="s">
        <v>11</v>
      </c>
      <c r="B16" s="10">
        <v>45</v>
      </c>
      <c r="C16" s="14">
        <v>33</v>
      </c>
      <c r="D16" s="18">
        <v>78</v>
      </c>
    </row>
    <row r="17" spans="1:4" ht="18" customHeight="1" x14ac:dyDescent="0.15">
      <c r="A17" s="5">
        <v>10</v>
      </c>
      <c r="B17" s="10">
        <v>4</v>
      </c>
      <c r="C17" s="14">
        <v>10</v>
      </c>
      <c r="D17" s="18">
        <v>14</v>
      </c>
    </row>
    <row r="18" spans="1:4" ht="18" customHeight="1" x14ac:dyDescent="0.15">
      <c r="A18" s="5">
        <v>11</v>
      </c>
      <c r="B18" s="10">
        <v>10</v>
      </c>
      <c r="C18" s="14">
        <v>9</v>
      </c>
      <c r="D18" s="18">
        <v>19</v>
      </c>
    </row>
    <row r="19" spans="1:4" ht="18" customHeight="1" x14ac:dyDescent="0.15">
      <c r="A19" s="5">
        <v>12</v>
      </c>
      <c r="B19" s="10">
        <v>10</v>
      </c>
      <c r="C19" s="14">
        <v>16</v>
      </c>
      <c r="D19" s="18">
        <v>26</v>
      </c>
    </row>
    <row r="20" spans="1:4" ht="18" customHeight="1" x14ac:dyDescent="0.15">
      <c r="A20" s="5">
        <v>13</v>
      </c>
      <c r="B20" s="10">
        <v>5</v>
      </c>
      <c r="C20" s="14">
        <v>6</v>
      </c>
      <c r="D20" s="18">
        <v>11</v>
      </c>
    </row>
    <row r="21" spans="1:4" ht="18" customHeight="1" x14ac:dyDescent="0.15">
      <c r="A21" s="5">
        <v>14</v>
      </c>
      <c r="B21" s="10">
        <v>7</v>
      </c>
      <c r="C21" s="14">
        <v>4</v>
      </c>
      <c r="D21" s="18">
        <v>11</v>
      </c>
    </row>
    <row r="22" spans="1:4" ht="18" customHeight="1" x14ac:dyDescent="0.15">
      <c r="A22" s="5" t="s">
        <v>12</v>
      </c>
      <c r="B22" s="10">
        <v>36</v>
      </c>
      <c r="C22" s="14">
        <v>45</v>
      </c>
      <c r="D22" s="18">
        <v>81</v>
      </c>
    </row>
    <row r="23" spans="1:4" ht="18" customHeight="1" x14ac:dyDescent="0.15">
      <c r="A23" s="5" t="s">
        <v>6</v>
      </c>
      <c r="B23" s="10">
        <v>122</v>
      </c>
      <c r="C23" s="14">
        <v>110</v>
      </c>
      <c r="D23" s="18">
        <v>232</v>
      </c>
    </row>
    <row r="24" spans="1:4" ht="18" customHeight="1" x14ac:dyDescent="0.15">
      <c r="A24" s="5">
        <v>15</v>
      </c>
      <c r="B24" s="10">
        <v>11</v>
      </c>
      <c r="C24" s="14">
        <v>6</v>
      </c>
      <c r="D24" s="18">
        <v>17</v>
      </c>
    </row>
    <row r="25" spans="1:4" ht="18" customHeight="1" x14ac:dyDescent="0.15">
      <c r="A25" s="5">
        <v>16</v>
      </c>
      <c r="B25" s="10">
        <v>8</v>
      </c>
      <c r="C25" s="14">
        <v>2</v>
      </c>
      <c r="D25" s="18">
        <v>10</v>
      </c>
    </row>
    <row r="26" spans="1:4" ht="18" customHeight="1" x14ac:dyDescent="0.15">
      <c r="A26" s="5">
        <v>17</v>
      </c>
      <c r="B26" s="10">
        <v>12</v>
      </c>
      <c r="C26" s="14">
        <v>11</v>
      </c>
      <c r="D26" s="18">
        <v>23</v>
      </c>
    </row>
    <row r="27" spans="1:4" ht="18" customHeight="1" x14ac:dyDescent="0.15">
      <c r="A27" s="5">
        <v>18</v>
      </c>
      <c r="B27" s="10">
        <v>9</v>
      </c>
      <c r="C27" s="14">
        <v>5</v>
      </c>
      <c r="D27" s="18">
        <v>14</v>
      </c>
    </row>
    <row r="28" spans="1:4" ht="18" customHeight="1" x14ac:dyDescent="0.15">
      <c r="A28" s="5">
        <v>19</v>
      </c>
      <c r="B28" s="10">
        <v>3</v>
      </c>
      <c r="C28" s="14">
        <v>11</v>
      </c>
      <c r="D28" s="18">
        <v>14</v>
      </c>
    </row>
    <row r="29" spans="1:4" ht="18" customHeight="1" x14ac:dyDescent="0.15">
      <c r="A29" s="5" t="s">
        <v>14</v>
      </c>
      <c r="B29" s="10">
        <v>43</v>
      </c>
      <c r="C29" s="14">
        <v>35</v>
      </c>
      <c r="D29" s="18">
        <v>78</v>
      </c>
    </row>
    <row r="30" spans="1:4" ht="18" customHeight="1" x14ac:dyDescent="0.15">
      <c r="A30" s="5">
        <v>20</v>
      </c>
      <c r="B30" s="10">
        <v>7</v>
      </c>
      <c r="C30" s="14">
        <v>5</v>
      </c>
      <c r="D30" s="18">
        <v>12</v>
      </c>
    </row>
    <row r="31" spans="1:4" ht="18" customHeight="1" x14ac:dyDescent="0.15">
      <c r="A31" s="5">
        <v>21</v>
      </c>
      <c r="B31" s="10">
        <v>8</v>
      </c>
      <c r="C31" s="14">
        <v>8</v>
      </c>
      <c r="D31" s="18">
        <v>16</v>
      </c>
    </row>
    <row r="32" spans="1:4" ht="18" customHeight="1" x14ac:dyDescent="0.15">
      <c r="A32" s="5">
        <v>22</v>
      </c>
      <c r="B32" s="10">
        <v>4</v>
      </c>
      <c r="C32" s="14">
        <v>9</v>
      </c>
      <c r="D32" s="18">
        <v>13</v>
      </c>
    </row>
    <row r="33" spans="1:4" ht="18" customHeight="1" x14ac:dyDescent="0.15">
      <c r="A33" s="5">
        <v>23</v>
      </c>
      <c r="B33" s="10">
        <v>6</v>
      </c>
      <c r="C33" s="14">
        <v>5</v>
      </c>
      <c r="D33" s="18">
        <v>11</v>
      </c>
    </row>
    <row r="34" spans="1:4" ht="18" customHeight="1" x14ac:dyDescent="0.15">
      <c r="A34" s="5">
        <v>24</v>
      </c>
      <c r="B34" s="10">
        <v>10</v>
      </c>
      <c r="C34" s="14">
        <v>7</v>
      </c>
      <c r="D34" s="18">
        <v>17</v>
      </c>
    </row>
    <row r="35" spans="1:4" ht="18" customHeight="1" x14ac:dyDescent="0.15">
      <c r="A35" s="5" t="s">
        <v>9</v>
      </c>
      <c r="B35" s="10">
        <v>35</v>
      </c>
      <c r="C35" s="14">
        <v>34</v>
      </c>
      <c r="D35" s="18">
        <v>69</v>
      </c>
    </row>
    <row r="36" spans="1:4" ht="18" customHeight="1" x14ac:dyDescent="0.15">
      <c r="A36" s="5">
        <v>25</v>
      </c>
      <c r="B36" s="10">
        <v>6</v>
      </c>
      <c r="C36" s="14">
        <v>9</v>
      </c>
      <c r="D36" s="18">
        <v>15</v>
      </c>
    </row>
    <row r="37" spans="1:4" ht="18" customHeight="1" x14ac:dyDescent="0.15">
      <c r="A37" s="5">
        <v>26</v>
      </c>
      <c r="B37" s="10">
        <v>14</v>
      </c>
      <c r="C37" s="14">
        <v>7</v>
      </c>
      <c r="D37" s="18">
        <v>21</v>
      </c>
    </row>
    <row r="38" spans="1:4" ht="18" customHeight="1" x14ac:dyDescent="0.15">
      <c r="A38" s="5">
        <v>27</v>
      </c>
      <c r="B38" s="10">
        <v>12</v>
      </c>
      <c r="C38" s="14">
        <v>5</v>
      </c>
      <c r="D38" s="18">
        <v>17</v>
      </c>
    </row>
    <row r="39" spans="1:4" ht="18" customHeight="1" x14ac:dyDescent="0.15">
      <c r="A39" s="5">
        <v>28</v>
      </c>
      <c r="B39" s="10">
        <v>7</v>
      </c>
      <c r="C39" s="14">
        <v>5</v>
      </c>
      <c r="D39" s="18">
        <v>12</v>
      </c>
    </row>
    <row r="40" spans="1:4" ht="18" customHeight="1" x14ac:dyDescent="0.15">
      <c r="A40" s="5">
        <v>29</v>
      </c>
      <c r="B40" s="10">
        <v>4</v>
      </c>
      <c r="C40" s="14">
        <v>6</v>
      </c>
      <c r="D40" s="18">
        <v>10</v>
      </c>
    </row>
    <row r="41" spans="1:4" ht="18" customHeight="1" x14ac:dyDescent="0.15">
      <c r="A41" s="5" t="s">
        <v>2</v>
      </c>
      <c r="B41" s="10">
        <v>43</v>
      </c>
      <c r="C41" s="14">
        <v>32</v>
      </c>
      <c r="D41" s="18">
        <v>75</v>
      </c>
    </row>
    <row r="42" spans="1:4" ht="18" customHeight="1" x14ac:dyDescent="0.15">
      <c r="A42" s="5">
        <v>30</v>
      </c>
      <c r="B42" s="10">
        <v>6</v>
      </c>
      <c r="C42" s="14">
        <v>5</v>
      </c>
      <c r="D42" s="18">
        <v>11</v>
      </c>
    </row>
    <row r="43" spans="1:4" ht="18" customHeight="1" x14ac:dyDescent="0.15">
      <c r="A43" s="5">
        <v>31</v>
      </c>
      <c r="B43" s="10">
        <v>8</v>
      </c>
      <c r="C43" s="14">
        <v>6</v>
      </c>
      <c r="D43" s="18">
        <v>14</v>
      </c>
    </row>
    <row r="44" spans="1:4" ht="18" customHeight="1" x14ac:dyDescent="0.15">
      <c r="A44" s="5">
        <v>32</v>
      </c>
      <c r="B44" s="10">
        <v>11</v>
      </c>
      <c r="C44" s="14">
        <v>9</v>
      </c>
      <c r="D44" s="18">
        <v>20</v>
      </c>
    </row>
    <row r="45" spans="1:4" ht="18" customHeight="1" x14ac:dyDescent="0.15">
      <c r="A45" s="5">
        <v>33</v>
      </c>
      <c r="B45" s="10">
        <v>12</v>
      </c>
      <c r="C45" s="14">
        <v>7</v>
      </c>
      <c r="D45" s="18">
        <v>19</v>
      </c>
    </row>
    <row r="46" spans="1:4" ht="18" customHeight="1" x14ac:dyDescent="0.15">
      <c r="A46" s="5">
        <v>34</v>
      </c>
      <c r="B46" s="10">
        <v>3</v>
      </c>
      <c r="C46" s="14">
        <v>14</v>
      </c>
      <c r="D46" s="18">
        <v>17</v>
      </c>
    </row>
    <row r="47" spans="1:4" ht="18" customHeight="1" x14ac:dyDescent="0.15">
      <c r="A47" s="5" t="s">
        <v>15</v>
      </c>
      <c r="B47" s="10">
        <v>40</v>
      </c>
      <c r="C47" s="14">
        <v>41</v>
      </c>
      <c r="D47" s="18">
        <v>81</v>
      </c>
    </row>
    <row r="48" spans="1:4" ht="18" customHeight="1" x14ac:dyDescent="0.15">
      <c r="A48" s="5">
        <v>35</v>
      </c>
      <c r="B48" s="10">
        <v>10</v>
      </c>
      <c r="C48" s="14">
        <v>13</v>
      </c>
      <c r="D48" s="18">
        <v>23</v>
      </c>
    </row>
    <row r="49" spans="1:4" ht="18" customHeight="1" x14ac:dyDescent="0.15">
      <c r="A49" s="5">
        <v>36</v>
      </c>
      <c r="B49" s="10">
        <v>9</v>
      </c>
      <c r="C49" s="14">
        <v>5</v>
      </c>
      <c r="D49" s="18">
        <v>14</v>
      </c>
    </row>
    <row r="50" spans="1:4" ht="18" customHeight="1" x14ac:dyDescent="0.15">
      <c r="A50" s="5">
        <v>37</v>
      </c>
      <c r="B50" s="10">
        <v>16</v>
      </c>
      <c r="C50" s="14">
        <v>10</v>
      </c>
      <c r="D50" s="18">
        <v>26</v>
      </c>
    </row>
    <row r="51" spans="1:4" ht="18" customHeight="1" x14ac:dyDescent="0.15">
      <c r="A51" s="5">
        <v>38</v>
      </c>
      <c r="B51" s="10">
        <v>12</v>
      </c>
      <c r="C51" s="14">
        <v>14</v>
      </c>
      <c r="D51" s="18">
        <v>26</v>
      </c>
    </row>
    <row r="52" spans="1:4" ht="18" customHeight="1" x14ac:dyDescent="0.15">
      <c r="A52" s="5">
        <v>39</v>
      </c>
      <c r="B52" s="10">
        <v>18</v>
      </c>
      <c r="C52" s="14">
        <v>11</v>
      </c>
      <c r="D52" s="18">
        <v>29</v>
      </c>
    </row>
    <row r="53" spans="1:4" ht="18" customHeight="1" x14ac:dyDescent="0.15">
      <c r="A53" s="5" t="s">
        <v>18</v>
      </c>
      <c r="B53" s="10">
        <v>65</v>
      </c>
      <c r="C53" s="14">
        <v>53</v>
      </c>
      <c r="D53" s="18">
        <v>118</v>
      </c>
    </row>
    <row r="54" spans="1:4" ht="18" customHeight="1" x14ac:dyDescent="0.15">
      <c r="A54" s="5">
        <v>40</v>
      </c>
      <c r="B54" s="10">
        <v>17</v>
      </c>
      <c r="C54" s="14">
        <v>16</v>
      </c>
      <c r="D54" s="18">
        <v>33</v>
      </c>
    </row>
    <row r="55" spans="1:4" ht="18" customHeight="1" x14ac:dyDescent="0.15">
      <c r="A55" s="5">
        <v>41</v>
      </c>
      <c r="B55" s="10">
        <v>10</v>
      </c>
      <c r="C55" s="14">
        <v>18</v>
      </c>
      <c r="D55" s="18">
        <v>28</v>
      </c>
    </row>
    <row r="56" spans="1:4" ht="18" customHeight="1" x14ac:dyDescent="0.15">
      <c r="A56" s="5">
        <v>42</v>
      </c>
      <c r="B56" s="10">
        <v>15</v>
      </c>
      <c r="C56" s="14">
        <v>11</v>
      </c>
      <c r="D56" s="18">
        <v>26</v>
      </c>
    </row>
    <row r="57" spans="1:4" ht="18" customHeight="1" x14ac:dyDescent="0.15">
      <c r="A57" s="5">
        <v>43</v>
      </c>
      <c r="B57" s="10">
        <v>17</v>
      </c>
      <c r="C57" s="14">
        <v>8</v>
      </c>
      <c r="D57" s="18">
        <v>25</v>
      </c>
    </row>
    <row r="58" spans="1:4" ht="18" customHeight="1" x14ac:dyDescent="0.15">
      <c r="A58" s="5">
        <v>44</v>
      </c>
      <c r="B58" s="10">
        <v>19</v>
      </c>
      <c r="C58" s="14">
        <v>14</v>
      </c>
      <c r="D58" s="18">
        <v>33</v>
      </c>
    </row>
    <row r="59" spans="1:4" ht="18" customHeight="1" x14ac:dyDescent="0.15">
      <c r="A59" s="5" t="s">
        <v>21</v>
      </c>
      <c r="B59" s="10">
        <v>78</v>
      </c>
      <c r="C59" s="14">
        <v>67</v>
      </c>
      <c r="D59" s="18">
        <v>145</v>
      </c>
    </row>
    <row r="60" spans="1:4" ht="18" customHeight="1" x14ac:dyDescent="0.15">
      <c r="A60" s="5">
        <v>45</v>
      </c>
      <c r="B60" s="10">
        <v>6</v>
      </c>
      <c r="C60" s="14">
        <v>10</v>
      </c>
      <c r="D60" s="18">
        <v>16</v>
      </c>
    </row>
    <row r="61" spans="1:4" ht="18" customHeight="1" x14ac:dyDescent="0.15">
      <c r="A61" s="5">
        <v>46</v>
      </c>
      <c r="B61" s="10">
        <v>15</v>
      </c>
      <c r="C61" s="14">
        <v>20</v>
      </c>
      <c r="D61" s="18">
        <v>35</v>
      </c>
    </row>
    <row r="62" spans="1:4" ht="18" customHeight="1" x14ac:dyDescent="0.15">
      <c r="A62" s="5">
        <v>47</v>
      </c>
      <c r="B62" s="10">
        <v>6</v>
      </c>
      <c r="C62" s="14">
        <v>18</v>
      </c>
      <c r="D62" s="18">
        <v>24</v>
      </c>
    </row>
    <row r="63" spans="1:4" ht="18" customHeight="1" x14ac:dyDescent="0.15">
      <c r="A63" s="5">
        <v>48</v>
      </c>
      <c r="B63" s="10">
        <v>16</v>
      </c>
      <c r="C63" s="14">
        <v>24</v>
      </c>
      <c r="D63" s="18">
        <v>40</v>
      </c>
    </row>
    <row r="64" spans="1:4" ht="18" customHeight="1" x14ac:dyDescent="0.15">
      <c r="A64" s="5">
        <v>49</v>
      </c>
      <c r="B64" s="10">
        <v>25</v>
      </c>
      <c r="C64" s="14">
        <v>10</v>
      </c>
      <c r="D64" s="18">
        <v>35</v>
      </c>
    </row>
    <row r="65" spans="1:4" ht="18" customHeight="1" x14ac:dyDescent="0.15">
      <c r="A65" s="5" t="s">
        <v>17</v>
      </c>
      <c r="B65" s="10">
        <v>68</v>
      </c>
      <c r="C65" s="14">
        <v>82</v>
      </c>
      <c r="D65" s="18">
        <v>150</v>
      </c>
    </row>
    <row r="66" spans="1:4" ht="18" customHeight="1" x14ac:dyDescent="0.15">
      <c r="A66" s="5">
        <v>50</v>
      </c>
      <c r="B66" s="10">
        <v>24</v>
      </c>
      <c r="C66" s="14">
        <v>17</v>
      </c>
      <c r="D66" s="18">
        <v>41</v>
      </c>
    </row>
    <row r="67" spans="1:4" ht="18" customHeight="1" x14ac:dyDescent="0.15">
      <c r="A67" s="5">
        <v>51</v>
      </c>
      <c r="B67" s="10">
        <v>16</v>
      </c>
      <c r="C67" s="14">
        <v>23</v>
      </c>
      <c r="D67" s="18">
        <v>39</v>
      </c>
    </row>
    <row r="68" spans="1:4" ht="18" customHeight="1" x14ac:dyDescent="0.15">
      <c r="A68" s="5">
        <v>52</v>
      </c>
      <c r="B68" s="10">
        <v>19</v>
      </c>
      <c r="C68" s="14">
        <v>20</v>
      </c>
      <c r="D68" s="18">
        <v>39</v>
      </c>
    </row>
    <row r="69" spans="1:4" ht="18" customHeight="1" x14ac:dyDescent="0.15">
      <c r="A69" s="5">
        <v>53</v>
      </c>
      <c r="B69" s="10">
        <v>21</v>
      </c>
      <c r="C69" s="14">
        <v>27</v>
      </c>
      <c r="D69" s="18">
        <v>48</v>
      </c>
    </row>
    <row r="70" spans="1:4" ht="18" customHeight="1" x14ac:dyDescent="0.15">
      <c r="A70" s="5">
        <v>54</v>
      </c>
      <c r="B70" s="10">
        <v>15</v>
      </c>
      <c r="C70" s="14">
        <v>18</v>
      </c>
      <c r="D70" s="18">
        <v>33</v>
      </c>
    </row>
    <row r="71" spans="1:4" ht="18" customHeight="1" x14ac:dyDescent="0.15">
      <c r="A71" s="5" t="s">
        <v>22</v>
      </c>
      <c r="B71" s="10">
        <v>95</v>
      </c>
      <c r="C71" s="14">
        <v>105</v>
      </c>
      <c r="D71" s="18">
        <v>200</v>
      </c>
    </row>
    <row r="72" spans="1:4" ht="18" customHeight="1" x14ac:dyDescent="0.15">
      <c r="A72" s="5">
        <v>55</v>
      </c>
      <c r="B72" s="10">
        <v>20</v>
      </c>
      <c r="C72" s="14">
        <v>24</v>
      </c>
      <c r="D72" s="18">
        <v>44</v>
      </c>
    </row>
    <row r="73" spans="1:4" ht="18" customHeight="1" x14ac:dyDescent="0.15">
      <c r="A73" s="5">
        <v>56</v>
      </c>
      <c r="B73" s="10">
        <v>21</v>
      </c>
      <c r="C73" s="14">
        <v>21</v>
      </c>
      <c r="D73" s="18">
        <v>42</v>
      </c>
    </row>
    <row r="74" spans="1:4" ht="18" customHeight="1" x14ac:dyDescent="0.15">
      <c r="A74" s="5">
        <v>57</v>
      </c>
      <c r="B74" s="10">
        <v>25</v>
      </c>
      <c r="C74" s="14">
        <v>28</v>
      </c>
      <c r="D74" s="18">
        <v>53</v>
      </c>
    </row>
    <row r="75" spans="1:4" ht="18" customHeight="1" x14ac:dyDescent="0.15">
      <c r="A75" s="5">
        <v>58</v>
      </c>
      <c r="B75" s="10">
        <v>15</v>
      </c>
      <c r="C75" s="14">
        <v>18</v>
      </c>
      <c r="D75" s="18">
        <v>33</v>
      </c>
    </row>
    <row r="76" spans="1:4" ht="18" customHeight="1" x14ac:dyDescent="0.15">
      <c r="A76" s="5">
        <v>59</v>
      </c>
      <c r="B76" s="10">
        <v>13</v>
      </c>
      <c r="C76" s="14">
        <v>14</v>
      </c>
      <c r="D76" s="18">
        <v>27</v>
      </c>
    </row>
    <row r="77" spans="1:4" ht="18" customHeight="1" x14ac:dyDescent="0.15">
      <c r="A77" s="5" t="s">
        <v>27</v>
      </c>
      <c r="B77" s="10">
        <v>94</v>
      </c>
      <c r="C77" s="14">
        <v>105</v>
      </c>
      <c r="D77" s="18">
        <v>199</v>
      </c>
    </row>
    <row r="78" spans="1:4" ht="18" customHeight="1" x14ac:dyDescent="0.15">
      <c r="A78" s="5">
        <v>60</v>
      </c>
      <c r="B78" s="10">
        <v>12</v>
      </c>
      <c r="C78" s="14">
        <v>13</v>
      </c>
      <c r="D78" s="18">
        <v>25</v>
      </c>
    </row>
    <row r="79" spans="1:4" ht="18" customHeight="1" x14ac:dyDescent="0.15">
      <c r="A79" s="5">
        <v>61</v>
      </c>
      <c r="B79" s="10">
        <v>19</v>
      </c>
      <c r="C79" s="14">
        <v>14</v>
      </c>
      <c r="D79" s="18">
        <v>33</v>
      </c>
    </row>
    <row r="80" spans="1:4" ht="18" customHeight="1" x14ac:dyDescent="0.15">
      <c r="A80" s="5">
        <v>62</v>
      </c>
      <c r="B80" s="10">
        <v>14</v>
      </c>
      <c r="C80" s="14">
        <v>16</v>
      </c>
      <c r="D80" s="18">
        <v>30</v>
      </c>
    </row>
    <row r="81" spans="1:4" ht="18" customHeight="1" x14ac:dyDescent="0.15">
      <c r="A81" s="5">
        <v>63</v>
      </c>
      <c r="B81" s="10">
        <v>16</v>
      </c>
      <c r="C81" s="14">
        <v>12</v>
      </c>
      <c r="D81" s="18">
        <v>28</v>
      </c>
    </row>
    <row r="82" spans="1:4" ht="18" customHeight="1" x14ac:dyDescent="0.15">
      <c r="A82" s="5">
        <v>64</v>
      </c>
      <c r="B82" s="10">
        <v>20</v>
      </c>
      <c r="C82" s="14">
        <v>18</v>
      </c>
      <c r="D82" s="18">
        <v>38</v>
      </c>
    </row>
    <row r="83" spans="1:4" ht="18" customHeight="1" x14ac:dyDescent="0.15">
      <c r="A83" s="5" t="s">
        <v>28</v>
      </c>
      <c r="B83" s="10">
        <v>81</v>
      </c>
      <c r="C83" s="14">
        <v>73</v>
      </c>
      <c r="D83" s="18">
        <v>154</v>
      </c>
    </row>
    <row r="84" spans="1:4" ht="18" customHeight="1" x14ac:dyDescent="0.15">
      <c r="A84" s="5" t="s">
        <v>31</v>
      </c>
      <c r="B84" s="10">
        <v>642</v>
      </c>
      <c r="C84" s="14">
        <v>627</v>
      </c>
      <c r="D84" s="18">
        <v>1269</v>
      </c>
    </row>
    <row r="85" spans="1:4" ht="18" customHeight="1" x14ac:dyDescent="0.15">
      <c r="A85" s="5">
        <v>65</v>
      </c>
      <c r="B85" s="10">
        <v>10</v>
      </c>
      <c r="C85" s="14">
        <v>28</v>
      </c>
      <c r="D85" s="18">
        <v>38</v>
      </c>
    </row>
    <row r="86" spans="1:4" ht="18" customHeight="1" x14ac:dyDescent="0.15">
      <c r="A86" s="5">
        <v>66</v>
      </c>
      <c r="B86" s="10">
        <v>15</v>
      </c>
      <c r="C86" s="14">
        <v>18</v>
      </c>
      <c r="D86" s="18">
        <v>33</v>
      </c>
    </row>
    <row r="87" spans="1:4" ht="18" customHeight="1" x14ac:dyDescent="0.15">
      <c r="A87" s="5">
        <v>67</v>
      </c>
      <c r="B87" s="10">
        <v>12</v>
      </c>
      <c r="C87" s="14">
        <v>15</v>
      </c>
      <c r="D87" s="18">
        <v>27</v>
      </c>
    </row>
    <row r="88" spans="1:4" ht="18" customHeight="1" x14ac:dyDescent="0.15">
      <c r="A88" s="5">
        <v>68</v>
      </c>
      <c r="B88" s="10">
        <v>12</v>
      </c>
      <c r="C88" s="14">
        <v>24</v>
      </c>
      <c r="D88" s="18">
        <v>36</v>
      </c>
    </row>
    <row r="89" spans="1:4" ht="18" customHeight="1" x14ac:dyDescent="0.15">
      <c r="A89" s="5">
        <v>69</v>
      </c>
      <c r="B89" s="10">
        <v>20</v>
      </c>
      <c r="C89" s="14">
        <v>12</v>
      </c>
      <c r="D89" s="18">
        <v>32</v>
      </c>
    </row>
    <row r="90" spans="1:4" ht="18" customHeight="1" x14ac:dyDescent="0.15">
      <c r="A90" s="5" t="s">
        <v>20</v>
      </c>
      <c r="B90" s="10">
        <v>69</v>
      </c>
      <c r="C90" s="14">
        <v>97</v>
      </c>
      <c r="D90" s="18">
        <v>166</v>
      </c>
    </row>
    <row r="91" spans="1:4" ht="18" customHeight="1" x14ac:dyDescent="0.15">
      <c r="A91" s="5">
        <v>70</v>
      </c>
      <c r="B91" s="10">
        <v>18</v>
      </c>
      <c r="C91" s="14">
        <v>20</v>
      </c>
      <c r="D91" s="18">
        <v>38</v>
      </c>
    </row>
    <row r="92" spans="1:4" ht="18" customHeight="1" x14ac:dyDescent="0.15">
      <c r="A92" s="5">
        <v>71</v>
      </c>
      <c r="B92" s="10">
        <v>18</v>
      </c>
      <c r="C92" s="14">
        <v>19</v>
      </c>
      <c r="D92" s="18">
        <v>37</v>
      </c>
    </row>
    <row r="93" spans="1:4" ht="18" customHeight="1" x14ac:dyDescent="0.15">
      <c r="A93" s="5">
        <v>72</v>
      </c>
      <c r="B93" s="10">
        <v>13</v>
      </c>
      <c r="C93" s="14">
        <v>12</v>
      </c>
      <c r="D93" s="18">
        <v>25</v>
      </c>
    </row>
    <row r="94" spans="1:4" ht="18" customHeight="1" x14ac:dyDescent="0.15">
      <c r="A94" s="5">
        <v>73</v>
      </c>
      <c r="B94" s="10">
        <v>14</v>
      </c>
      <c r="C94" s="14">
        <v>18</v>
      </c>
      <c r="D94" s="18">
        <v>32</v>
      </c>
    </row>
    <row r="95" spans="1:4" ht="18" customHeight="1" x14ac:dyDescent="0.15">
      <c r="A95" s="5">
        <v>74</v>
      </c>
      <c r="B95" s="10">
        <v>13</v>
      </c>
      <c r="C95" s="14">
        <v>19</v>
      </c>
      <c r="D95" s="18">
        <v>32</v>
      </c>
    </row>
    <row r="96" spans="1:4" ht="18" customHeight="1" x14ac:dyDescent="0.15">
      <c r="A96" s="5" t="s">
        <v>33</v>
      </c>
      <c r="B96" s="10">
        <v>76</v>
      </c>
      <c r="C96" s="14">
        <v>88</v>
      </c>
      <c r="D96" s="18">
        <v>164</v>
      </c>
    </row>
    <row r="97" spans="1:4" ht="18" customHeight="1" x14ac:dyDescent="0.15">
      <c r="A97" s="5">
        <v>75</v>
      </c>
      <c r="B97" s="10">
        <v>12</v>
      </c>
      <c r="C97" s="14">
        <v>18</v>
      </c>
      <c r="D97" s="18">
        <v>30</v>
      </c>
    </row>
    <row r="98" spans="1:4" ht="18" customHeight="1" x14ac:dyDescent="0.15">
      <c r="A98" s="5">
        <v>76</v>
      </c>
      <c r="B98" s="10">
        <v>13</v>
      </c>
      <c r="C98" s="14">
        <v>25</v>
      </c>
      <c r="D98" s="18">
        <v>38</v>
      </c>
    </row>
    <row r="99" spans="1:4" ht="18" customHeight="1" x14ac:dyDescent="0.15">
      <c r="A99" s="5">
        <v>77</v>
      </c>
      <c r="B99" s="10">
        <v>18</v>
      </c>
      <c r="C99" s="14">
        <v>17</v>
      </c>
      <c r="D99" s="18">
        <v>35</v>
      </c>
    </row>
    <row r="100" spans="1:4" ht="18" customHeight="1" x14ac:dyDescent="0.15">
      <c r="A100" s="5">
        <v>78</v>
      </c>
      <c r="B100" s="10">
        <v>12</v>
      </c>
      <c r="C100" s="14">
        <v>22</v>
      </c>
      <c r="D100" s="18">
        <v>34</v>
      </c>
    </row>
    <row r="101" spans="1:4" ht="18" customHeight="1" x14ac:dyDescent="0.15">
      <c r="A101" s="5">
        <v>79</v>
      </c>
      <c r="B101" s="10">
        <v>8</v>
      </c>
      <c r="C101" s="14">
        <v>15</v>
      </c>
      <c r="D101" s="18">
        <v>23</v>
      </c>
    </row>
    <row r="102" spans="1:4" ht="18" customHeight="1" x14ac:dyDescent="0.15">
      <c r="A102" s="5" t="s">
        <v>0</v>
      </c>
      <c r="B102" s="10">
        <v>63</v>
      </c>
      <c r="C102" s="14">
        <v>97</v>
      </c>
      <c r="D102" s="18">
        <v>160</v>
      </c>
    </row>
    <row r="103" spans="1:4" ht="18" customHeight="1" x14ac:dyDescent="0.15">
      <c r="A103" s="5">
        <v>80</v>
      </c>
      <c r="B103" s="10">
        <v>9</v>
      </c>
      <c r="C103" s="14">
        <v>11</v>
      </c>
      <c r="D103" s="18">
        <v>20</v>
      </c>
    </row>
    <row r="104" spans="1:4" ht="18" customHeight="1" x14ac:dyDescent="0.15">
      <c r="A104" s="5">
        <v>81</v>
      </c>
      <c r="B104" s="10">
        <v>18</v>
      </c>
      <c r="C104" s="14">
        <v>11</v>
      </c>
      <c r="D104" s="18">
        <v>29</v>
      </c>
    </row>
    <row r="105" spans="1:4" ht="18" customHeight="1" x14ac:dyDescent="0.15">
      <c r="A105" s="5">
        <v>82</v>
      </c>
      <c r="B105" s="10">
        <v>6</v>
      </c>
      <c r="C105" s="14">
        <v>17</v>
      </c>
      <c r="D105" s="18">
        <v>23</v>
      </c>
    </row>
    <row r="106" spans="1:4" ht="18" customHeight="1" x14ac:dyDescent="0.15">
      <c r="A106" s="5">
        <v>83</v>
      </c>
      <c r="B106" s="10">
        <v>5</v>
      </c>
      <c r="C106" s="14">
        <v>11</v>
      </c>
      <c r="D106" s="18">
        <v>16</v>
      </c>
    </row>
    <row r="107" spans="1:4" ht="18" customHeight="1" x14ac:dyDescent="0.15">
      <c r="A107" s="5">
        <v>84</v>
      </c>
      <c r="B107" s="10">
        <v>10</v>
      </c>
      <c r="C107" s="14">
        <v>18</v>
      </c>
      <c r="D107" s="18">
        <v>28</v>
      </c>
    </row>
    <row r="108" spans="1:4" ht="18" customHeight="1" x14ac:dyDescent="0.15">
      <c r="A108" s="5" t="s">
        <v>35</v>
      </c>
      <c r="B108" s="10">
        <v>48</v>
      </c>
      <c r="C108" s="14">
        <v>68</v>
      </c>
      <c r="D108" s="18">
        <v>116</v>
      </c>
    </row>
    <row r="109" spans="1:4" ht="18" customHeight="1" x14ac:dyDescent="0.15">
      <c r="A109" s="5">
        <v>85</v>
      </c>
      <c r="B109" s="10">
        <v>11</v>
      </c>
      <c r="C109" s="14">
        <v>18</v>
      </c>
      <c r="D109" s="18">
        <v>29</v>
      </c>
    </row>
    <row r="110" spans="1:4" ht="18" customHeight="1" x14ac:dyDescent="0.15">
      <c r="A110" s="5">
        <v>86</v>
      </c>
      <c r="B110" s="10">
        <v>9</v>
      </c>
      <c r="C110" s="14">
        <v>12</v>
      </c>
      <c r="D110" s="18">
        <v>21</v>
      </c>
    </row>
    <row r="111" spans="1:4" ht="18" customHeight="1" x14ac:dyDescent="0.15">
      <c r="A111" s="5">
        <v>87</v>
      </c>
      <c r="B111" s="10">
        <v>2</v>
      </c>
      <c r="C111" s="14">
        <v>3</v>
      </c>
      <c r="D111" s="18">
        <v>5</v>
      </c>
    </row>
    <row r="112" spans="1:4" ht="18" customHeight="1" x14ac:dyDescent="0.15">
      <c r="A112" s="5">
        <v>88</v>
      </c>
      <c r="B112" s="10">
        <v>2</v>
      </c>
      <c r="C112" s="14">
        <v>13</v>
      </c>
      <c r="D112" s="18">
        <v>15</v>
      </c>
    </row>
    <row r="113" spans="1:4" ht="18" customHeight="1" x14ac:dyDescent="0.15">
      <c r="A113" s="5">
        <v>89</v>
      </c>
      <c r="B113" s="10">
        <v>2</v>
      </c>
      <c r="C113" s="14">
        <v>10</v>
      </c>
      <c r="D113" s="18">
        <v>12</v>
      </c>
    </row>
    <row r="114" spans="1:4" ht="18" customHeight="1" x14ac:dyDescent="0.15">
      <c r="A114" s="5" t="s">
        <v>37</v>
      </c>
      <c r="B114" s="10">
        <v>26</v>
      </c>
      <c r="C114" s="14">
        <v>56</v>
      </c>
      <c r="D114" s="18">
        <v>82</v>
      </c>
    </row>
    <row r="115" spans="1:4" ht="18" customHeight="1" x14ac:dyDescent="0.15">
      <c r="A115" s="5">
        <v>90</v>
      </c>
      <c r="B115" s="10">
        <v>2</v>
      </c>
      <c r="C115" s="14">
        <v>12</v>
      </c>
      <c r="D115" s="18">
        <v>14</v>
      </c>
    </row>
    <row r="116" spans="1:4" ht="18" customHeight="1" x14ac:dyDescent="0.15">
      <c r="A116" s="5">
        <v>91</v>
      </c>
      <c r="B116" s="10">
        <v>4</v>
      </c>
      <c r="C116" s="14">
        <v>4</v>
      </c>
      <c r="D116" s="18">
        <v>8</v>
      </c>
    </row>
    <row r="117" spans="1:4" ht="18" customHeight="1" x14ac:dyDescent="0.15">
      <c r="A117" s="5">
        <v>92</v>
      </c>
      <c r="B117" s="10">
        <v>10</v>
      </c>
      <c r="C117" s="14">
        <v>9</v>
      </c>
      <c r="D117" s="18">
        <v>19</v>
      </c>
    </row>
    <row r="118" spans="1:4" ht="18" customHeight="1" x14ac:dyDescent="0.15">
      <c r="A118" s="5">
        <v>93</v>
      </c>
      <c r="B118" s="10">
        <v>2</v>
      </c>
      <c r="C118" s="14">
        <v>8</v>
      </c>
      <c r="D118" s="18">
        <v>10</v>
      </c>
    </row>
    <row r="119" spans="1:4" ht="18" customHeight="1" x14ac:dyDescent="0.15">
      <c r="A119" s="5">
        <v>94</v>
      </c>
      <c r="B119" s="10">
        <v>1</v>
      </c>
      <c r="C119" s="14">
        <v>5</v>
      </c>
      <c r="D119" s="18">
        <v>6</v>
      </c>
    </row>
    <row r="120" spans="1:4" ht="18" customHeight="1" x14ac:dyDescent="0.15">
      <c r="A120" s="5" t="s">
        <v>39</v>
      </c>
      <c r="B120" s="10">
        <v>19</v>
      </c>
      <c r="C120" s="14">
        <v>38</v>
      </c>
      <c r="D120" s="18">
        <v>57</v>
      </c>
    </row>
    <row r="121" spans="1:4" ht="18" customHeight="1" x14ac:dyDescent="0.15">
      <c r="A121" s="5">
        <v>95</v>
      </c>
      <c r="B121" s="10">
        <v>2</v>
      </c>
      <c r="C121" s="14">
        <v>4</v>
      </c>
      <c r="D121" s="18">
        <v>6</v>
      </c>
    </row>
    <row r="122" spans="1:4" ht="18" customHeight="1" x14ac:dyDescent="0.15">
      <c r="A122" s="5">
        <v>96</v>
      </c>
      <c r="B122" s="10">
        <v>0</v>
      </c>
      <c r="C122" s="14">
        <v>5</v>
      </c>
      <c r="D122" s="18">
        <v>5</v>
      </c>
    </row>
    <row r="123" spans="1:4" ht="18" customHeight="1" x14ac:dyDescent="0.15">
      <c r="A123" s="5">
        <v>97</v>
      </c>
      <c r="B123" s="10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10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10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10">
        <v>3</v>
      </c>
      <c r="C126" s="14">
        <v>12</v>
      </c>
      <c r="D126" s="18">
        <v>15</v>
      </c>
    </row>
    <row r="127" spans="1:4" ht="18" customHeight="1" x14ac:dyDescent="0.15">
      <c r="A127" s="5">
        <v>100</v>
      </c>
      <c r="B127" s="10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10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10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10">
        <v>304</v>
      </c>
      <c r="C130" s="14">
        <v>461</v>
      </c>
      <c r="D130" s="18">
        <v>765</v>
      </c>
    </row>
    <row r="131" spans="1:4" ht="18" customHeight="1" x14ac:dyDescent="0.15">
      <c r="A131" s="7" t="s">
        <v>45</v>
      </c>
      <c r="B131" s="11">
        <v>1068</v>
      </c>
      <c r="C131" s="15">
        <v>1198</v>
      </c>
      <c r="D131" s="19">
        <v>226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5" fitToHeight="3" orientation="portrait" horizontalDpi="6553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3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8</v>
      </c>
      <c r="C5" s="13">
        <v>14</v>
      </c>
      <c r="D5" s="17">
        <v>32</v>
      </c>
    </row>
    <row r="6" spans="1:4" ht="18" customHeight="1" x14ac:dyDescent="0.15">
      <c r="A6" s="5">
        <v>1</v>
      </c>
      <c r="B6" s="22">
        <v>10</v>
      </c>
      <c r="C6" s="14">
        <v>16</v>
      </c>
      <c r="D6" s="18">
        <v>26</v>
      </c>
    </row>
    <row r="7" spans="1:4" ht="18" customHeight="1" x14ac:dyDescent="0.15">
      <c r="A7" s="5">
        <v>2</v>
      </c>
      <c r="B7" s="22">
        <v>18</v>
      </c>
      <c r="C7" s="14">
        <v>18</v>
      </c>
      <c r="D7" s="18">
        <v>36</v>
      </c>
    </row>
    <row r="8" spans="1:4" ht="18" customHeight="1" x14ac:dyDescent="0.15">
      <c r="A8" s="5">
        <v>3</v>
      </c>
      <c r="B8" s="22">
        <v>16</v>
      </c>
      <c r="C8" s="14">
        <v>21</v>
      </c>
      <c r="D8" s="18">
        <v>37</v>
      </c>
    </row>
    <row r="9" spans="1:4" ht="18" customHeight="1" x14ac:dyDescent="0.15">
      <c r="A9" s="5">
        <v>4</v>
      </c>
      <c r="B9" s="22">
        <v>20</v>
      </c>
      <c r="C9" s="14">
        <v>23</v>
      </c>
      <c r="D9" s="18">
        <v>43</v>
      </c>
    </row>
    <row r="10" spans="1:4" ht="18" customHeight="1" x14ac:dyDescent="0.15">
      <c r="A10" s="5" t="s">
        <v>7</v>
      </c>
      <c r="B10" s="22">
        <v>82</v>
      </c>
      <c r="C10" s="14">
        <v>92</v>
      </c>
      <c r="D10" s="18">
        <v>174</v>
      </c>
    </row>
    <row r="11" spans="1:4" ht="18" customHeight="1" x14ac:dyDescent="0.15">
      <c r="A11" s="5">
        <v>5</v>
      </c>
      <c r="B11" s="22">
        <v>29</v>
      </c>
      <c r="C11" s="14">
        <v>19</v>
      </c>
      <c r="D11" s="18">
        <v>48</v>
      </c>
    </row>
    <row r="12" spans="1:4" ht="18" customHeight="1" x14ac:dyDescent="0.15">
      <c r="A12" s="5">
        <v>6</v>
      </c>
      <c r="B12" s="22">
        <v>26</v>
      </c>
      <c r="C12" s="14">
        <v>17</v>
      </c>
      <c r="D12" s="18">
        <v>43</v>
      </c>
    </row>
    <row r="13" spans="1:4" ht="18" customHeight="1" x14ac:dyDescent="0.15">
      <c r="A13" s="5">
        <v>7</v>
      </c>
      <c r="B13" s="22">
        <v>17</v>
      </c>
      <c r="C13" s="14">
        <v>14</v>
      </c>
      <c r="D13" s="18">
        <v>31</v>
      </c>
    </row>
    <row r="14" spans="1:4" ht="18" customHeight="1" x14ac:dyDescent="0.15">
      <c r="A14" s="5">
        <v>8</v>
      </c>
      <c r="B14" s="22">
        <v>18</v>
      </c>
      <c r="C14" s="14">
        <v>21</v>
      </c>
      <c r="D14" s="18">
        <v>39</v>
      </c>
    </row>
    <row r="15" spans="1:4" ht="18" customHeight="1" x14ac:dyDescent="0.15">
      <c r="A15" s="5">
        <v>9</v>
      </c>
      <c r="B15" s="22">
        <v>21</v>
      </c>
      <c r="C15" s="14">
        <v>17</v>
      </c>
      <c r="D15" s="18">
        <v>38</v>
      </c>
    </row>
    <row r="16" spans="1:4" ht="18" customHeight="1" x14ac:dyDescent="0.15">
      <c r="A16" s="5" t="s">
        <v>11</v>
      </c>
      <c r="B16" s="22">
        <v>111</v>
      </c>
      <c r="C16" s="14">
        <v>88</v>
      </c>
      <c r="D16" s="18">
        <v>199</v>
      </c>
    </row>
    <row r="17" spans="1:4" ht="18" customHeight="1" x14ac:dyDescent="0.15">
      <c r="A17" s="5">
        <v>10</v>
      </c>
      <c r="B17" s="22">
        <v>25</v>
      </c>
      <c r="C17" s="14">
        <v>20</v>
      </c>
      <c r="D17" s="18">
        <v>45</v>
      </c>
    </row>
    <row r="18" spans="1:4" ht="18" customHeight="1" x14ac:dyDescent="0.15">
      <c r="A18" s="5">
        <v>11</v>
      </c>
      <c r="B18" s="22">
        <v>20</v>
      </c>
      <c r="C18" s="14">
        <v>31</v>
      </c>
      <c r="D18" s="18">
        <v>51</v>
      </c>
    </row>
    <row r="19" spans="1:4" ht="18" customHeight="1" x14ac:dyDescent="0.15">
      <c r="A19" s="5">
        <v>12</v>
      </c>
      <c r="B19" s="22">
        <v>23</v>
      </c>
      <c r="C19" s="14">
        <v>27</v>
      </c>
      <c r="D19" s="18">
        <v>50</v>
      </c>
    </row>
    <row r="20" spans="1:4" ht="18" customHeight="1" x14ac:dyDescent="0.15">
      <c r="A20" s="5">
        <v>13</v>
      </c>
      <c r="B20" s="22">
        <v>26</v>
      </c>
      <c r="C20" s="14">
        <v>23</v>
      </c>
      <c r="D20" s="18">
        <v>49</v>
      </c>
    </row>
    <row r="21" spans="1:4" ht="18" customHeight="1" x14ac:dyDescent="0.15">
      <c r="A21" s="5">
        <v>14</v>
      </c>
      <c r="B21" s="22">
        <v>19</v>
      </c>
      <c r="C21" s="14">
        <v>23</v>
      </c>
      <c r="D21" s="18">
        <v>42</v>
      </c>
    </row>
    <row r="22" spans="1:4" ht="18" customHeight="1" x14ac:dyDescent="0.15">
      <c r="A22" s="5" t="s">
        <v>12</v>
      </c>
      <c r="B22" s="22">
        <v>113</v>
      </c>
      <c r="C22" s="14">
        <v>124</v>
      </c>
      <c r="D22" s="18">
        <v>237</v>
      </c>
    </row>
    <row r="23" spans="1:4" ht="18" customHeight="1" x14ac:dyDescent="0.15">
      <c r="A23" s="5" t="s">
        <v>6</v>
      </c>
      <c r="B23" s="22">
        <v>306</v>
      </c>
      <c r="C23" s="14">
        <v>304</v>
      </c>
      <c r="D23" s="18">
        <v>610</v>
      </c>
    </row>
    <row r="24" spans="1:4" ht="18" customHeight="1" x14ac:dyDescent="0.15">
      <c r="A24" s="5">
        <v>15</v>
      </c>
      <c r="B24" s="22">
        <v>18</v>
      </c>
      <c r="C24" s="14">
        <v>28</v>
      </c>
      <c r="D24" s="18">
        <v>46</v>
      </c>
    </row>
    <row r="25" spans="1:4" ht="18" customHeight="1" x14ac:dyDescent="0.15">
      <c r="A25" s="5">
        <v>16</v>
      </c>
      <c r="B25" s="22">
        <v>21</v>
      </c>
      <c r="C25" s="14">
        <v>27</v>
      </c>
      <c r="D25" s="18">
        <v>48</v>
      </c>
    </row>
    <row r="26" spans="1:4" ht="18" customHeight="1" x14ac:dyDescent="0.15">
      <c r="A26" s="5">
        <v>17</v>
      </c>
      <c r="B26" s="22">
        <v>27</v>
      </c>
      <c r="C26" s="14">
        <v>24</v>
      </c>
      <c r="D26" s="18">
        <v>51</v>
      </c>
    </row>
    <row r="27" spans="1:4" ht="18" customHeight="1" x14ac:dyDescent="0.15">
      <c r="A27" s="5">
        <v>18</v>
      </c>
      <c r="B27" s="22">
        <v>23</v>
      </c>
      <c r="C27" s="14">
        <v>26</v>
      </c>
      <c r="D27" s="18">
        <v>49</v>
      </c>
    </row>
    <row r="28" spans="1:4" ht="18" customHeight="1" x14ac:dyDescent="0.15">
      <c r="A28" s="5">
        <v>19</v>
      </c>
      <c r="B28" s="22">
        <v>24</v>
      </c>
      <c r="C28" s="14">
        <v>29</v>
      </c>
      <c r="D28" s="18">
        <v>53</v>
      </c>
    </row>
    <row r="29" spans="1:4" ht="18" customHeight="1" x14ac:dyDescent="0.15">
      <c r="A29" s="5" t="s">
        <v>14</v>
      </c>
      <c r="B29" s="22">
        <v>113</v>
      </c>
      <c r="C29" s="14">
        <v>134</v>
      </c>
      <c r="D29" s="18">
        <v>247</v>
      </c>
    </row>
    <row r="30" spans="1:4" ht="18" customHeight="1" x14ac:dyDescent="0.15">
      <c r="A30" s="5">
        <v>20</v>
      </c>
      <c r="B30" s="22">
        <v>24</v>
      </c>
      <c r="C30" s="14">
        <v>17</v>
      </c>
      <c r="D30" s="18">
        <v>41</v>
      </c>
    </row>
    <row r="31" spans="1:4" ht="18" customHeight="1" x14ac:dyDescent="0.15">
      <c r="A31" s="5">
        <v>21</v>
      </c>
      <c r="B31" s="22">
        <v>30</v>
      </c>
      <c r="C31" s="14">
        <v>31</v>
      </c>
      <c r="D31" s="18">
        <v>61</v>
      </c>
    </row>
    <row r="32" spans="1:4" ht="18" customHeight="1" x14ac:dyDescent="0.15">
      <c r="A32" s="5">
        <v>22</v>
      </c>
      <c r="B32" s="22">
        <v>18</v>
      </c>
      <c r="C32" s="14">
        <v>28</v>
      </c>
      <c r="D32" s="18">
        <v>46</v>
      </c>
    </row>
    <row r="33" spans="1:4" ht="18" customHeight="1" x14ac:dyDescent="0.15">
      <c r="A33" s="5">
        <v>23</v>
      </c>
      <c r="B33" s="22">
        <v>28</v>
      </c>
      <c r="C33" s="14">
        <v>24</v>
      </c>
      <c r="D33" s="18">
        <v>52</v>
      </c>
    </row>
    <row r="34" spans="1:4" ht="18" customHeight="1" x14ac:dyDescent="0.15">
      <c r="A34" s="5">
        <v>24</v>
      </c>
      <c r="B34" s="22">
        <v>34</v>
      </c>
      <c r="C34" s="14">
        <v>20</v>
      </c>
      <c r="D34" s="18">
        <v>54</v>
      </c>
    </row>
    <row r="35" spans="1:4" ht="18" customHeight="1" x14ac:dyDescent="0.15">
      <c r="A35" s="5" t="s">
        <v>9</v>
      </c>
      <c r="B35" s="22">
        <v>134</v>
      </c>
      <c r="C35" s="14">
        <v>120</v>
      </c>
      <c r="D35" s="18">
        <v>254</v>
      </c>
    </row>
    <row r="36" spans="1:4" ht="18" customHeight="1" x14ac:dyDescent="0.15">
      <c r="A36" s="5">
        <v>25</v>
      </c>
      <c r="B36" s="22">
        <v>33</v>
      </c>
      <c r="C36" s="14">
        <v>21</v>
      </c>
      <c r="D36" s="18">
        <v>54</v>
      </c>
    </row>
    <row r="37" spans="1:4" ht="18" customHeight="1" x14ac:dyDescent="0.15">
      <c r="A37" s="5">
        <v>26</v>
      </c>
      <c r="B37" s="22">
        <v>20</v>
      </c>
      <c r="C37" s="14">
        <v>26</v>
      </c>
      <c r="D37" s="18">
        <v>46</v>
      </c>
    </row>
    <row r="38" spans="1:4" ht="18" customHeight="1" x14ac:dyDescent="0.15">
      <c r="A38" s="5">
        <v>27</v>
      </c>
      <c r="B38" s="22">
        <v>28</v>
      </c>
      <c r="C38" s="14">
        <v>23</v>
      </c>
      <c r="D38" s="18">
        <v>51</v>
      </c>
    </row>
    <row r="39" spans="1:4" ht="18" customHeight="1" x14ac:dyDescent="0.15">
      <c r="A39" s="5">
        <v>28</v>
      </c>
      <c r="B39" s="22">
        <v>30</v>
      </c>
      <c r="C39" s="14">
        <v>28</v>
      </c>
      <c r="D39" s="18">
        <v>58</v>
      </c>
    </row>
    <row r="40" spans="1:4" ht="18" customHeight="1" x14ac:dyDescent="0.15">
      <c r="A40" s="5">
        <v>29</v>
      </c>
      <c r="B40" s="22">
        <v>24</v>
      </c>
      <c r="C40" s="14">
        <v>20</v>
      </c>
      <c r="D40" s="18">
        <v>44</v>
      </c>
    </row>
    <row r="41" spans="1:4" ht="18" customHeight="1" x14ac:dyDescent="0.15">
      <c r="A41" s="5" t="s">
        <v>2</v>
      </c>
      <c r="B41" s="22">
        <v>135</v>
      </c>
      <c r="C41" s="14">
        <v>118</v>
      </c>
      <c r="D41" s="18">
        <v>253</v>
      </c>
    </row>
    <row r="42" spans="1:4" ht="18" customHeight="1" x14ac:dyDescent="0.15">
      <c r="A42" s="5">
        <v>30</v>
      </c>
      <c r="B42" s="22">
        <v>35</v>
      </c>
      <c r="C42" s="14">
        <v>22</v>
      </c>
      <c r="D42" s="18">
        <v>57</v>
      </c>
    </row>
    <row r="43" spans="1:4" ht="18" customHeight="1" x14ac:dyDescent="0.15">
      <c r="A43" s="5">
        <v>31</v>
      </c>
      <c r="B43" s="22">
        <v>38</v>
      </c>
      <c r="C43" s="14">
        <v>21</v>
      </c>
      <c r="D43" s="18">
        <v>59</v>
      </c>
    </row>
    <row r="44" spans="1:4" ht="18" customHeight="1" x14ac:dyDescent="0.15">
      <c r="A44" s="5">
        <v>32</v>
      </c>
      <c r="B44" s="22">
        <v>22</v>
      </c>
      <c r="C44" s="14">
        <v>25</v>
      </c>
      <c r="D44" s="18">
        <v>47</v>
      </c>
    </row>
    <row r="45" spans="1:4" ht="18" customHeight="1" x14ac:dyDescent="0.15">
      <c r="A45" s="5">
        <v>33</v>
      </c>
      <c r="B45" s="22">
        <v>39</v>
      </c>
      <c r="C45" s="14">
        <v>30</v>
      </c>
      <c r="D45" s="18">
        <v>69</v>
      </c>
    </row>
    <row r="46" spans="1:4" ht="18" customHeight="1" x14ac:dyDescent="0.15">
      <c r="A46" s="5">
        <v>34</v>
      </c>
      <c r="B46" s="22">
        <v>27</v>
      </c>
      <c r="C46" s="14">
        <v>20</v>
      </c>
      <c r="D46" s="18">
        <v>47</v>
      </c>
    </row>
    <row r="47" spans="1:4" ht="18" customHeight="1" x14ac:dyDescent="0.15">
      <c r="A47" s="5" t="s">
        <v>15</v>
      </c>
      <c r="B47" s="22">
        <v>161</v>
      </c>
      <c r="C47" s="14">
        <v>118</v>
      </c>
      <c r="D47" s="18">
        <v>279</v>
      </c>
    </row>
    <row r="48" spans="1:4" ht="18" customHeight="1" x14ac:dyDescent="0.15">
      <c r="A48" s="5">
        <v>35</v>
      </c>
      <c r="B48" s="22">
        <v>42</v>
      </c>
      <c r="C48" s="14">
        <v>31</v>
      </c>
      <c r="D48" s="18">
        <v>73</v>
      </c>
    </row>
    <row r="49" spans="1:4" ht="18" customHeight="1" x14ac:dyDescent="0.15">
      <c r="A49" s="5">
        <v>36</v>
      </c>
      <c r="B49" s="22">
        <v>20</v>
      </c>
      <c r="C49" s="14">
        <v>24</v>
      </c>
      <c r="D49" s="18">
        <v>44</v>
      </c>
    </row>
    <row r="50" spans="1:4" ht="18" customHeight="1" x14ac:dyDescent="0.15">
      <c r="A50" s="5">
        <v>37</v>
      </c>
      <c r="B50" s="22">
        <v>32</v>
      </c>
      <c r="C50" s="14">
        <v>22</v>
      </c>
      <c r="D50" s="18">
        <v>54</v>
      </c>
    </row>
    <row r="51" spans="1:4" ht="18" customHeight="1" x14ac:dyDescent="0.15">
      <c r="A51" s="5">
        <v>38</v>
      </c>
      <c r="B51" s="22">
        <v>31</v>
      </c>
      <c r="C51" s="14">
        <v>27</v>
      </c>
      <c r="D51" s="18">
        <v>58</v>
      </c>
    </row>
    <row r="52" spans="1:4" ht="18" customHeight="1" x14ac:dyDescent="0.15">
      <c r="A52" s="5">
        <v>39</v>
      </c>
      <c r="B52" s="22">
        <v>44</v>
      </c>
      <c r="C52" s="14">
        <v>35</v>
      </c>
      <c r="D52" s="18">
        <v>79</v>
      </c>
    </row>
    <row r="53" spans="1:4" ht="18" customHeight="1" x14ac:dyDescent="0.15">
      <c r="A53" s="5" t="s">
        <v>18</v>
      </c>
      <c r="B53" s="22">
        <v>169</v>
      </c>
      <c r="C53" s="14">
        <v>139</v>
      </c>
      <c r="D53" s="18">
        <v>308</v>
      </c>
    </row>
    <row r="54" spans="1:4" ht="18" customHeight="1" x14ac:dyDescent="0.15">
      <c r="A54" s="5">
        <v>40</v>
      </c>
      <c r="B54" s="22">
        <v>39</v>
      </c>
      <c r="C54" s="14">
        <v>27</v>
      </c>
      <c r="D54" s="18">
        <v>66</v>
      </c>
    </row>
    <row r="55" spans="1:4" ht="18" customHeight="1" x14ac:dyDescent="0.15">
      <c r="A55" s="5">
        <v>41</v>
      </c>
      <c r="B55" s="22">
        <v>24</v>
      </c>
      <c r="C55" s="14">
        <v>32</v>
      </c>
      <c r="D55" s="18">
        <v>56</v>
      </c>
    </row>
    <row r="56" spans="1:4" ht="18" customHeight="1" x14ac:dyDescent="0.15">
      <c r="A56" s="5">
        <v>42</v>
      </c>
      <c r="B56" s="22">
        <v>39</v>
      </c>
      <c r="C56" s="14">
        <v>33</v>
      </c>
      <c r="D56" s="18">
        <v>72</v>
      </c>
    </row>
    <row r="57" spans="1:4" ht="18" customHeight="1" x14ac:dyDescent="0.15">
      <c r="A57" s="5">
        <v>43</v>
      </c>
      <c r="B57" s="22">
        <v>37</v>
      </c>
      <c r="C57" s="14">
        <v>26</v>
      </c>
      <c r="D57" s="18">
        <v>63</v>
      </c>
    </row>
    <row r="58" spans="1:4" ht="18" customHeight="1" x14ac:dyDescent="0.15">
      <c r="A58" s="5">
        <v>44</v>
      </c>
      <c r="B58" s="22">
        <v>32</v>
      </c>
      <c r="C58" s="14">
        <v>34</v>
      </c>
      <c r="D58" s="18">
        <v>66</v>
      </c>
    </row>
    <row r="59" spans="1:4" ht="18" customHeight="1" x14ac:dyDescent="0.15">
      <c r="A59" s="5" t="s">
        <v>21</v>
      </c>
      <c r="B59" s="22">
        <v>171</v>
      </c>
      <c r="C59" s="14">
        <v>152</v>
      </c>
      <c r="D59" s="18">
        <v>323</v>
      </c>
    </row>
    <row r="60" spans="1:4" ht="18" customHeight="1" x14ac:dyDescent="0.15">
      <c r="A60" s="5">
        <v>45</v>
      </c>
      <c r="B60" s="22">
        <v>32</v>
      </c>
      <c r="C60" s="14">
        <v>34</v>
      </c>
      <c r="D60" s="18">
        <v>66</v>
      </c>
    </row>
    <row r="61" spans="1:4" ht="18" customHeight="1" x14ac:dyDescent="0.15">
      <c r="A61" s="5">
        <v>46</v>
      </c>
      <c r="B61" s="22">
        <v>35</v>
      </c>
      <c r="C61" s="14">
        <v>33</v>
      </c>
      <c r="D61" s="18">
        <v>68</v>
      </c>
    </row>
    <row r="62" spans="1:4" ht="18" customHeight="1" x14ac:dyDescent="0.15">
      <c r="A62" s="5">
        <v>47</v>
      </c>
      <c r="B62" s="22">
        <v>33</v>
      </c>
      <c r="C62" s="14">
        <v>38</v>
      </c>
      <c r="D62" s="18">
        <v>71</v>
      </c>
    </row>
    <row r="63" spans="1:4" ht="18" customHeight="1" x14ac:dyDescent="0.15">
      <c r="A63" s="5">
        <v>48</v>
      </c>
      <c r="B63" s="22">
        <v>48</v>
      </c>
      <c r="C63" s="14">
        <v>30</v>
      </c>
      <c r="D63" s="18">
        <v>78</v>
      </c>
    </row>
    <row r="64" spans="1:4" ht="18" customHeight="1" x14ac:dyDescent="0.15">
      <c r="A64" s="5">
        <v>49</v>
      </c>
      <c r="B64" s="22">
        <v>48</v>
      </c>
      <c r="C64" s="14">
        <v>46</v>
      </c>
      <c r="D64" s="18">
        <v>94</v>
      </c>
    </row>
    <row r="65" spans="1:4" ht="18" customHeight="1" x14ac:dyDescent="0.15">
      <c r="A65" s="5" t="s">
        <v>17</v>
      </c>
      <c r="B65" s="22">
        <v>196</v>
      </c>
      <c r="C65" s="14">
        <v>181</v>
      </c>
      <c r="D65" s="18">
        <v>377</v>
      </c>
    </row>
    <row r="66" spans="1:4" ht="18" customHeight="1" x14ac:dyDescent="0.15">
      <c r="A66" s="5">
        <v>50</v>
      </c>
      <c r="B66" s="22">
        <v>46</v>
      </c>
      <c r="C66" s="14">
        <v>38</v>
      </c>
      <c r="D66" s="18">
        <v>84</v>
      </c>
    </row>
    <row r="67" spans="1:4" ht="18" customHeight="1" x14ac:dyDescent="0.15">
      <c r="A67" s="5">
        <v>51</v>
      </c>
      <c r="B67" s="22">
        <v>35</v>
      </c>
      <c r="C67" s="14">
        <v>50</v>
      </c>
      <c r="D67" s="18">
        <v>85</v>
      </c>
    </row>
    <row r="68" spans="1:4" ht="18" customHeight="1" x14ac:dyDescent="0.15">
      <c r="A68" s="5">
        <v>52</v>
      </c>
      <c r="B68" s="22">
        <v>54</v>
      </c>
      <c r="C68" s="14">
        <v>47</v>
      </c>
      <c r="D68" s="18">
        <v>101</v>
      </c>
    </row>
    <row r="69" spans="1:4" ht="18" customHeight="1" x14ac:dyDescent="0.15">
      <c r="A69" s="5">
        <v>53</v>
      </c>
      <c r="B69" s="22">
        <v>46</v>
      </c>
      <c r="C69" s="14">
        <v>43</v>
      </c>
      <c r="D69" s="18">
        <v>89</v>
      </c>
    </row>
    <row r="70" spans="1:4" ht="18" customHeight="1" x14ac:dyDescent="0.15">
      <c r="A70" s="5">
        <v>54</v>
      </c>
      <c r="B70" s="22">
        <v>43</v>
      </c>
      <c r="C70" s="14">
        <v>40</v>
      </c>
      <c r="D70" s="18">
        <v>83</v>
      </c>
    </row>
    <row r="71" spans="1:4" ht="18" customHeight="1" x14ac:dyDescent="0.15">
      <c r="A71" s="5" t="s">
        <v>22</v>
      </c>
      <c r="B71" s="22">
        <v>224</v>
      </c>
      <c r="C71" s="14">
        <v>218</v>
      </c>
      <c r="D71" s="18">
        <v>442</v>
      </c>
    </row>
    <row r="72" spans="1:4" ht="18" customHeight="1" x14ac:dyDescent="0.15">
      <c r="A72" s="5">
        <v>55</v>
      </c>
      <c r="B72" s="22">
        <v>46</v>
      </c>
      <c r="C72" s="14">
        <v>41</v>
      </c>
      <c r="D72" s="18">
        <v>87</v>
      </c>
    </row>
    <row r="73" spans="1:4" ht="18" customHeight="1" x14ac:dyDescent="0.15">
      <c r="A73" s="5">
        <v>56</v>
      </c>
      <c r="B73" s="22">
        <v>56</v>
      </c>
      <c r="C73" s="14">
        <v>31</v>
      </c>
      <c r="D73" s="18">
        <v>87</v>
      </c>
    </row>
    <row r="74" spans="1:4" ht="18" customHeight="1" x14ac:dyDescent="0.15">
      <c r="A74" s="5">
        <v>57</v>
      </c>
      <c r="B74" s="22">
        <v>44</v>
      </c>
      <c r="C74" s="14">
        <v>45</v>
      </c>
      <c r="D74" s="18">
        <v>89</v>
      </c>
    </row>
    <row r="75" spans="1:4" ht="18" customHeight="1" x14ac:dyDescent="0.15">
      <c r="A75" s="5">
        <v>58</v>
      </c>
      <c r="B75" s="22">
        <v>33</v>
      </c>
      <c r="C75" s="14">
        <v>40</v>
      </c>
      <c r="D75" s="18">
        <v>73</v>
      </c>
    </row>
    <row r="76" spans="1:4" ht="18" customHeight="1" x14ac:dyDescent="0.15">
      <c r="A76" s="5">
        <v>59</v>
      </c>
      <c r="B76" s="22">
        <v>35</v>
      </c>
      <c r="C76" s="14">
        <v>36</v>
      </c>
      <c r="D76" s="18">
        <v>71</v>
      </c>
    </row>
    <row r="77" spans="1:4" ht="18" customHeight="1" x14ac:dyDescent="0.15">
      <c r="A77" s="5" t="s">
        <v>27</v>
      </c>
      <c r="B77" s="22">
        <v>214</v>
      </c>
      <c r="C77" s="14">
        <v>193</v>
      </c>
      <c r="D77" s="18">
        <v>407</v>
      </c>
    </row>
    <row r="78" spans="1:4" ht="18" customHeight="1" x14ac:dyDescent="0.15">
      <c r="A78" s="5">
        <v>60</v>
      </c>
      <c r="B78" s="22">
        <v>36</v>
      </c>
      <c r="C78" s="14">
        <v>27</v>
      </c>
      <c r="D78" s="18">
        <v>63</v>
      </c>
    </row>
    <row r="79" spans="1:4" ht="18" customHeight="1" x14ac:dyDescent="0.15">
      <c r="A79" s="5">
        <v>61</v>
      </c>
      <c r="B79" s="22">
        <v>38</v>
      </c>
      <c r="C79" s="14">
        <v>36</v>
      </c>
      <c r="D79" s="18">
        <v>74</v>
      </c>
    </row>
    <row r="80" spans="1:4" ht="18" customHeight="1" x14ac:dyDescent="0.15">
      <c r="A80" s="5">
        <v>62</v>
      </c>
      <c r="B80" s="22">
        <v>45</v>
      </c>
      <c r="C80" s="14">
        <v>39</v>
      </c>
      <c r="D80" s="18">
        <v>84</v>
      </c>
    </row>
    <row r="81" spans="1:4" ht="18" customHeight="1" x14ac:dyDescent="0.15">
      <c r="A81" s="5">
        <v>63</v>
      </c>
      <c r="B81" s="22">
        <v>27</v>
      </c>
      <c r="C81" s="14">
        <v>32</v>
      </c>
      <c r="D81" s="18">
        <v>59</v>
      </c>
    </row>
    <row r="82" spans="1:4" ht="18" customHeight="1" x14ac:dyDescent="0.15">
      <c r="A82" s="5">
        <v>64</v>
      </c>
      <c r="B82" s="22">
        <v>32</v>
      </c>
      <c r="C82" s="14">
        <v>27</v>
      </c>
      <c r="D82" s="18">
        <v>59</v>
      </c>
    </row>
    <row r="83" spans="1:4" ht="18" customHeight="1" x14ac:dyDescent="0.15">
      <c r="A83" s="5" t="s">
        <v>28</v>
      </c>
      <c r="B83" s="22">
        <v>178</v>
      </c>
      <c r="C83" s="14">
        <v>161</v>
      </c>
      <c r="D83" s="18">
        <v>339</v>
      </c>
    </row>
    <row r="84" spans="1:4" ht="18" customHeight="1" x14ac:dyDescent="0.15">
      <c r="A84" s="5" t="s">
        <v>31</v>
      </c>
      <c r="B84" s="22">
        <v>1695</v>
      </c>
      <c r="C84" s="14">
        <v>1534</v>
      </c>
      <c r="D84" s="18">
        <v>3229</v>
      </c>
    </row>
    <row r="85" spans="1:4" ht="18" customHeight="1" x14ac:dyDescent="0.15">
      <c r="A85" s="5">
        <v>65</v>
      </c>
      <c r="B85" s="22">
        <v>29</v>
      </c>
      <c r="C85" s="14">
        <v>32</v>
      </c>
      <c r="D85" s="18">
        <v>61</v>
      </c>
    </row>
    <row r="86" spans="1:4" ht="18" customHeight="1" x14ac:dyDescent="0.15">
      <c r="A86" s="5">
        <v>66</v>
      </c>
      <c r="B86" s="22">
        <v>33</v>
      </c>
      <c r="C86" s="14">
        <v>41</v>
      </c>
      <c r="D86" s="18">
        <v>74</v>
      </c>
    </row>
    <row r="87" spans="1:4" ht="18" customHeight="1" x14ac:dyDescent="0.15">
      <c r="A87" s="5">
        <v>67</v>
      </c>
      <c r="B87" s="22">
        <v>25</v>
      </c>
      <c r="C87" s="14">
        <v>28</v>
      </c>
      <c r="D87" s="18">
        <v>53</v>
      </c>
    </row>
    <row r="88" spans="1:4" ht="18" customHeight="1" x14ac:dyDescent="0.15">
      <c r="A88" s="5">
        <v>68</v>
      </c>
      <c r="B88" s="22">
        <v>29</v>
      </c>
      <c r="C88" s="14">
        <v>28</v>
      </c>
      <c r="D88" s="18">
        <v>57</v>
      </c>
    </row>
    <row r="89" spans="1:4" ht="18" customHeight="1" x14ac:dyDescent="0.15">
      <c r="A89" s="5">
        <v>69</v>
      </c>
      <c r="B89" s="22">
        <v>20</v>
      </c>
      <c r="C89" s="14">
        <v>39</v>
      </c>
      <c r="D89" s="18">
        <v>59</v>
      </c>
    </row>
    <row r="90" spans="1:4" ht="18" customHeight="1" x14ac:dyDescent="0.15">
      <c r="A90" s="5" t="s">
        <v>20</v>
      </c>
      <c r="B90" s="22">
        <v>136</v>
      </c>
      <c r="C90" s="14">
        <v>168</v>
      </c>
      <c r="D90" s="18">
        <v>304</v>
      </c>
    </row>
    <row r="91" spans="1:4" ht="18" customHeight="1" x14ac:dyDescent="0.15">
      <c r="A91" s="5">
        <v>70</v>
      </c>
      <c r="B91" s="22">
        <v>45</v>
      </c>
      <c r="C91" s="14">
        <v>44</v>
      </c>
      <c r="D91" s="18">
        <v>89</v>
      </c>
    </row>
    <row r="92" spans="1:4" ht="18" customHeight="1" x14ac:dyDescent="0.15">
      <c r="A92" s="5">
        <v>71</v>
      </c>
      <c r="B92" s="22">
        <v>40</v>
      </c>
      <c r="C92" s="14">
        <v>30</v>
      </c>
      <c r="D92" s="18">
        <v>70</v>
      </c>
    </row>
    <row r="93" spans="1:4" ht="18" customHeight="1" x14ac:dyDescent="0.15">
      <c r="A93" s="5">
        <v>72</v>
      </c>
      <c r="B93" s="22">
        <v>39</v>
      </c>
      <c r="C93" s="14">
        <v>43</v>
      </c>
      <c r="D93" s="18">
        <v>82</v>
      </c>
    </row>
    <row r="94" spans="1:4" ht="18" customHeight="1" x14ac:dyDescent="0.15">
      <c r="A94" s="5">
        <v>73</v>
      </c>
      <c r="B94" s="22">
        <v>41</v>
      </c>
      <c r="C94" s="14">
        <v>29</v>
      </c>
      <c r="D94" s="18">
        <v>70</v>
      </c>
    </row>
    <row r="95" spans="1:4" ht="18" customHeight="1" x14ac:dyDescent="0.15">
      <c r="A95" s="5">
        <v>74</v>
      </c>
      <c r="B95" s="22">
        <v>39</v>
      </c>
      <c r="C95" s="14">
        <v>57</v>
      </c>
      <c r="D95" s="18">
        <v>96</v>
      </c>
    </row>
    <row r="96" spans="1:4" ht="18" customHeight="1" x14ac:dyDescent="0.15">
      <c r="A96" s="5" t="s">
        <v>33</v>
      </c>
      <c r="B96" s="22">
        <v>204</v>
      </c>
      <c r="C96" s="14">
        <v>203</v>
      </c>
      <c r="D96" s="18">
        <v>407</v>
      </c>
    </row>
    <row r="97" spans="1:4" ht="18" customHeight="1" x14ac:dyDescent="0.15">
      <c r="A97" s="5">
        <v>75</v>
      </c>
      <c r="B97" s="22">
        <v>42</v>
      </c>
      <c r="C97" s="14">
        <v>43</v>
      </c>
      <c r="D97" s="18">
        <v>85</v>
      </c>
    </row>
    <row r="98" spans="1:4" ht="18" customHeight="1" x14ac:dyDescent="0.15">
      <c r="A98" s="5">
        <v>76</v>
      </c>
      <c r="B98" s="22">
        <v>50</v>
      </c>
      <c r="C98" s="14">
        <v>54</v>
      </c>
      <c r="D98" s="18">
        <v>104</v>
      </c>
    </row>
    <row r="99" spans="1:4" ht="18" customHeight="1" x14ac:dyDescent="0.15">
      <c r="A99" s="5">
        <v>77</v>
      </c>
      <c r="B99" s="22">
        <v>41</v>
      </c>
      <c r="C99" s="14">
        <v>63</v>
      </c>
      <c r="D99" s="18">
        <v>104</v>
      </c>
    </row>
    <row r="100" spans="1:4" ht="18" customHeight="1" x14ac:dyDescent="0.15">
      <c r="A100" s="5">
        <v>78</v>
      </c>
      <c r="B100" s="22">
        <v>39</v>
      </c>
      <c r="C100" s="14">
        <v>57</v>
      </c>
      <c r="D100" s="18">
        <v>96</v>
      </c>
    </row>
    <row r="101" spans="1:4" ht="18" customHeight="1" x14ac:dyDescent="0.15">
      <c r="A101" s="5">
        <v>79</v>
      </c>
      <c r="B101" s="22">
        <v>22</v>
      </c>
      <c r="C101" s="14">
        <v>43</v>
      </c>
      <c r="D101" s="18">
        <v>65</v>
      </c>
    </row>
    <row r="102" spans="1:4" ht="18" customHeight="1" x14ac:dyDescent="0.15">
      <c r="A102" s="5" t="s">
        <v>0</v>
      </c>
      <c r="B102" s="22">
        <v>194</v>
      </c>
      <c r="C102" s="14">
        <v>260</v>
      </c>
      <c r="D102" s="18">
        <v>454</v>
      </c>
    </row>
    <row r="103" spans="1:4" ht="18" customHeight="1" x14ac:dyDescent="0.15">
      <c r="A103" s="5">
        <v>80</v>
      </c>
      <c r="B103" s="22">
        <v>22</v>
      </c>
      <c r="C103" s="14">
        <v>22</v>
      </c>
      <c r="D103" s="18">
        <v>44</v>
      </c>
    </row>
    <row r="104" spans="1:4" ht="18" customHeight="1" x14ac:dyDescent="0.15">
      <c r="A104" s="5">
        <v>81</v>
      </c>
      <c r="B104" s="22">
        <v>29</v>
      </c>
      <c r="C104" s="14">
        <v>37</v>
      </c>
      <c r="D104" s="18">
        <v>66</v>
      </c>
    </row>
    <row r="105" spans="1:4" ht="18" customHeight="1" x14ac:dyDescent="0.15">
      <c r="A105" s="5">
        <v>82</v>
      </c>
      <c r="B105" s="22">
        <v>32</v>
      </c>
      <c r="C105" s="14">
        <v>43</v>
      </c>
      <c r="D105" s="18">
        <v>75</v>
      </c>
    </row>
    <row r="106" spans="1:4" ht="18" customHeight="1" x14ac:dyDescent="0.15">
      <c r="A106" s="5">
        <v>83</v>
      </c>
      <c r="B106" s="22">
        <v>35</v>
      </c>
      <c r="C106" s="14">
        <v>37</v>
      </c>
      <c r="D106" s="18">
        <v>72</v>
      </c>
    </row>
    <row r="107" spans="1:4" ht="18" customHeight="1" x14ac:dyDescent="0.15">
      <c r="A107" s="5">
        <v>84</v>
      </c>
      <c r="B107" s="22">
        <v>24</v>
      </c>
      <c r="C107" s="14">
        <v>35</v>
      </c>
      <c r="D107" s="18">
        <v>59</v>
      </c>
    </row>
    <row r="108" spans="1:4" ht="18" customHeight="1" x14ac:dyDescent="0.15">
      <c r="A108" s="5" t="s">
        <v>35</v>
      </c>
      <c r="B108" s="22">
        <v>142</v>
      </c>
      <c r="C108" s="14">
        <v>174</v>
      </c>
      <c r="D108" s="18">
        <v>316</v>
      </c>
    </row>
    <row r="109" spans="1:4" ht="18" customHeight="1" x14ac:dyDescent="0.15">
      <c r="A109" s="5">
        <v>85</v>
      </c>
      <c r="B109" s="22">
        <v>19</v>
      </c>
      <c r="C109" s="14">
        <v>33</v>
      </c>
      <c r="D109" s="18">
        <v>52</v>
      </c>
    </row>
    <row r="110" spans="1:4" ht="18" customHeight="1" x14ac:dyDescent="0.15">
      <c r="A110" s="5">
        <v>86</v>
      </c>
      <c r="B110" s="22">
        <v>9</v>
      </c>
      <c r="C110" s="14">
        <v>23</v>
      </c>
      <c r="D110" s="18">
        <v>32</v>
      </c>
    </row>
    <row r="111" spans="1:4" ht="18" customHeight="1" x14ac:dyDescent="0.15">
      <c r="A111" s="5">
        <v>87</v>
      </c>
      <c r="B111" s="22">
        <v>14</v>
      </c>
      <c r="C111" s="14">
        <v>19</v>
      </c>
      <c r="D111" s="18">
        <v>33</v>
      </c>
    </row>
    <row r="112" spans="1:4" ht="18" customHeight="1" x14ac:dyDescent="0.15">
      <c r="A112" s="5">
        <v>88</v>
      </c>
      <c r="B112" s="22">
        <v>9</v>
      </c>
      <c r="C112" s="14">
        <v>17</v>
      </c>
      <c r="D112" s="18">
        <v>26</v>
      </c>
    </row>
    <row r="113" spans="1:4" ht="18" customHeight="1" x14ac:dyDescent="0.15">
      <c r="A113" s="5">
        <v>89</v>
      </c>
      <c r="B113" s="22">
        <v>13</v>
      </c>
      <c r="C113" s="14">
        <v>18</v>
      </c>
      <c r="D113" s="18">
        <v>31</v>
      </c>
    </row>
    <row r="114" spans="1:4" ht="18" customHeight="1" x14ac:dyDescent="0.15">
      <c r="A114" s="5" t="s">
        <v>37</v>
      </c>
      <c r="B114" s="22">
        <v>64</v>
      </c>
      <c r="C114" s="14">
        <v>110</v>
      </c>
      <c r="D114" s="18">
        <v>174</v>
      </c>
    </row>
    <row r="115" spans="1:4" ht="18" customHeight="1" x14ac:dyDescent="0.15">
      <c r="A115" s="5">
        <v>90</v>
      </c>
      <c r="B115" s="22">
        <v>8</v>
      </c>
      <c r="C115" s="14">
        <v>27</v>
      </c>
      <c r="D115" s="18">
        <v>35</v>
      </c>
    </row>
    <row r="116" spans="1:4" ht="18" customHeight="1" x14ac:dyDescent="0.15">
      <c r="A116" s="5">
        <v>91</v>
      </c>
      <c r="B116" s="22">
        <v>3</v>
      </c>
      <c r="C116" s="14">
        <v>22</v>
      </c>
      <c r="D116" s="18">
        <v>25</v>
      </c>
    </row>
    <row r="117" spans="1:4" ht="18" customHeight="1" x14ac:dyDescent="0.15">
      <c r="A117" s="5">
        <v>92</v>
      </c>
      <c r="B117" s="22">
        <v>5</v>
      </c>
      <c r="C117" s="14">
        <v>14</v>
      </c>
      <c r="D117" s="18">
        <v>19</v>
      </c>
    </row>
    <row r="118" spans="1:4" ht="18" customHeight="1" x14ac:dyDescent="0.15">
      <c r="A118" s="5">
        <v>93</v>
      </c>
      <c r="B118" s="22">
        <v>7</v>
      </c>
      <c r="C118" s="14">
        <v>16</v>
      </c>
      <c r="D118" s="18">
        <v>23</v>
      </c>
    </row>
    <row r="119" spans="1:4" ht="18" customHeight="1" x14ac:dyDescent="0.15">
      <c r="A119" s="5">
        <v>94</v>
      </c>
      <c r="B119" s="22">
        <v>7</v>
      </c>
      <c r="C119" s="14">
        <v>9</v>
      </c>
      <c r="D119" s="18">
        <v>16</v>
      </c>
    </row>
    <row r="120" spans="1:4" ht="18" customHeight="1" x14ac:dyDescent="0.15">
      <c r="A120" s="5" t="s">
        <v>39</v>
      </c>
      <c r="B120" s="22">
        <v>30</v>
      </c>
      <c r="C120" s="14">
        <v>88</v>
      </c>
      <c r="D120" s="18">
        <v>118</v>
      </c>
    </row>
    <row r="121" spans="1:4" ht="18" customHeight="1" x14ac:dyDescent="0.15">
      <c r="A121" s="5">
        <v>95</v>
      </c>
      <c r="B121" s="22">
        <v>0</v>
      </c>
      <c r="C121" s="14">
        <v>13</v>
      </c>
      <c r="D121" s="18">
        <v>13</v>
      </c>
    </row>
    <row r="122" spans="1:4" ht="18" customHeight="1" x14ac:dyDescent="0.15">
      <c r="A122" s="5">
        <v>96</v>
      </c>
      <c r="B122" s="22">
        <v>3</v>
      </c>
      <c r="C122" s="14">
        <v>4</v>
      </c>
      <c r="D122" s="18">
        <v>7</v>
      </c>
    </row>
    <row r="123" spans="1:4" ht="18" customHeight="1" x14ac:dyDescent="0.15">
      <c r="A123" s="5">
        <v>97</v>
      </c>
      <c r="B123" s="22">
        <v>2</v>
      </c>
      <c r="C123" s="14">
        <v>11</v>
      </c>
      <c r="D123" s="18">
        <v>13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37</v>
      </c>
      <c r="D126" s="18">
        <v>42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1</v>
      </c>
      <c r="C128" s="14">
        <v>3</v>
      </c>
      <c r="D128" s="18">
        <v>4</v>
      </c>
    </row>
    <row r="129" spans="1:4" ht="18" customHeight="1" x14ac:dyDescent="0.15">
      <c r="A129" s="5" t="s">
        <v>44</v>
      </c>
      <c r="B129" s="22">
        <v>2</v>
      </c>
      <c r="C129" s="14">
        <v>7</v>
      </c>
      <c r="D129" s="18">
        <v>9</v>
      </c>
    </row>
    <row r="130" spans="1:4" ht="18" customHeight="1" x14ac:dyDescent="0.15">
      <c r="A130" s="5" t="s">
        <v>46</v>
      </c>
      <c r="B130" s="22">
        <v>777</v>
      </c>
      <c r="C130" s="14">
        <v>1047</v>
      </c>
      <c r="D130" s="18">
        <v>1824</v>
      </c>
    </row>
    <row r="131" spans="1:4" ht="18" customHeight="1" x14ac:dyDescent="0.15">
      <c r="A131" s="7" t="s">
        <v>45</v>
      </c>
      <c r="B131" s="23">
        <v>2778</v>
      </c>
      <c r="C131" s="15">
        <v>2885</v>
      </c>
      <c r="D131" s="19">
        <v>566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3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2</v>
      </c>
      <c r="C5" s="13">
        <v>23</v>
      </c>
      <c r="D5" s="17">
        <v>35</v>
      </c>
    </row>
    <row r="6" spans="1:4" ht="18" customHeight="1" x14ac:dyDescent="0.15">
      <c r="A6" s="5">
        <v>1</v>
      </c>
      <c r="B6" s="22">
        <v>21</v>
      </c>
      <c r="C6" s="14">
        <v>24</v>
      </c>
      <c r="D6" s="18">
        <v>45</v>
      </c>
    </row>
    <row r="7" spans="1:4" ht="18" customHeight="1" x14ac:dyDescent="0.15">
      <c r="A7" s="5">
        <v>2</v>
      </c>
      <c r="B7" s="22">
        <v>20</v>
      </c>
      <c r="C7" s="14">
        <v>20</v>
      </c>
      <c r="D7" s="18">
        <v>40</v>
      </c>
    </row>
    <row r="8" spans="1:4" ht="18" customHeight="1" x14ac:dyDescent="0.15">
      <c r="A8" s="5">
        <v>3</v>
      </c>
      <c r="B8" s="22">
        <v>29</v>
      </c>
      <c r="C8" s="14">
        <v>18</v>
      </c>
      <c r="D8" s="18">
        <v>47</v>
      </c>
    </row>
    <row r="9" spans="1:4" ht="18" customHeight="1" x14ac:dyDescent="0.15">
      <c r="A9" s="5">
        <v>4</v>
      </c>
      <c r="B9" s="22">
        <v>29</v>
      </c>
      <c r="C9" s="14">
        <v>25</v>
      </c>
      <c r="D9" s="18">
        <v>54</v>
      </c>
    </row>
    <row r="10" spans="1:4" ht="18" customHeight="1" x14ac:dyDescent="0.15">
      <c r="A10" s="5" t="s">
        <v>7</v>
      </c>
      <c r="B10" s="22">
        <v>111</v>
      </c>
      <c r="C10" s="14">
        <v>110</v>
      </c>
      <c r="D10" s="18">
        <v>221</v>
      </c>
    </row>
    <row r="11" spans="1:4" ht="18" customHeight="1" x14ac:dyDescent="0.15">
      <c r="A11" s="5">
        <v>5</v>
      </c>
      <c r="B11" s="22">
        <v>22</v>
      </c>
      <c r="C11" s="14">
        <v>19</v>
      </c>
      <c r="D11" s="18">
        <v>41</v>
      </c>
    </row>
    <row r="12" spans="1:4" ht="18" customHeight="1" x14ac:dyDescent="0.15">
      <c r="A12" s="5">
        <v>6</v>
      </c>
      <c r="B12" s="22">
        <v>24</v>
      </c>
      <c r="C12" s="14">
        <v>20</v>
      </c>
      <c r="D12" s="18">
        <v>44</v>
      </c>
    </row>
    <row r="13" spans="1:4" ht="18" customHeight="1" x14ac:dyDescent="0.15">
      <c r="A13" s="5">
        <v>7</v>
      </c>
      <c r="B13" s="22">
        <v>26</v>
      </c>
      <c r="C13" s="14">
        <v>23</v>
      </c>
      <c r="D13" s="18">
        <v>49</v>
      </c>
    </row>
    <row r="14" spans="1:4" ht="18" customHeight="1" x14ac:dyDescent="0.15">
      <c r="A14" s="5">
        <v>8</v>
      </c>
      <c r="B14" s="22">
        <v>23</v>
      </c>
      <c r="C14" s="14">
        <v>20</v>
      </c>
      <c r="D14" s="18">
        <v>43</v>
      </c>
    </row>
    <row r="15" spans="1:4" ht="18" customHeight="1" x14ac:dyDescent="0.15">
      <c r="A15" s="5">
        <v>9</v>
      </c>
      <c r="B15" s="22">
        <v>27</v>
      </c>
      <c r="C15" s="14">
        <v>28</v>
      </c>
      <c r="D15" s="18">
        <v>55</v>
      </c>
    </row>
    <row r="16" spans="1:4" ht="18" customHeight="1" x14ac:dyDescent="0.15">
      <c r="A16" s="5" t="s">
        <v>11</v>
      </c>
      <c r="B16" s="22">
        <v>122</v>
      </c>
      <c r="C16" s="14">
        <v>110</v>
      </c>
      <c r="D16" s="18">
        <v>232</v>
      </c>
    </row>
    <row r="17" spans="1:4" ht="18" customHeight="1" x14ac:dyDescent="0.15">
      <c r="A17" s="5">
        <v>10</v>
      </c>
      <c r="B17" s="22">
        <v>26</v>
      </c>
      <c r="C17" s="14">
        <v>30</v>
      </c>
      <c r="D17" s="18">
        <v>56</v>
      </c>
    </row>
    <row r="18" spans="1:4" ht="18" customHeight="1" x14ac:dyDescent="0.15">
      <c r="A18" s="5">
        <v>11</v>
      </c>
      <c r="B18" s="22">
        <v>30</v>
      </c>
      <c r="C18" s="14">
        <v>25</v>
      </c>
      <c r="D18" s="18">
        <v>55</v>
      </c>
    </row>
    <row r="19" spans="1:4" ht="18" customHeight="1" x14ac:dyDescent="0.15">
      <c r="A19" s="5">
        <v>12</v>
      </c>
      <c r="B19" s="22">
        <v>27</v>
      </c>
      <c r="C19" s="14">
        <v>29</v>
      </c>
      <c r="D19" s="18">
        <v>56</v>
      </c>
    </row>
    <row r="20" spans="1:4" ht="18" customHeight="1" x14ac:dyDescent="0.15">
      <c r="A20" s="5">
        <v>13</v>
      </c>
      <c r="B20" s="22">
        <v>30</v>
      </c>
      <c r="C20" s="14">
        <v>36</v>
      </c>
      <c r="D20" s="18">
        <v>66</v>
      </c>
    </row>
    <row r="21" spans="1:4" ht="18" customHeight="1" x14ac:dyDescent="0.15">
      <c r="A21" s="5">
        <v>14</v>
      </c>
      <c r="B21" s="22">
        <v>39</v>
      </c>
      <c r="C21" s="14">
        <v>28</v>
      </c>
      <c r="D21" s="18">
        <v>67</v>
      </c>
    </row>
    <row r="22" spans="1:4" ht="18" customHeight="1" x14ac:dyDescent="0.15">
      <c r="A22" s="5" t="s">
        <v>12</v>
      </c>
      <c r="B22" s="22">
        <v>152</v>
      </c>
      <c r="C22" s="14">
        <v>148</v>
      </c>
      <c r="D22" s="18">
        <v>300</v>
      </c>
    </row>
    <row r="23" spans="1:4" ht="18" customHeight="1" x14ac:dyDescent="0.15">
      <c r="A23" s="5" t="s">
        <v>6</v>
      </c>
      <c r="B23" s="22">
        <v>385</v>
      </c>
      <c r="C23" s="14">
        <v>368</v>
      </c>
      <c r="D23" s="18">
        <v>753</v>
      </c>
    </row>
    <row r="24" spans="1:4" ht="18" customHeight="1" x14ac:dyDescent="0.15">
      <c r="A24" s="5">
        <v>15</v>
      </c>
      <c r="B24" s="22">
        <v>35</v>
      </c>
      <c r="C24" s="14">
        <v>22</v>
      </c>
      <c r="D24" s="18">
        <v>57</v>
      </c>
    </row>
    <row r="25" spans="1:4" ht="18" customHeight="1" x14ac:dyDescent="0.15">
      <c r="A25" s="5">
        <v>16</v>
      </c>
      <c r="B25" s="22">
        <v>32</v>
      </c>
      <c r="C25" s="14">
        <v>28</v>
      </c>
      <c r="D25" s="18">
        <v>60</v>
      </c>
    </row>
    <row r="26" spans="1:4" ht="18" customHeight="1" x14ac:dyDescent="0.15">
      <c r="A26" s="5">
        <v>17</v>
      </c>
      <c r="B26" s="22">
        <v>29</v>
      </c>
      <c r="C26" s="14">
        <v>27</v>
      </c>
      <c r="D26" s="18">
        <v>56</v>
      </c>
    </row>
    <row r="27" spans="1:4" ht="18" customHeight="1" x14ac:dyDescent="0.15">
      <c r="A27" s="5">
        <v>18</v>
      </c>
      <c r="B27" s="22">
        <v>38</v>
      </c>
      <c r="C27" s="14">
        <v>38</v>
      </c>
      <c r="D27" s="18">
        <v>76</v>
      </c>
    </row>
    <row r="28" spans="1:4" ht="18" customHeight="1" x14ac:dyDescent="0.15">
      <c r="A28" s="5">
        <v>19</v>
      </c>
      <c r="B28" s="22">
        <v>32</v>
      </c>
      <c r="C28" s="14">
        <v>29</v>
      </c>
      <c r="D28" s="18">
        <v>61</v>
      </c>
    </row>
    <row r="29" spans="1:4" ht="18" customHeight="1" x14ac:dyDescent="0.15">
      <c r="A29" s="5" t="s">
        <v>14</v>
      </c>
      <c r="B29" s="22">
        <v>166</v>
      </c>
      <c r="C29" s="14">
        <v>144</v>
      </c>
      <c r="D29" s="18">
        <v>310</v>
      </c>
    </row>
    <row r="30" spans="1:4" ht="18" customHeight="1" x14ac:dyDescent="0.15">
      <c r="A30" s="5">
        <v>20</v>
      </c>
      <c r="B30" s="22">
        <v>40</v>
      </c>
      <c r="C30" s="14">
        <v>35</v>
      </c>
      <c r="D30" s="18">
        <v>75</v>
      </c>
    </row>
    <row r="31" spans="1:4" ht="18" customHeight="1" x14ac:dyDescent="0.15">
      <c r="A31" s="5">
        <v>21</v>
      </c>
      <c r="B31" s="22">
        <v>44</v>
      </c>
      <c r="C31" s="14">
        <v>40</v>
      </c>
      <c r="D31" s="18">
        <v>84</v>
      </c>
    </row>
    <row r="32" spans="1:4" ht="18" customHeight="1" x14ac:dyDescent="0.15">
      <c r="A32" s="5">
        <v>22</v>
      </c>
      <c r="B32" s="22">
        <v>51</v>
      </c>
      <c r="C32" s="14">
        <v>43</v>
      </c>
      <c r="D32" s="18">
        <v>94</v>
      </c>
    </row>
    <row r="33" spans="1:4" ht="18" customHeight="1" x14ac:dyDescent="0.15">
      <c r="A33" s="5">
        <v>23</v>
      </c>
      <c r="B33" s="22">
        <v>52</v>
      </c>
      <c r="C33" s="14">
        <v>42</v>
      </c>
      <c r="D33" s="18">
        <v>94</v>
      </c>
    </row>
    <row r="34" spans="1:4" ht="18" customHeight="1" x14ac:dyDescent="0.15">
      <c r="A34" s="5">
        <v>24</v>
      </c>
      <c r="B34" s="22">
        <v>28</v>
      </c>
      <c r="C34" s="14">
        <v>26</v>
      </c>
      <c r="D34" s="18">
        <v>54</v>
      </c>
    </row>
    <row r="35" spans="1:4" ht="18" customHeight="1" x14ac:dyDescent="0.15">
      <c r="A35" s="5" t="s">
        <v>9</v>
      </c>
      <c r="B35" s="22">
        <v>215</v>
      </c>
      <c r="C35" s="14">
        <v>186</v>
      </c>
      <c r="D35" s="18">
        <v>401</v>
      </c>
    </row>
    <row r="36" spans="1:4" ht="18" customHeight="1" x14ac:dyDescent="0.15">
      <c r="A36" s="5">
        <v>25</v>
      </c>
      <c r="B36" s="22">
        <v>39</v>
      </c>
      <c r="C36" s="14">
        <v>26</v>
      </c>
      <c r="D36" s="18">
        <v>65</v>
      </c>
    </row>
    <row r="37" spans="1:4" ht="18" customHeight="1" x14ac:dyDescent="0.15">
      <c r="A37" s="5">
        <v>26</v>
      </c>
      <c r="B37" s="22">
        <v>33</v>
      </c>
      <c r="C37" s="14">
        <v>38</v>
      </c>
      <c r="D37" s="18">
        <v>71</v>
      </c>
    </row>
    <row r="38" spans="1:4" ht="18" customHeight="1" x14ac:dyDescent="0.15">
      <c r="A38" s="5">
        <v>27</v>
      </c>
      <c r="B38" s="22">
        <v>43</v>
      </c>
      <c r="C38" s="14">
        <v>36</v>
      </c>
      <c r="D38" s="18">
        <v>79</v>
      </c>
    </row>
    <row r="39" spans="1:4" ht="18" customHeight="1" x14ac:dyDescent="0.15">
      <c r="A39" s="5">
        <v>28</v>
      </c>
      <c r="B39" s="22">
        <v>29</v>
      </c>
      <c r="C39" s="14">
        <v>32</v>
      </c>
      <c r="D39" s="18">
        <v>61</v>
      </c>
    </row>
    <row r="40" spans="1:4" ht="18" customHeight="1" x14ac:dyDescent="0.15">
      <c r="A40" s="5">
        <v>29</v>
      </c>
      <c r="B40" s="22">
        <v>44</v>
      </c>
      <c r="C40" s="14">
        <v>28</v>
      </c>
      <c r="D40" s="18">
        <v>72</v>
      </c>
    </row>
    <row r="41" spans="1:4" ht="18" customHeight="1" x14ac:dyDescent="0.15">
      <c r="A41" s="5" t="s">
        <v>2</v>
      </c>
      <c r="B41" s="22">
        <v>188</v>
      </c>
      <c r="C41" s="14">
        <v>160</v>
      </c>
      <c r="D41" s="18">
        <v>348</v>
      </c>
    </row>
    <row r="42" spans="1:4" ht="18" customHeight="1" x14ac:dyDescent="0.15">
      <c r="A42" s="5">
        <v>30</v>
      </c>
      <c r="B42" s="22">
        <v>46</v>
      </c>
      <c r="C42" s="14">
        <v>28</v>
      </c>
      <c r="D42" s="18">
        <v>74</v>
      </c>
    </row>
    <row r="43" spans="1:4" ht="18" customHeight="1" x14ac:dyDescent="0.15">
      <c r="A43" s="5">
        <v>31</v>
      </c>
      <c r="B43" s="22">
        <v>37</v>
      </c>
      <c r="C43" s="14">
        <v>28</v>
      </c>
      <c r="D43" s="18">
        <v>65</v>
      </c>
    </row>
    <row r="44" spans="1:4" ht="18" customHeight="1" x14ac:dyDescent="0.15">
      <c r="A44" s="5">
        <v>32</v>
      </c>
      <c r="B44" s="22">
        <v>27</v>
      </c>
      <c r="C44" s="14">
        <v>28</v>
      </c>
      <c r="D44" s="18">
        <v>55</v>
      </c>
    </row>
    <row r="45" spans="1:4" ht="18" customHeight="1" x14ac:dyDescent="0.15">
      <c r="A45" s="5">
        <v>33</v>
      </c>
      <c r="B45" s="22">
        <v>34</v>
      </c>
      <c r="C45" s="14">
        <v>14</v>
      </c>
      <c r="D45" s="18">
        <v>48</v>
      </c>
    </row>
    <row r="46" spans="1:4" ht="18" customHeight="1" x14ac:dyDescent="0.15">
      <c r="A46" s="5">
        <v>34</v>
      </c>
      <c r="B46" s="22">
        <v>37</v>
      </c>
      <c r="C46" s="14">
        <v>20</v>
      </c>
      <c r="D46" s="18">
        <v>57</v>
      </c>
    </row>
    <row r="47" spans="1:4" ht="18" customHeight="1" x14ac:dyDescent="0.15">
      <c r="A47" s="5" t="s">
        <v>15</v>
      </c>
      <c r="B47" s="22">
        <v>181</v>
      </c>
      <c r="C47" s="14">
        <v>118</v>
      </c>
      <c r="D47" s="18">
        <v>299</v>
      </c>
    </row>
    <row r="48" spans="1:4" ht="18" customHeight="1" x14ac:dyDescent="0.15">
      <c r="A48" s="5">
        <v>35</v>
      </c>
      <c r="B48" s="22">
        <v>36</v>
      </c>
      <c r="C48" s="14">
        <v>29</v>
      </c>
      <c r="D48" s="18">
        <v>65</v>
      </c>
    </row>
    <row r="49" spans="1:4" ht="18" customHeight="1" x14ac:dyDescent="0.15">
      <c r="A49" s="5">
        <v>36</v>
      </c>
      <c r="B49" s="22">
        <v>40</v>
      </c>
      <c r="C49" s="14">
        <v>25</v>
      </c>
      <c r="D49" s="18">
        <v>65</v>
      </c>
    </row>
    <row r="50" spans="1:4" ht="18" customHeight="1" x14ac:dyDescent="0.15">
      <c r="A50" s="5">
        <v>37</v>
      </c>
      <c r="B50" s="22">
        <v>31</v>
      </c>
      <c r="C50" s="14">
        <v>36</v>
      </c>
      <c r="D50" s="18">
        <v>67</v>
      </c>
    </row>
    <row r="51" spans="1:4" ht="18" customHeight="1" x14ac:dyDescent="0.15">
      <c r="A51" s="5">
        <v>38</v>
      </c>
      <c r="B51" s="22">
        <v>33</v>
      </c>
      <c r="C51" s="14">
        <v>45</v>
      </c>
      <c r="D51" s="18">
        <v>78</v>
      </c>
    </row>
    <row r="52" spans="1:4" ht="18" customHeight="1" x14ac:dyDescent="0.15">
      <c r="A52" s="5">
        <v>39</v>
      </c>
      <c r="B52" s="22">
        <v>26</v>
      </c>
      <c r="C52" s="14">
        <v>36</v>
      </c>
      <c r="D52" s="18">
        <v>62</v>
      </c>
    </row>
    <row r="53" spans="1:4" ht="18" customHeight="1" x14ac:dyDescent="0.15">
      <c r="A53" s="5" t="s">
        <v>18</v>
      </c>
      <c r="B53" s="22">
        <v>166</v>
      </c>
      <c r="C53" s="14">
        <v>171</v>
      </c>
      <c r="D53" s="18">
        <v>337</v>
      </c>
    </row>
    <row r="54" spans="1:4" ht="18" customHeight="1" x14ac:dyDescent="0.15">
      <c r="A54" s="5">
        <v>40</v>
      </c>
      <c r="B54" s="22">
        <v>49</v>
      </c>
      <c r="C54" s="14">
        <v>38</v>
      </c>
      <c r="D54" s="18">
        <v>87</v>
      </c>
    </row>
    <row r="55" spans="1:4" ht="18" customHeight="1" x14ac:dyDescent="0.15">
      <c r="A55" s="5">
        <v>41</v>
      </c>
      <c r="B55" s="22">
        <v>47</v>
      </c>
      <c r="C55" s="14">
        <v>44</v>
      </c>
      <c r="D55" s="18">
        <v>91</v>
      </c>
    </row>
    <row r="56" spans="1:4" ht="18" customHeight="1" x14ac:dyDescent="0.15">
      <c r="A56" s="5">
        <v>42</v>
      </c>
      <c r="B56" s="22">
        <v>44</v>
      </c>
      <c r="C56" s="14">
        <v>30</v>
      </c>
      <c r="D56" s="18">
        <v>74</v>
      </c>
    </row>
    <row r="57" spans="1:4" ht="18" customHeight="1" x14ac:dyDescent="0.15">
      <c r="A57" s="5">
        <v>43</v>
      </c>
      <c r="B57" s="22">
        <v>39</v>
      </c>
      <c r="C57" s="14">
        <v>43</v>
      </c>
      <c r="D57" s="18">
        <v>82</v>
      </c>
    </row>
    <row r="58" spans="1:4" ht="18" customHeight="1" x14ac:dyDescent="0.15">
      <c r="A58" s="5">
        <v>44</v>
      </c>
      <c r="B58" s="22">
        <v>46</v>
      </c>
      <c r="C58" s="14">
        <v>52</v>
      </c>
      <c r="D58" s="18">
        <v>98</v>
      </c>
    </row>
    <row r="59" spans="1:4" ht="18" customHeight="1" x14ac:dyDescent="0.15">
      <c r="A59" s="5" t="s">
        <v>21</v>
      </c>
      <c r="B59" s="22">
        <v>225</v>
      </c>
      <c r="C59" s="14">
        <v>207</v>
      </c>
      <c r="D59" s="18">
        <v>432</v>
      </c>
    </row>
    <row r="60" spans="1:4" ht="18" customHeight="1" x14ac:dyDescent="0.15">
      <c r="A60" s="5">
        <v>45</v>
      </c>
      <c r="B60" s="22">
        <v>41</v>
      </c>
      <c r="C60" s="14">
        <v>37</v>
      </c>
      <c r="D60" s="18">
        <v>78</v>
      </c>
    </row>
    <row r="61" spans="1:4" ht="18" customHeight="1" x14ac:dyDescent="0.15">
      <c r="A61" s="5">
        <v>46</v>
      </c>
      <c r="B61" s="22">
        <v>47</v>
      </c>
      <c r="C61" s="14">
        <v>36</v>
      </c>
      <c r="D61" s="18">
        <v>83</v>
      </c>
    </row>
    <row r="62" spans="1:4" ht="18" customHeight="1" x14ac:dyDescent="0.15">
      <c r="A62" s="5">
        <v>47</v>
      </c>
      <c r="B62" s="22">
        <v>45</v>
      </c>
      <c r="C62" s="14">
        <v>43</v>
      </c>
      <c r="D62" s="18">
        <v>88</v>
      </c>
    </row>
    <row r="63" spans="1:4" ht="18" customHeight="1" x14ac:dyDescent="0.15">
      <c r="A63" s="5">
        <v>48</v>
      </c>
      <c r="B63" s="22">
        <v>37</v>
      </c>
      <c r="C63" s="14">
        <v>35</v>
      </c>
      <c r="D63" s="18">
        <v>72</v>
      </c>
    </row>
    <row r="64" spans="1:4" ht="18" customHeight="1" x14ac:dyDescent="0.15">
      <c r="A64" s="5">
        <v>49</v>
      </c>
      <c r="B64" s="22">
        <v>62</v>
      </c>
      <c r="C64" s="14">
        <v>62</v>
      </c>
      <c r="D64" s="18">
        <v>124</v>
      </c>
    </row>
    <row r="65" spans="1:4" ht="18" customHeight="1" x14ac:dyDescent="0.15">
      <c r="A65" s="5" t="s">
        <v>17</v>
      </c>
      <c r="B65" s="22">
        <v>232</v>
      </c>
      <c r="C65" s="14">
        <v>213</v>
      </c>
      <c r="D65" s="18">
        <v>445</v>
      </c>
    </row>
    <row r="66" spans="1:4" ht="18" customHeight="1" x14ac:dyDescent="0.15">
      <c r="A66" s="5">
        <v>50</v>
      </c>
      <c r="B66" s="22">
        <v>57</v>
      </c>
      <c r="C66" s="14">
        <v>57</v>
      </c>
      <c r="D66" s="18">
        <v>114</v>
      </c>
    </row>
    <row r="67" spans="1:4" ht="18" customHeight="1" x14ac:dyDescent="0.15">
      <c r="A67" s="5">
        <v>51</v>
      </c>
      <c r="B67" s="22">
        <v>73</v>
      </c>
      <c r="C67" s="14">
        <v>57</v>
      </c>
      <c r="D67" s="18">
        <v>130</v>
      </c>
    </row>
    <row r="68" spans="1:4" ht="18" customHeight="1" x14ac:dyDescent="0.15">
      <c r="A68" s="5">
        <v>52</v>
      </c>
      <c r="B68" s="22">
        <v>59</v>
      </c>
      <c r="C68" s="14">
        <v>76</v>
      </c>
      <c r="D68" s="18">
        <v>135</v>
      </c>
    </row>
    <row r="69" spans="1:4" ht="18" customHeight="1" x14ac:dyDescent="0.15">
      <c r="A69" s="5">
        <v>53</v>
      </c>
      <c r="B69" s="22">
        <v>68</v>
      </c>
      <c r="C69" s="14">
        <v>70</v>
      </c>
      <c r="D69" s="18">
        <v>138</v>
      </c>
    </row>
    <row r="70" spans="1:4" ht="18" customHeight="1" x14ac:dyDescent="0.15">
      <c r="A70" s="5">
        <v>54</v>
      </c>
      <c r="B70" s="22">
        <v>71</v>
      </c>
      <c r="C70" s="14">
        <v>64</v>
      </c>
      <c r="D70" s="18">
        <v>135</v>
      </c>
    </row>
    <row r="71" spans="1:4" ht="18" customHeight="1" x14ac:dyDescent="0.15">
      <c r="A71" s="5" t="s">
        <v>22</v>
      </c>
      <c r="B71" s="22">
        <v>328</v>
      </c>
      <c r="C71" s="14">
        <v>324</v>
      </c>
      <c r="D71" s="18">
        <v>652</v>
      </c>
    </row>
    <row r="72" spans="1:4" ht="18" customHeight="1" x14ac:dyDescent="0.15">
      <c r="A72" s="5">
        <v>55</v>
      </c>
      <c r="B72" s="22">
        <v>80</v>
      </c>
      <c r="C72" s="14">
        <v>64</v>
      </c>
      <c r="D72" s="18">
        <v>144</v>
      </c>
    </row>
    <row r="73" spans="1:4" ht="18" customHeight="1" x14ac:dyDescent="0.15">
      <c r="A73" s="5">
        <v>56</v>
      </c>
      <c r="B73" s="22">
        <v>56</v>
      </c>
      <c r="C73" s="14">
        <v>56</v>
      </c>
      <c r="D73" s="18">
        <v>112</v>
      </c>
    </row>
    <row r="74" spans="1:4" ht="18" customHeight="1" x14ac:dyDescent="0.15">
      <c r="A74" s="5">
        <v>57</v>
      </c>
      <c r="B74" s="22">
        <v>56</v>
      </c>
      <c r="C74" s="14">
        <v>65</v>
      </c>
      <c r="D74" s="18">
        <v>121</v>
      </c>
    </row>
    <row r="75" spans="1:4" ht="18" customHeight="1" x14ac:dyDescent="0.15">
      <c r="A75" s="5">
        <v>58</v>
      </c>
      <c r="B75" s="22">
        <v>72</v>
      </c>
      <c r="C75" s="14">
        <v>67</v>
      </c>
      <c r="D75" s="18">
        <v>139</v>
      </c>
    </row>
    <row r="76" spans="1:4" ht="18" customHeight="1" x14ac:dyDescent="0.15">
      <c r="A76" s="5">
        <v>59</v>
      </c>
      <c r="B76" s="22">
        <v>40</v>
      </c>
      <c r="C76" s="14">
        <v>50</v>
      </c>
      <c r="D76" s="18">
        <v>90</v>
      </c>
    </row>
    <row r="77" spans="1:4" ht="18" customHeight="1" x14ac:dyDescent="0.15">
      <c r="A77" s="5" t="s">
        <v>27</v>
      </c>
      <c r="B77" s="22">
        <v>304</v>
      </c>
      <c r="C77" s="14">
        <v>302</v>
      </c>
      <c r="D77" s="18">
        <v>606</v>
      </c>
    </row>
    <row r="78" spans="1:4" ht="18" customHeight="1" x14ac:dyDescent="0.15">
      <c r="A78" s="5">
        <v>60</v>
      </c>
      <c r="B78" s="22">
        <v>47</v>
      </c>
      <c r="C78" s="14">
        <v>56</v>
      </c>
      <c r="D78" s="18">
        <v>103</v>
      </c>
    </row>
    <row r="79" spans="1:4" ht="18" customHeight="1" x14ac:dyDescent="0.15">
      <c r="A79" s="5">
        <v>61</v>
      </c>
      <c r="B79" s="22">
        <v>42</v>
      </c>
      <c r="C79" s="14">
        <v>45</v>
      </c>
      <c r="D79" s="18">
        <v>87</v>
      </c>
    </row>
    <row r="80" spans="1:4" ht="18" customHeight="1" x14ac:dyDescent="0.15">
      <c r="A80" s="5">
        <v>62</v>
      </c>
      <c r="B80" s="22">
        <v>41</v>
      </c>
      <c r="C80" s="14">
        <v>45</v>
      </c>
      <c r="D80" s="18">
        <v>86</v>
      </c>
    </row>
    <row r="81" spans="1:4" ht="18" customHeight="1" x14ac:dyDescent="0.15">
      <c r="A81" s="5">
        <v>63</v>
      </c>
      <c r="B81" s="22">
        <v>46</v>
      </c>
      <c r="C81" s="14">
        <v>42</v>
      </c>
      <c r="D81" s="18">
        <v>88</v>
      </c>
    </row>
    <row r="82" spans="1:4" ht="18" customHeight="1" x14ac:dyDescent="0.15">
      <c r="A82" s="5">
        <v>64</v>
      </c>
      <c r="B82" s="22">
        <v>39</v>
      </c>
      <c r="C82" s="14">
        <v>44</v>
      </c>
      <c r="D82" s="18">
        <v>83</v>
      </c>
    </row>
    <row r="83" spans="1:4" ht="18" customHeight="1" x14ac:dyDescent="0.15">
      <c r="A83" s="5" t="s">
        <v>28</v>
      </c>
      <c r="B83" s="22">
        <v>215</v>
      </c>
      <c r="C83" s="14">
        <v>232</v>
      </c>
      <c r="D83" s="18">
        <v>447</v>
      </c>
    </row>
    <row r="84" spans="1:4" ht="18" customHeight="1" x14ac:dyDescent="0.15">
      <c r="A84" s="5" t="s">
        <v>31</v>
      </c>
      <c r="B84" s="22">
        <v>2220</v>
      </c>
      <c r="C84" s="14">
        <v>2057</v>
      </c>
      <c r="D84" s="18">
        <v>4277</v>
      </c>
    </row>
    <row r="85" spans="1:4" ht="18" customHeight="1" x14ac:dyDescent="0.15">
      <c r="A85" s="5">
        <v>65</v>
      </c>
      <c r="B85" s="22">
        <v>53</v>
      </c>
      <c r="C85" s="14">
        <v>38</v>
      </c>
      <c r="D85" s="18">
        <v>91</v>
      </c>
    </row>
    <row r="86" spans="1:4" ht="18" customHeight="1" x14ac:dyDescent="0.15">
      <c r="A86" s="5">
        <v>66</v>
      </c>
      <c r="B86" s="22">
        <v>43</v>
      </c>
      <c r="C86" s="14">
        <v>51</v>
      </c>
      <c r="D86" s="18">
        <v>94</v>
      </c>
    </row>
    <row r="87" spans="1:4" ht="18" customHeight="1" x14ac:dyDescent="0.15">
      <c r="A87" s="5">
        <v>67</v>
      </c>
      <c r="B87" s="22">
        <v>45</v>
      </c>
      <c r="C87" s="14">
        <v>48</v>
      </c>
      <c r="D87" s="18">
        <v>93</v>
      </c>
    </row>
    <row r="88" spans="1:4" ht="18" customHeight="1" x14ac:dyDescent="0.15">
      <c r="A88" s="5">
        <v>68</v>
      </c>
      <c r="B88" s="22">
        <v>41</v>
      </c>
      <c r="C88" s="14">
        <v>39</v>
      </c>
      <c r="D88" s="18">
        <v>80</v>
      </c>
    </row>
    <row r="89" spans="1:4" ht="18" customHeight="1" x14ac:dyDescent="0.15">
      <c r="A89" s="5">
        <v>69</v>
      </c>
      <c r="B89" s="22">
        <v>44</v>
      </c>
      <c r="C89" s="14">
        <v>45</v>
      </c>
      <c r="D89" s="18">
        <v>89</v>
      </c>
    </row>
    <row r="90" spans="1:4" ht="18" customHeight="1" x14ac:dyDescent="0.15">
      <c r="A90" s="5" t="s">
        <v>20</v>
      </c>
      <c r="B90" s="22">
        <v>226</v>
      </c>
      <c r="C90" s="14">
        <v>221</v>
      </c>
      <c r="D90" s="18">
        <v>447</v>
      </c>
    </row>
    <row r="91" spans="1:4" ht="18" customHeight="1" x14ac:dyDescent="0.15">
      <c r="A91" s="5">
        <v>70</v>
      </c>
      <c r="B91" s="22">
        <v>42</v>
      </c>
      <c r="C91" s="14">
        <v>44</v>
      </c>
      <c r="D91" s="18">
        <v>86</v>
      </c>
    </row>
    <row r="92" spans="1:4" ht="18" customHeight="1" x14ac:dyDescent="0.15">
      <c r="A92" s="5">
        <v>71</v>
      </c>
      <c r="B92" s="22">
        <v>38</v>
      </c>
      <c r="C92" s="14">
        <v>63</v>
      </c>
      <c r="D92" s="18">
        <v>101</v>
      </c>
    </row>
    <row r="93" spans="1:4" ht="18" customHeight="1" x14ac:dyDescent="0.15">
      <c r="A93" s="5">
        <v>72</v>
      </c>
      <c r="B93" s="22">
        <v>49</v>
      </c>
      <c r="C93" s="14">
        <v>51</v>
      </c>
      <c r="D93" s="18">
        <v>100</v>
      </c>
    </row>
    <row r="94" spans="1:4" ht="18" customHeight="1" x14ac:dyDescent="0.15">
      <c r="A94" s="5">
        <v>73</v>
      </c>
      <c r="B94" s="22">
        <v>51</v>
      </c>
      <c r="C94" s="14">
        <v>56</v>
      </c>
      <c r="D94" s="18">
        <v>107</v>
      </c>
    </row>
    <row r="95" spans="1:4" ht="18" customHeight="1" x14ac:dyDescent="0.15">
      <c r="A95" s="5">
        <v>74</v>
      </c>
      <c r="B95" s="22">
        <v>58</v>
      </c>
      <c r="C95" s="14">
        <v>51</v>
      </c>
      <c r="D95" s="18">
        <v>109</v>
      </c>
    </row>
    <row r="96" spans="1:4" ht="18" customHeight="1" x14ac:dyDescent="0.15">
      <c r="A96" s="5" t="s">
        <v>33</v>
      </c>
      <c r="B96" s="22">
        <v>238</v>
      </c>
      <c r="C96" s="14">
        <v>265</v>
      </c>
      <c r="D96" s="18">
        <v>503</v>
      </c>
    </row>
    <row r="97" spans="1:4" ht="18" customHeight="1" x14ac:dyDescent="0.15">
      <c r="A97" s="5">
        <v>75</v>
      </c>
      <c r="B97" s="22">
        <v>45</v>
      </c>
      <c r="C97" s="14">
        <v>73</v>
      </c>
      <c r="D97" s="18">
        <v>118</v>
      </c>
    </row>
    <row r="98" spans="1:4" ht="18" customHeight="1" x14ac:dyDescent="0.15">
      <c r="A98" s="5">
        <v>76</v>
      </c>
      <c r="B98" s="22">
        <v>58</v>
      </c>
      <c r="C98" s="14">
        <v>84</v>
      </c>
      <c r="D98" s="18">
        <v>142</v>
      </c>
    </row>
    <row r="99" spans="1:4" ht="18" customHeight="1" x14ac:dyDescent="0.15">
      <c r="A99" s="5">
        <v>77</v>
      </c>
      <c r="B99" s="22">
        <v>79</v>
      </c>
      <c r="C99" s="14">
        <v>82</v>
      </c>
      <c r="D99" s="18">
        <v>161</v>
      </c>
    </row>
    <row r="100" spans="1:4" ht="18" customHeight="1" x14ac:dyDescent="0.15">
      <c r="A100" s="5">
        <v>78</v>
      </c>
      <c r="B100" s="22">
        <v>73</v>
      </c>
      <c r="C100" s="14">
        <v>76</v>
      </c>
      <c r="D100" s="18">
        <v>149</v>
      </c>
    </row>
    <row r="101" spans="1:4" ht="18" customHeight="1" x14ac:dyDescent="0.15">
      <c r="A101" s="5">
        <v>79</v>
      </c>
      <c r="B101" s="22">
        <v>46</v>
      </c>
      <c r="C101" s="14">
        <v>40</v>
      </c>
      <c r="D101" s="18">
        <v>86</v>
      </c>
    </row>
    <row r="102" spans="1:4" ht="18" customHeight="1" x14ac:dyDescent="0.15">
      <c r="A102" s="5" t="s">
        <v>0</v>
      </c>
      <c r="B102" s="22">
        <v>301</v>
      </c>
      <c r="C102" s="14">
        <v>355</v>
      </c>
      <c r="D102" s="18">
        <v>656</v>
      </c>
    </row>
    <row r="103" spans="1:4" ht="18" customHeight="1" x14ac:dyDescent="0.15">
      <c r="A103" s="5">
        <v>80</v>
      </c>
      <c r="B103" s="22">
        <v>34</v>
      </c>
      <c r="C103" s="14">
        <v>37</v>
      </c>
      <c r="D103" s="18">
        <v>71</v>
      </c>
    </row>
    <row r="104" spans="1:4" ht="18" customHeight="1" x14ac:dyDescent="0.15">
      <c r="A104" s="5">
        <v>81</v>
      </c>
      <c r="B104" s="22">
        <v>48</v>
      </c>
      <c r="C104" s="14">
        <v>67</v>
      </c>
      <c r="D104" s="18">
        <v>115</v>
      </c>
    </row>
    <row r="105" spans="1:4" ht="18" customHeight="1" x14ac:dyDescent="0.15">
      <c r="A105" s="5">
        <v>82</v>
      </c>
      <c r="B105" s="22">
        <v>21</v>
      </c>
      <c r="C105" s="14">
        <v>36</v>
      </c>
      <c r="D105" s="18">
        <v>57</v>
      </c>
    </row>
    <row r="106" spans="1:4" ht="18" customHeight="1" x14ac:dyDescent="0.15">
      <c r="A106" s="5">
        <v>83</v>
      </c>
      <c r="B106" s="22">
        <v>44</v>
      </c>
      <c r="C106" s="14">
        <v>55</v>
      </c>
      <c r="D106" s="18">
        <v>99</v>
      </c>
    </row>
    <row r="107" spans="1:4" ht="18" customHeight="1" x14ac:dyDescent="0.15">
      <c r="A107" s="5">
        <v>84</v>
      </c>
      <c r="B107" s="22">
        <v>40</v>
      </c>
      <c r="C107" s="14">
        <v>44</v>
      </c>
      <c r="D107" s="18">
        <v>84</v>
      </c>
    </row>
    <row r="108" spans="1:4" ht="18" customHeight="1" x14ac:dyDescent="0.15">
      <c r="A108" s="5" t="s">
        <v>35</v>
      </c>
      <c r="B108" s="22">
        <v>187</v>
      </c>
      <c r="C108" s="14">
        <v>239</v>
      </c>
      <c r="D108" s="18">
        <v>426</v>
      </c>
    </row>
    <row r="109" spans="1:4" ht="18" customHeight="1" x14ac:dyDescent="0.15">
      <c r="A109" s="5">
        <v>85</v>
      </c>
      <c r="B109" s="22">
        <v>25</v>
      </c>
      <c r="C109" s="14">
        <v>46</v>
      </c>
      <c r="D109" s="18">
        <v>71</v>
      </c>
    </row>
    <row r="110" spans="1:4" ht="18" customHeight="1" x14ac:dyDescent="0.15">
      <c r="A110" s="5">
        <v>86</v>
      </c>
      <c r="B110" s="22">
        <v>13</v>
      </c>
      <c r="C110" s="14">
        <v>26</v>
      </c>
      <c r="D110" s="18">
        <v>39</v>
      </c>
    </row>
    <row r="111" spans="1:4" ht="18" customHeight="1" x14ac:dyDescent="0.15">
      <c r="A111" s="5">
        <v>87</v>
      </c>
      <c r="B111" s="22">
        <v>13</v>
      </c>
      <c r="C111" s="14">
        <v>24</v>
      </c>
      <c r="D111" s="18">
        <v>37</v>
      </c>
    </row>
    <row r="112" spans="1:4" ht="18" customHeight="1" x14ac:dyDescent="0.15">
      <c r="A112" s="5">
        <v>88</v>
      </c>
      <c r="B112" s="22">
        <v>19</v>
      </c>
      <c r="C112" s="14">
        <v>28</v>
      </c>
      <c r="D112" s="18">
        <v>47</v>
      </c>
    </row>
    <row r="113" spans="1:4" ht="18" customHeight="1" x14ac:dyDescent="0.15">
      <c r="A113" s="5">
        <v>89</v>
      </c>
      <c r="B113" s="22">
        <v>17</v>
      </c>
      <c r="C113" s="14">
        <v>30</v>
      </c>
      <c r="D113" s="18">
        <v>47</v>
      </c>
    </row>
    <row r="114" spans="1:4" ht="18" customHeight="1" x14ac:dyDescent="0.15">
      <c r="A114" s="5" t="s">
        <v>37</v>
      </c>
      <c r="B114" s="22">
        <v>87</v>
      </c>
      <c r="C114" s="14">
        <v>154</v>
      </c>
      <c r="D114" s="18">
        <v>241</v>
      </c>
    </row>
    <row r="115" spans="1:4" ht="18" customHeight="1" x14ac:dyDescent="0.15">
      <c r="A115" s="5">
        <v>90</v>
      </c>
      <c r="B115" s="22">
        <v>12</v>
      </c>
      <c r="C115" s="14">
        <v>29</v>
      </c>
      <c r="D115" s="18">
        <v>41</v>
      </c>
    </row>
    <row r="116" spans="1:4" ht="18" customHeight="1" x14ac:dyDescent="0.15">
      <c r="A116" s="5">
        <v>91</v>
      </c>
      <c r="B116" s="22">
        <v>5</v>
      </c>
      <c r="C116" s="14">
        <v>15</v>
      </c>
      <c r="D116" s="18">
        <v>20</v>
      </c>
    </row>
    <row r="117" spans="1:4" ht="18" customHeight="1" x14ac:dyDescent="0.15">
      <c r="A117" s="5">
        <v>92</v>
      </c>
      <c r="B117" s="22">
        <v>1</v>
      </c>
      <c r="C117" s="14">
        <v>17</v>
      </c>
      <c r="D117" s="18">
        <v>18</v>
      </c>
    </row>
    <row r="118" spans="1:4" ht="18" customHeight="1" x14ac:dyDescent="0.15">
      <c r="A118" s="5">
        <v>93</v>
      </c>
      <c r="B118" s="22">
        <v>6</v>
      </c>
      <c r="C118" s="14">
        <v>19</v>
      </c>
      <c r="D118" s="18">
        <v>25</v>
      </c>
    </row>
    <row r="119" spans="1:4" ht="18" customHeight="1" x14ac:dyDescent="0.15">
      <c r="A119" s="5">
        <v>94</v>
      </c>
      <c r="B119" s="22">
        <v>8</v>
      </c>
      <c r="C119" s="14">
        <v>11</v>
      </c>
      <c r="D119" s="18">
        <v>19</v>
      </c>
    </row>
    <row r="120" spans="1:4" ht="18" customHeight="1" x14ac:dyDescent="0.15">
      <c r="A120" s="5" t="s">
        <v>39</v>
      </c>
      <c r="B120" s="22">
        <v>32</v>
      </c>
      <c r="C120" s="14">
        <v>91</v>
      </c>
      <c r="D120" s="18">
        <v>123</v>
      </c>
    </row>
    <row r="121" spans="1:4" ht="18" customHeight="1" x14ac:dyDescent="0.15">
      <c r="A121" s="5">
        <v>95</v>
      </c>
      <c r="B121" s="22">
        <v>2</v>
      </c>
      <c r="C121" s="14">
        <v>2</v>
      </c>
      <c r="D121" s="18">
        <v>4</v>
      </c>
    </row>
    <row r="122" spans="1:4" ht="18" customHeight="1" x14ac:dyDescent="0.15">
      <c r="A122" s="5">
        <v>96</v>
      </c>
      <c r="B122" s="22">
        <v>1</v>
      </c>
      <c r="C122" s="14">
        <v>7</v>
      </c>
      <c r="D122" s="18">
        <v>8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5</v>
      </c>
      <c r="C126" s="14">
        <v>25</v>
      </c>
      <c r="D126" s="18">
        <v>3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076</v>
      </c>
      <c r="C130" s="14">
        <v>1354</v>
      </c>
      <c r="D130" s="18">
        <v>2430</v>
      </c>
    </row>
    <row r="131" spans="1:4" ht="18" customHeight="1" x14ac:dyDescent="0.15">
      <c r="A131" s="7" t="s">
        <v>45</v>
      </c>
      <c r="B131" s="23">
        <v>3681</v>
      </c>
      <c r="C131" s="15">
        <v>3779</v>
      </c>
      <c r="D131" s="19">
        <v>746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3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5</v>
      </c>
      <c r="C5" s="13">
        <v>2</v>
      </c>
      <c r="D5" s="17">
        <v>7</v>
      </c>
    </row>
    <row r="6" spans="1:4" ht="18" customHeight="1" x14ac:dyDescent="0.15">
      <c r="A6" s="5">
        <v>1</v>
      </c>
      <c r="B6" s="22">
        <v>7</v>
      </c>
      <c r="C6" s="14">
        <v>7</v>
      </c>
      <c r="D6" s="18">
        <v>14</v>
      </c>
    </row>
    <row r="7" spans="1:4" ht="18" customHeight="1" x14ac:dyDescent="0.15">
      <c r="A7" s="5">
        <v>2</v>
      </c>
      <c r="B7" s="22">
        <v>7</v>
      </c>
      <c r="C7" s="14">
        <v>4</v>
      </c>
      <c r="D7" s="18">
        <v>11</v>
      </c>
    </row>
    <row r="8" spans="1:4" ht="18" customHeight="1" x14ac:dyDescent="0.15">
      <c r="A8" s="5">
        <v>3</v>
      </c>
      <c r="B8" s="22">
        <v>5</v>
      </c>
      <c r="C8" s="14">
        <v>4</v>
      </c>
      <c r="D8" s="18">
        <v>9</v>
      </c>
    </row>
    <row r="9" spans="1:4" ht="18" customHeight="1" x14ac:dyDescent="0.15">
      <c r="A9" s="5">
        <v>4</v>
      </c>
      <c r="B9" s="22">
        <v>6</v>
      </c>
      <c r="C9" s="14">
        <v>3</v>
      </c>
      <c r="D9" s="18">
        <v>9</v>
      </c>
    </row>
    <row r="10" spans="1:4" ht="18" customHeight="1" x14ac:dyDescent="0.15">
      <c r="A10" s="5" t="s">
        <v>7</v>
      </c>
      <c r="B10" s="22">
        <v>30</v>
      </c>
      <c r="C10" s="14">
        <v>20</v>
      </c>
      <c r="D10" s="18">
        <v>50</v>
      </c>
    </row>
    <row r="11" spans="1:4" ht="18" customHeight="1" x14ac:dyDescent="0.15">
      <c r="A11" s="5">
        <v>5</v>
      </c>
      <c r="B11" s="22">
        <v>5</v>
      </c>
      <c r="C11" s="14">
        <v>1</v>
      </c>
      <c r="D11" s="18">
        <v>6</v>
      </c>
    </row>
    <row r="12" spans="1:4" ht="18" customHeight="1" x14ac:dyDescent="0.15">
      <c r="A12" s="5">
        <v>6</v>
      </c>
      <c r="B12" s="22">
        <v>8</v>
      </c>
      <c r="C12" s="14">
        <v>5</v>
      </c>
      <c r="D12" s="18">
        <v>13</v>
      </c>
    </row>
    <row r="13" spans="1:4" ht="18" customHeight="1" x14ac:dyDescent="0.15">
      <c r="A13" s="5">
        <v>7</v>
      </c>
      <c r="B13" s="22">
        <v>3</v>
      </c>
      <c r="C13" s="14">
        <v>4</v>
      </c>
      <c r="D13" s="18">
        <v>7</v>
      </c>
    </row>
    <row r="14" spans="1:4" ht="18" customHeight="1" x14ac:dyDescent="0.15">
      <c r="A14" s="5">
        <v>8</v>
      </c>
      <c r="B14" s="22">
        <v>8</v>
      </c>
      <c r="C14" s="14">
        <v>5</v>
      </c>
      <c r="D14" s="18">
        <v>13</v>
      </c>
    </row>
    <row r="15" spans="1:4" ht="18" customHeight="1" x14ac:dyDescent="0.15">
      <c r="A15" s="5">
        <v>9</v>
      </c>
      <c r="B15" s="22">
        <v>2</v>
      </c>
      <c r="C15" s="14">
        <v>2</v>
      </c>
      <c r="D15" s="18">
        <v>4</v>
      </c>
    </row>
    <row r="16" spans="1:4" ht="18" customHeight="1" x14ac:dyDescent="0.15">
      <c r="A16" s="5" t="s">
        <v>11</v>
      </c>
      <c r="B16" s="22">
        <v>26</v>
      </c>
      <c r="C16" s="14">
        <v>17</v>
      </c>
      <c r="D16" s="18">
        <v>43</v>
      </c>
    </row>
    <row r="17" spans="1:4" ht="18" customHeight="1" x14ac:dyDescent="0.15">
      <c r="A17" s="5">
        <v>10</v>
      </c>
      <c r="B17" s="22">
        <v>12</v>
      </c>
      <c r="C17" s="14">
        <v>6</v>
      </c>
      <c r="D17" s="18">
        <v>18</v>
      </c>
    </row>
    <row r="18" spans="1:4" ht="18" customHeight="1" x14ac:dyDescent="0.15">
      <c r="A18" s="5">
        <v>11</v>
      </c>
      <c r="B18" s="22">
        <v>3</v>
      </c>
      <c r="C18" s="14">
        <v>8</v>
      </c>
      <c r="D18" s="18">
        <v>11</v>
      </c>
    </row>
    <row r="19" spans="1:4" ht="18" customHeight="1" x14ac:dyDescent="0.15">
      <c r="A19" s="5">
        <v>12</v>
      </c>
      <c r="B19" s="22">
        <v>6</v>
      </c>
      <c r="C19" s="14">
        <v>8</v>
      </c>
      <c r="D19" s="18">
        <v>14</v>
      </c>
    </row>
    <row r="20" spans="1:4" ht="18" customHeight="1" x14ac:dyDescent="0.15">
      <c r="A20" s="5">
        <v>13</v>
      </c>
      <c r="B20" s="22">
        <v>11</v>
      </c>
      <c r="C20" s="14">
        <v>10</v>
      </c>
      <c r="D20" s="18">
        <v>21</v>
      </c>
    </row>
    <row r="21" spans="1:4" ht="18" customHeight="1" x14ac:dyDescent="0.15">
      <c r="A21" s="5">
        <v>14</v>
      </c>
      <c r="B21" s="22">
        <v>6</v>
      </c>
      <c r="C21" s="14">
        <v>10</v>
      </c>
      <c r="D21" s="18">
        <v>16</v>
      </c>
    </row>
    <row r="22" spans="1:4" ht="18" customHeight="1" x14ac:dyDescent="0.15">
      <c r="A22" s="5" t="s">
        <v>12</v>
      </c>
      <c r="B22" s="22">
        <v>38</v>
      </c>
      <c r="C22" s="14">
        <v>42</v>
      </c>
      <c r="D22" s="18">
        <v>80</v>
      </c>
    </row>
    <row r="23" spans="1:4" ht="18" customHeight="1" x14ac:dyDescent="0.15">
      <c r="A23" s="5" t="s">
        <v>6</v>
      </c>
      <c r="B23" s="22">
        <v>94</v>
      </c>
      <c r="C23" s="14">
        <v>79</v>
      </c>
      <c r="D23" s="18">
        <v>173</v>
      </c>
    </row>
    <row r="24" spans="1:4" ht="18" customHeight="1" x14ac:dyDescent="0.15">
      <c r="A24" s="5">
        <v>15</v>
      </c>
      <c r="B24" s="22">
        <v>11</v>
      </c>
      <c r="C24" s="14">
        <v>7</v>
      </c>
      <c r="D24" s="18">
        <v>18</v>
      </c>
    </row>
    <row r="25" spans="1:4" ht="18" customHeight="1" x14ac:dyDescent="0.15">
      <c r="A25" s="5">
        <v>16</v>
      </c>
      <c r="B25" s="22">
        <v>4</v>
      </c>
      <c r="C25" s="14">
        <v>10</v>
      </c>
      <c r="D25" s="18">
        <v>14</v>
      </c>
    </row>
    <row r="26" spans="1:4" ht="18" customHeight="1" x14ac:dyDescent="0.15">
      <c r="A26" s="5">
        <v>17</v>
      </c>
      <c r="B26" s="22">
        <v>10</v>
      </c>
      <c r="C26" s="14">
        <v>9</v>
      </c>
      <c r="D26" s="18">
        <v>19</v>
      </c>
    </row>
    <row r="27" spans="1:4" ht="18" customHeight="1" x14ac:dyDescent="0.15">
      <c r="A27" s="5">
        <v>18</v>
      </c>
      <c r="B27" s="22">
        <v>6</v>
      </c>
      <c r="C27" s="14">
        <v>8</v>
      </c>
      <c r="D27" s="18">
        <v>14</v>
      </c>
    </row>
    <row r="28" spans="1:4" ht="18" customHeight="1" x14ac:dyDescent="0.15">
      <c r="A28" s="5">
        <v>19</v>
      </c>
      <c r="B28" s="22">
        <v>9</v>
      </c>
      <c r="C28" s="14">
        <v>11</v>
      </c>
      <c r="D28" s="18">
        <v>20</v>
      </c>
    </row>
    <row r="29" spans="1:4" ht="18" customHeight="1" x14ac:dyDescent="0.15">
      <c r="A29" s="5" t="s">
        <v>14</v>
      </c>
      <c r="B29" s="22">
        <v>40</v>
      </c>
      <c r="C29" s="14">
        <v>45</v>
      </c>
      <c r="D29" s="18">
        <v>85</v>
      </c>
    </row>
    <row r="30" spans="1:4" ht="18" customHeight="1" x14ac:dyDescent="0.15">
      <c r="A30" s="5">
        <v>20</v>
      </c>
      <c r="B30" s="22">
        <v>11</v>
      </c>
      <c r="C30" s="14">
        <v>15</v>
      </c>
      <c r="D30" s="18">
        <v>26</v>
      </c>
    </row>
    <row r="31" spans="1:4" ht="18" customHeight="1" x14ac:dyDescent="0.15">
      <c r="A31" s="5">
        <v>21</v>
      </c>
      <c r="B31" s="22">
        <v>12</v>
      </c>
      <c r="C31" s="14">
        <v>5</v>
      </c>
      <c r="D31" s="18">
        <v>17</v>
      </c>
    </row>
    <row r="32" spans="1:4" ht="18" customHeight="1" x14ac:dyDescent="0.15">
      <c r="A32" s="5">
        <v>22</v>
      </c>
      <c r="B32" s="22">
        <v>16</v>
      </c>
      <c r="C32" s="14">
        <v>4</v>
      </c>
      <c r="D32" s="18">
        <v>20</v>
      </c>
    </row>
    <row r="33" spans="1:4" ht="18" customHeight="1" x14ac:dyDescent="0.15">
      <c r="A33" s="5">
        <v>23</v>
      </c>
      <c r="B33" s="22">
        <v>7</v>
      </c>
      <c r="C33" s="14">
        <v>11</v>
      </c>
      <c r="D33" s="18">
        <v>18</v>
      </c>
    </row>
    <row r="34" spans="1:4" ht="18" customHeight="1" x14ac:dyDescent="0.15">
      <c r="A34" s="5">
        <v>24</v>
      </c>
      <c r="B34" s="22">
        <v>13</v>
      </c>
      <c r="C34" s="14">
        <v>7</v>
      </c>
      <c r="D34" s="18">
        <v>20</v>
      </c>
    </row>
    <row r="35" spans="1:4" ht="18" customHeight="1" x14ac:dyDescent="0.15">
      <c r="A35" s="5" t="s">
        <v>9</v>
      </c>
      <c r="B35" s="22">
        <v>59</v>
      </c>
      <c r="C35" s="14">
        <v>42</v>
      </c>
      <c r="D35" s="18">
        <v>101</v>
      </c>
    </row>
    <row r="36" spans="1:4" ht="18" customHeight="1" x14ac:dyDescent="0.15">
      <c r="A36" s="5">
        <v>25</v>
      </c>
      <c r="B36" s="22">
        <v>5</v>
      </c>
      <c r="C36" s="14">
        <v>7</v>
      </c>
      <c r="D36" s="18">
        <v>12</v>
      </c>
    </row>
    <row r="37" spans="1:4" ht="18" customHeight="1" x14ac:dyDescent="0.15">
      <c r="A37" s="5">
        <v>26</v>
      </c>
      <c r="B37" s="22">
        <v>8</v>
      </c>
      <c r="C37" s="14">
        <v>9</v>
      </c>
      <c r="D37" s="18">
        <v>17</v>
      </c>
    </row>
    <row r="38" spans="1:4" ht="18" customHeight="1" x14ac:dyDescent="0.15">
      <c r="A38" s="5">
        <v>27</v>
      </c>
      <c r="B38" s="22">
        <v>5</v>
      </c>
      <c r="C38" s="14">
        <v>1</v>
      </c>
      <c r="D38" s="18">
        <v>6</v>
      </c>
    </row>
    <row r="39" spans="1:4" ht="18" customHeight="1" x14ac:dyDescent="0.15">
      <c r="A39" s="5">
        <v>28</v>
      </c>
      <c r="B39" s="22">
        <v>8</v>
      </c>
      <c r="C39" s="14">
        <v>12</v>
      </c>
      <c r="D39" s="18">
        <v>20</v>
      </c>
    </row>
    <row r="40" spans="1:4" ht="18" customHeight="1" x14ac:dyDescent="0.15">
      <c r="A40" s="5">
        <v>29</v>
      </c>
      <c r="B40" s="22">
        <v>6</v>
      </c>
      <c r="C40" s="14">
        <v>4</v>
      </c>
      <c r="D40" s="18">
        <v>10</v>
      </c>
    </row>
    <row r="41" spans="1:4" ht="18" customHeight="1" x14ac:dyDescent="0.15">
      <c r="A41" s="5" t="s">
        <v>2</v>
      </c>
      <c r="B41" s="22">
        <v>32</v>
      </c>
      <c r="C41" s="14">
        <v>33</v>
      </c>
      <c r="D41" s="18">
        <v>65</v>
      </c>
    </row>
    <row r="42" spans="1:4" ht="18" customHeight="1" x14ac:dyDescent="0.15">
      <c r="A42" s="5">
        <v>30</v>
      </c>
      <c r="B42" s="22">
        <v>7</v>
      </c>
      <c r="C42" s="14">
        <v>6</v>
      </c>
      <c r="D42" s="18">
        <v>13</v>
      </c>
    </row>
    <row r="43" spans="1:4" ht="18" customHeight="1" x14ac:dyDescent="0.15">
      <c r="A43" s="5">
        <v>31</v>
      </c>
      <c r="B43" s="22">
        <v>4</v>
      </c>
      <c r="C43" s="14">
        <v>6</v>
      </c>
      <c r="D43" s="18">
        <v>10</v>
      </c>
    </row>
    <row r="44" spans="1:4" ht="18" customHeight="1" x14ac:dyDescent="0.15">
      <c r="A44" s="5">
        <v>32</v>
      </c>
      <c r="B44" s="22">
        <v>6</v>
      </c>
      <c r="C44" s="14">
        <v>6</v>
      </c>
      <c r="D44" s="18">
        <v>12</v>
      </c>
    </row>
    <row r="45" spans="1:4" ht="18" customHeight="1" x14ac:dyDescent="0.15">
      <c r="A45" s="5">
        <v>33</v>
      </c>
      <c r="B45" s="22">
        <v>8</v>
      </c>
      <c r="C45" s="14">
        <v>11</v>
      </c>
      <c r="D45" s="18">
        <v>19</v>
      </c>
    </row>
    <row r="46" spans="1:4" ht="18" customHeight="1" x14ac:dyDescent="0.15">
      <c r="A46" s="5">
        <v>34</v>
      </c>
      <c r="B46" s="22">
        <v>8</v>
      </c>
      <c r="C46" s="14">
        <v>8</v>
      </c>
      <c r="D46" s="18">
        <v>16</v>
      </c>
    </row>
    <row r="47" spans="1:4" ht="18" customHeight="1" x14ac:dyDescent="0.15">
      <c r="A47" s="5" t="s">
        <v>15</v>
      </c>
      <c r="B47" s="22">
        <v>33</v>
      </c>
      <c r="C47" s="14">
        <v>37</v>
      </c>
      <c r="D47" s="18">
        <v>70</v>
      </c>
    </row>
    <row r="48" spans="1:4" ht="18" customHeight="1" x14ac:dyDescent="0.15">
      <c r="A48" s="5">
        <v>35</v>
      </c>
      <c r="B48" s="22">
        <v>9</v>
      </c>
      <c r="C48" s="14">
        <v>10</v>
      </c>
      <c r="D48" s="18">
        <v>19</v>
      </c>
    </row>
    <row r="49" spans="1:4" ht="18" customHeight="1" x14ac:dyDescent="0.15">
      <c r="A49" s="5">
        <v>36</v>
      </c>
      <c r="B49" s="22">
        <v>5</v>
      </c>
      <c r="C49" s="14">
        <v>7</v>
      </c>
      <c r="D49" s="18">
        <v>12</v>
      </c>
    </row>
    <row r="50" spans="1:4" ht="18" customHeight="1" x14ac:dyDescent="0.15">
      <c r="A50" s="5">
        <v>37</v>
      </c>
      <c r="B50" s="22">
        <v>5</v>
      </c>
      <c r="C50" s="14">
        <v>7</v>
      </c>
      <c r="D50" s="18">
        <v>12</v>
      </c>
    </row>
    <row r="51" spans="1:4" ht="18" customHeight="1" x14ac:dyDescent="0.15">
      <c r="A51" s="5">
        <v>38</v>
      </c>
      <c r="B51" s="22">
        <v>7</v>
      </c>
      <c r="C51" s="14">
        <v>9</v>
      </c>
      <c r="D51" s="18">
        <v>16</v>
      </c>
    </row>
    <row r="52" spans="1:4" ht="18" customHeight="1" x14ac:dyDescent="0.15">
      <c r="A52" s="5">
        <v>39</v>
      </c>
      <c r="B52" s="22">
        <v>8</v>
      </c>
      <c r="C52" s="14">
        <v>5</v>
      </c>
      <c r="D52" s="18">
        <v>13</v>
      </c>
    </row>
    <row r="53" spans="1:4" ht="18" customHeight="1" x14ac:dyDescent="0.15">
      <c r="A53" s="5" t="s">
        <v>18</v>
      </c>
      <c r="B53" s="22">
        <v>34</v>
      </c>
      <c r="C53" s="14">
        <v>38</v>
      </c>
      <c r="D53" s="18">
        <v>72</v>
      </c>
    </row>
    <row r="54" spans="1:4" ht="18" customHeight="1" x14ac:dyDescent="0.15">
      <c r="A54" s="5">
        <v>40</v>
      </c>
      <c r="B54" s="22">
        <v>9</v>
      </c>
      <c r="C54" s="14">
        <v>8</v>
      </c>
      <c r="D54" s="18">
        <v>17</v>
      </c>
    </row>
    <row r="55" spans="1:4" ht="18" customHeight="1" x14ac:dyDescent="0.15">
      <c r="A55" s="5">
        <v>41</v>
      </c>
      <c r="B55" s="22">
        <v>12</v>
      </c>
      <c r="C55" s="14">
        <v>5</v>
      </c>
      <c r="D55" s="18">
        <v>17</v>
      </c>
    </row>
    <row r="56" spans="1:4" ht="18" customHeight="1" x14ac:dyDescent="0.15">
      <c r="A56" s="5">
        <v>42</v>
      </c>
      <c r="B56" s="22">
        <v>11</v>
      </c>
      <c r="C56" s="14">
        <v>12</v>
      </c>
      <c r="D56" s="18">
        <v>23</v>
      </c>
    </row>
    <row r="57" spans="1:4" ht="18" customHeight="1" x14ac:dyDescent="0.15">
      <c r="A57" s="5">
        <v>43</v>
      </c>
      <c r="B57" s="22">
        <v>13</v>
      </c>
      <c r="C57" s="14">
        <v>12</v>
      </c>
      <c r="D57" s="18">
        <v>25</v>
      </c>
    </row>
    <row r="58" spans="1:4" ht="18" customHeight="1" x14ac:dyDescent="0.15">
      <c r="A58" s="5">
        <v>44</v>
      </c>
      <c r="B58" s="22">
        <v>5</v>
      </c>
      <c r="C58" s="14">
        <v>12</v>
      </c>
      <c r="D58" s="18">
        <v>17</v>
      </c>
    </row>
    <row r="59" spans="1:4" ht="18" customHeight="1" x14ac:dyDescent="0.15">
      <c r="A59" s="5" t="s">
        <v>21</v>
      </c>
      <c r="B59" s="22">
        <v>50</v>
      </c>
      <c r="C59" s="14">
        <v>49</v>
      </c>
      <c r="D59" s="18">
        <v>99</v>
      </c>
    </row>
    <row r="60" spans="1:4" ht="18" customHeight="1" x14ac:dyDescent="0.15">
      <c r="A60" s="5">
        <v>45</v>
      </c>
      <c r="B60" s="22">
        <v>13</v>
      </c>
      <c r="C60" s="14">
        <v>12</v>
      </c>
      <c r="D60" s="18">
        <v>25</v>
      </c>
    </row>
    <row r="61" spans="1:4" ht="18" customHeight="1" x14ac:dyDescent="0.15">
      <c r="A61" s="5">
        <v>46</v>
      </c>
      <c r="B61" s="22">
        <v>21</v>
      </c>
      <c r="C61" s="14">
        <v>17</v>
      </c>
      <c r="D61" s="18">
        <v>38</v>
      </c>
    </row>
    <row r="62" spans="1:4" ht="18" customHeight="1" x14ac:dyDescent="0.15">
      <c r="A62" s="5">
        <v>47</v>
      </c>
      <c r="B62" s="22">
        <v>17</v>
      </c>
      <c r="C62" s="14">
        <v>10</v>
      </c>
      <c r="D62" s="18">
        <v>27</v>
      </c>
    </row>
    <row r="63" spans="1:4" ht="18" customHeight="1" x14ac:dyDescent="0.15">
      <c r="A63" s="5">
        <v>48</v>
      </c>
      <c r="B63" s="22">
        <v>16</v>
      </c>
      <c r="C63" s="14">
        <v>18</v>
      </c>
      <c r="D63" s="18">
        <v>34</v>
      </c>
    </row>
    <row r="64" spans="1:4" ht="18" customHeight="1" x14ac:dyDescent="0.15">
      <c r="A64" s="5">
        <v>49</v>
      </c>
      <c r="B64" s="22">
        <v>14</v>
      </c>
      <c r="C64" s="14">
        <v>14</v>
      </c>
      <c r="D64" s="18">
        <v>28</v>
      </c>
    </row>
    <row r="65" spans="1:4" ht="18" customHeight="1" x14ac:dyDescent="0.15">
      <c r="A65" s="5" t="s">
        <v>17</v>
      </c>
      <c r="B65" s="22">
        <v>81</v>
      </c>
      <c r="C65" s="14">
        <v>71</v>
      </c>
      <c r="D65" s="18">
        <v>152</v>
      </c>
    </row>
    <row r="66" spans="1:4" ht="18" customHeight="1" x14ac:dyDescent="0.15">
      <c r="A66" s="5">
        <v>50</v>
      </c>
      <c r="B66" s="22">
        <v>15</v>
      </c>
      <c r="C66" s="14">
        <v>9</v>
      </c>
      <c r="D66" s="18">
        <v>24</v>
      </c>
    </row>
    <row r="67" spans="1:4" ht="18" customHeight="1" x14ac:dyDescent="0.15">
      <c r="A67" s="5">
        <v>51</v>
      </c>
      <c r="B67" s="22">
        <v>20</v>
      </c>
      <c r="C67" s="14">
        <v>21</v>
      </c>
      <c r="D67" s="18">
        <v>41</v>
      </c>
    </row>
    <row r="68" spans="1:4" ht="18" customHeight="1" x14ac:dyDescent="0.15">
      <c r="A68" s="5">
        <v>52</v>
      </c>
      <c r="B68" s="22">
        <v>19</v>
      </c>
      <c r="C68" s="14">
        <v>24</v>
      </c>
      <c r="D68" s="18">
        <v>43</v>
      </c>
    </row>
    <row r="69" spans="1:4" ht="18" customHeight="1" x14ac:dyDescent="0.15">
      <c r="A69" s="5">
        <v>53</v>
      </c>
      <c r="B69" s="22">
        <v>16</v>
      </c>
      <c r="C69" s="14">
        <v>18</v>
      </c>
      <c r="D69" s="18">
        <v>34</v>
      </c>
    </row>
    <row r="70" spans="1:4" ht="18" customHeight="1" x14ac:dyDescent="0.15">
      <c r="A70" s="5">
        <v>54</v>
      </c>
      <c r="B70" s="22">
        <v>27</v>
      </c>
      <c r="C70" s="14">
        <v>23</v>
      </c>
      <c r="D70" s="18">
        <v>50</v>
      </c>
    </row>
    <row r="71" spans="1:4" ht="18" customHeight="1" x14ac:dyDescent="0.15">
      <c r="A71" s="5" t="s">
        <v>22</v>
      </c>
      <c r="B71" s="22">
        <v>97</v>
      </c>
      <c r="C71" s="14">
        <v>95</v>
      </c>
      <c r="D71" s="18">
        <v>192</v>
      </c>
    </row>
    <row r="72" spans="1:4" ht="18" customHeight="1" x14ac:dyDescent="0.15">
      <c r="A72" s="5">
        <v>55</v>
      </c>
      <c r="B72" s="22">
        <v>20</v>
      </c>
      <c r="C72" s="14">
        <v>13</v>
      </c>
      <c r="D72" s="18">
        <v>33</v>
      </c>
    </row>
    <row r="73" spans="1:4" ht="18" customHeight="1" x14ac:dyDescent="0.15">
      <c r="A73" s="5">
        <v>56</v>
      </c>
      <c r="B73" s="22">
        <v>8</v>
      </c>
      <c r="C73" s="14">
        <v>15</v>
      </c>
      <c r="D73" s="18">
        <v>23</v>
      </c>
    </row>
    <row r="74" spans="1:4" ht="18" customHeight="1" x14ac:dyDescent="0.15">
      <c r="A74" s="5">
        <v>57</v>
      </c>
      <c r="B74" s="22">
        <v>20</v>
      </c>
      <c r="C74" s="14">
        <v>17</v>
      </c>
      <c r="D74" s="18">
        <v>37</v>
      </c>
    </row>
    <row r="75" spans="1:4" ht="18" customHeight="1" x14ac:dyDescent="0.15">
      <c r="A75" s="5">
        <v>58</v>
      </c>
      <c r="B75" s="22">
        <v>15</v>
      </c>
      <c r="C75" s="14">
        <v>14</v>
      </c>
      <c r="D75" s="18">
        <v>29</v>
      </c>
    </row>
    <row r="76" spans="1:4" ht="18" customHeight="1" x14ac:dyDescent="0.15">
      <c r="A76" s="5">
        <v>59</v>
      </c>
      <c r="B76" s="22">
        <v>11</v>
      </c>
      <c r="C76" s="14">
        <v>14</v>
      </c>
      <c r="D76" s="18">
        <v>25</v>
      </c>
    </row>
    <row r="77" spans="1:4" ht="18" customHeight="1" x14ac:dyDescent="0.15">
      <c r="A77" s="5" t="s">
        <v>27</v>
      </c>
      <c r="B77" s="22">
        <v>74</v>
      </c>
      <c r="C77" s="14">
        <v>73</v>
      </c>
      <c r="D77" s="18">
        <v>147</v>
      </c>
    </row>
    <row r="78" spans="1:4" ht="18" customHeight="1" x14ac:dyDescent="0.15">
      <c r="A78" s="5">
        <v>60</v>
      </c>
      <c r="B78" s="22">
        <v>20</v>
      </c>
      <c r="C78" s="14">
        <v>16</v>
      </c>
      <c r="D78" s="18">
        <v>36</v>
      </c>
    </row>
    <row r="79" spans="1:4" ht="18" customHeight="1" x14ac:dyDescent="0.15">
      <c r="A79" s="5">
        <v>61</v>
      </c>
      <c r="B79" s="22">
        <v>17</v>
      </c>
      <c r="C79" s="14">
        <v>14</v>
      </c>
      <c r="D79" s="18">
        <v>31</v>
      </c>
    </row>
    <row r="80" spans="1:4" ht="18" customHeight="1" x14ac:dyDescent="0.15">
      <c r="A80" s="5">
        <v>62</v>
      </c>
      <c r="B80" s="22">
        <v>15</v>
      </c>
      <c r="C80" s="14">
        <v>5</v>
      </c>
      <c r="D80" s="18">
        <v>20</v>
      </c>
    </row>
    <row r="81" spans="1:4" ht="18" customHeight="1" x14ac:dyDescent="0.15">
      <c r="A81" s="5">
        <v>63</v>
      </c>
      <c r="B81" s="22">
        <v>12</v>
      </c>
      <c r="C81" s="14">
        <v>11</v>
      </c>
      <c r="D81" s="18">
        <v>23</v>
      </c>
    </row>
    <row r="82" spans="1:4" ht="18" customHeight="1" x14ac:dyDescent="0.15">
      <c r="A82" s="5">
        <v>64</v>
      </c>
      <c r="B82" s="22">
        <v>9</v>
      </c>
      <c r="C82" s="14">
        <v>13</v>
      </c>
      <c r="D82" s="18">
        <v>22</v>
      </c>
    </row>
    <row r="83" spans="1:4" ht="18" customHeight="1" x14ac:dyDescent="0.15">
      <c r="A83" s="5" t="s">
        <v>28</v>
      </c>
      <c r="B83" s="22">
        <v>73</v>
      </c>
      <c r="C83" s="14">
        <v>59</v>
      </c>
      <c r="D83" s="18">
        <v>132</v>
      </c>
    </row>
    <row r="84" spans="1:4" ht="18" customHeight="1" x14ac:dyDescent="0.15">
      <c r="A84" s="5" t="s">
        <v>31</v>
      </c>
      <c r="B84" s="22">
        <v>573</v>
      </c>
      <c r="C84" s="14">
        <v>542</v>
      </c>
      <c r="D84" s="18">
        <v>1115</v>
      </c>
    </row>
    <row r="85" spans="1:4" ht="18" customHeight="1" x14ac:dyDescent="0.15">
      <c r="A85" s="5">
        <v>65</v>
      </c>
      <c r="B85" s="22">
        <v>18</v>
      </c>
      <c r="C85" s="14">
        <v>8</v>
      </c>
      <c r="D85" s="18">
        <v>26</v>
      </c>
    </row>
    <row r="86" spans="1:4" ht="18" customHeight="1" x14ac:dyDescent="0.15">
      <c r="A86" s="5">
        <v>66</v>
      </c>
      <c r="B86" s="22">
        <v>13</v>
      </c>
      <c r="C86" s="14">
        <v>13</v>
      </c>
      <c r="D86" s="18">
        <v>26</v>
      </c>
    </row>
    <row r="87" spans="1:4" ht="18" customHeight="1" x14ac:dyDescent="0.15">
      <c r="A87" s="5">
        <v>67</v>
      </c>
      <c r="B87" s="22">
        <v>16</v>
      </c>
      <c r="C87" s="14">
        <v>18</v>
      </c>
      <c r="D87" s="18">
        <v>34</v>
      </c>
    </row>
    <row r="88" spans="1:4" ht="18" customHeight="1" x14ac:dyDescent="0.15">
      <c r="A88" s="5">
        <v>68</v>
      </c>
      <c r="B88" s="22">
        <v>8</v>
      </c>
      <c r="C88" s="14">
        <v>14</v>
      </c>
      <c r="D88" s="18">
        <v>22</v>
      </c>
    </row>
    <row r="89" spans="1:4" ht="18" customHeight="1" x14ac:dyDescent="0.15">
      <c r="A89" s="5">
        <v>69</v>
      </c>
      <c r="B89" s="22">
        <v>7</v>
      </c>
      <c r="C89" s="14">
        <v>16</v>
      </c>
      <c r="D89" s="18">
        <v>23</v>
      </c>
    </row>
    <row r="90" spans="1:4" ht="18" customHeight="1" x14ac:dyDescent="0.15">
      <c r="A90" s="5" t="s">
        <v>20</v>
      </c>
      <c r="B90" s="22">
        <v>62</v>
      </c>
      <c r="C90" s="14">
        <v>69</v>
      </c>
      <c r="D90" s="18">
        <v>131</v>
      </c>
    </row>
    <row r="91" spans="1:4" ht="18" customHeight="1" x14ac:dyDescent="0.15">
      <c r="A91" s="5">
        <v>70</v>
      </c>
      <c r="B91" s="22">
        <v>13</v>
      </c>
      <c r="C91" s="14">
        <v>20</v>
      </c>
      <c r="D91" s="18">
        <v>33</v>
      </c>
    </row>
    <row r="92" spans="1:4" ht="18" customHeight="1" x14ac:dyDescent="0.15">
      <c r="A92" s="5">
        <v>71</v>
      </c>
      <c r="B92" s="22">
        <v>13</v>
      </c>
      <c r="C92" s="14">
        <v>22</v>
      </c>
      <c r="D92" s="18">
        <v>35</v>
      </c>
    </row>
    <row r="93" spans="1:4" ht="18" customHeight="1" x14ac:dyDescent="0.15">
      <c r="A93" s="5">
        <v>72</v>
      </c>
      <c r="B93" s="22">
        <v>13</v>
      </c>
      <c r="C93" s="14">
        <v>32</v>
      </c>
      <c r="D93" s="18">
        <v>45</v>
      </c>
    </row>
    <row r="94" spans="1:4" ht="18" customHeight="1" x14ac:dyDescent="0.15">
      <c r="A94" s="5">
        <v>73</v>
      </c>
      <c r="B94" s="22">
        <v>23</v>
      </c>
      <c r="C94" s="14">
        <v>18</v>
      </c>
      <c r="D94" s="18">
        <v>41</v>
      </c>
    </row>
    <row r="95" spans="1:4" ht="18" customHeight="1" x14ac:dyDescent="0.15">
      <c r="A95" s="5">
        <v>74</v>
      </c>
      <c r="B95" s="22">
        <v>29</v>
      </c>
      <c r="C95" s="14">
        <v>24</v>
      </c>
      <c r="D95" s="18">
        <v>53</v>
      </c>
    </row>
    <row r="96" spans="1:4" ht="18" customHeight="1" x14ac:dyDescent="0.15">
      <c r="A96" s="5" t="s">
        <v>33</v>
      </c>
      <c r="B96" s="22">
        <v>91</v>
      </c>
      <c r="C96" s="14">
        <v>116</v>
      </c>
      <c r="D96" s="18">
        <v>207</v>
      </c>
    </row>
    <row r="97" spans="1:4" ht="18" customHeight="1" x14ac:dyDescent="0.15">
      <c r="A97" s="5">
        <v>75</v>
      </c>
      <c r="B97" s="22">
        <v>27</v>
      </c>
      <c r="C97" s="14">
        <v>21</v>
      </c>
      <c r="D97" s="18">
        <v>48</v>
      </c>
    </row>
    <row r="98" spans="1:4" ht="18" customHeight="1" x14ac:dyDescent="0.15">
      <c r="A98" s="5">
        <v>76</v>
      </c>
      <c r="B98" s="22">
        <v>27</v>
      </c>
      <c r="C98" s="14">
        <v>34</v>
      </c>
      <c r="D98" s="18">
        <v>61</v>
      </c>
    </row>
    <row r="99" spans="1:4" ht="18" customHeight="1" x14ac:dyDescent="0.15">
      <c r="A99" s="5">
        <v>77</v>
      </c>
      <c r="B99" s="22">
        <v>32</v>
      </c>
      <c r="C99" s="14">
        <v>29</v>
      </c>
      <c r="D99" s="18">
        <v>61</v>
      </c>
    </row>
    <row r="100" spans="1:4" ht="18" customHeight="1" x14ac:dyDescent="0.15">
      <c r="A100" s="5">
        <v>78</v>
      </c>
      <c r="B100" s="22">
        <v>22</v>
      </c>
      <c r="C100" s="14">
        <v>24</v>
      </c>
      <c r="D100" s="18">
        <v>46</v>
      </c>
    </row>
    <row r="101" spans="1:4" ht="18" customHeight="1" x14ac:dyDescent="0.15">
      <c r="A101" s="5">
        <v>79</v>
      </c>
      <c r="B101" s="22">
        <v>20</v>
      </c>
      <c r="C101" s="14">
        <v>39</v>
      </c>
      <c r="D101" s="18">
        <v>59</v>
      </c>
    </row>
    <row r="102" spans="1:4" ht="18" customHeight="1" x14ac:dyDescent="0.15">
      <c r="A102" s="5" t="s">
        <v>0</v>
      </c>
      <c r="B102" s="22">
        <v>128</v>
      </c>
      <c r="C102" s="14">
        <v>147</v>
      </c>
      <c r="D102" s="18">
        <v>275</v>
      </c>
    </row>
    <row r="103" spans="1:4" ht="18" customHeight="1" x14ac:dyDescent="0.15">
      <c r="A103" s="5">
        <v>80</v>
      </c>
      <c r="B103" s="22">
        <v>10</v>
      </c>
      <c r="C103" s="14">
        <v>24</v>
      </c>
      <c r="D103" s="18">
        <v>34</v>
      </c>
    </row>
    <row r="104" spans="1:4" ht="18" customHeight="1" x14ac:dyDescent="0.15">
      <c r="A104" s="5">
        <v>81</v>
      </c>
      <c r="B104" s="22">
        <v>17</v>
      </c>
      <c r="C104" s="14">
        <v>28</v>
      </c>
      <c r="D104" s="18">
        <v>45</v>
      </c>
    </row>
    <row r="105" spans="1:4" ht="18" customHeight="1" x14ac:dyDescent="0.15">
      <c r="A105" s="5">
        <v>82</v>
      </c>
      <c r="B105" s="22">
        <v>14</v>
      </c>
      <c r="C105" s="14">
        <v>18</v>
      </c>
      <c r="D105" s="18">
        <v>32</v>
      </c>
    </row>
    <row r="106" spans="1:4" ht="18" customHeight="1" x14ac:dyDescent="0.15">
      <c r="A106" s="5">
        <v>83</v>
      </c>
      <c r="B106" s="22">
        <v>12</v>
      </c>
      <c r="C106" s="14">
        <v>23</v>
      </c>
      <c r="D106" s="18">
        <v>35</v>
      </c>
    </row>
    <row r="107" spans="1:4" ht="18" customHeight="1" x14ac:dyDescent="0.15">
      <c r="A107" s="5">
        <v>84</v>
      </c>
      <c r="B107" s="22">
        <v>12</v>
      </c>
      <c r="C107" s="14">
        <v>25</v>
      </c>
      <c r="D107" s="18">
        <v>37</v>
      </c>
    </row>
    <row r="108" spans="1:4" ht="18" customHeight="1" x14ac:dyDescent="0.15">
      <c r="A108" s="5" t="s">
        <v>35</v>
      </c>
      <c r="B108" s="22">
        <v>65</v>
      </c>
      <c r="C108" s="14">
        <v>118</v>
      </c>
      <c r="D108" s="18">
        <v>183</v>
      </c>
    </row>
    <row r="109" spans="1:4" ht="18" customHeight="1" x14ac:dyDescent="0.15">
      <c r="A109" s="5">
        <v>85</v>
      </c>
      <c r="B109" s="22">
        <v>12</v>
      </c>
      <c r="C109" s="14">
        <v>15</v>
      </c>
      <c r="D109" s="18">
        <v>27</v>
      </c>
    </row>
    <row r="110" spans="1:4" ht="18" customHeight="1" x14ac:dyDescent="0.15">
      <c r="A110" s="5">
        <v>86</v>
      </c>
      <c r="B110" s="22">
        <v>9</v>
      </c>
      <c r="C110" s="14">
        <v>11</v>
      </c>
      <c r="D110" s="18">
        <v>20</v>
      </c>
    </row>
    <row r="111" spans="1:4" ht="18" customHeight="1" x14ac:dyDescent="0.15">
      <c r="A111" s="5">
        <v>87</v>
      </c>
      <c r="B111" s="22">
        <v>11</v>
      </c>
      <c r="C111" s="14">
        <v>12</v>
      </c>
      <c r="D111" s="18">
        <v>23</v>
      </c>
    </row>
    <row r="112" spans="1:4" ht="18" customHeight="1" x14ac:dyDescent="0.15">
      <c r="A112" s="5">
        <v>88</v>
      </c>
      <c r="B112" s="22">
        <v>8</v>
      </c>
      <c r="C112" s="14">
        <v>16</v>
      </c>
      <c r="D112" s="18">
        <v>24</v>
      </c>
    </row>
    <row r="113" spans="1:4" ht="18" customHeight="1" x14ac:dyDescent="0.15">
      <c r="A113" s="5">
        <v>89</v>
      </c>
      <c r="B113" s="22">
        <v>5</v>
      </c>
      <c r="C113" s="14">
        <v>14</v>
      </c>
      <c r="D113" s="18">
        <v>19</v>
      </c>
    </row>
    <row r="114" spans="1:4" ht="18" customHeight="1" x14ac:dyDescent="0.15">
      <c r="A114" s="5" t="s">
        <v>37</v>
      </c>
      <c r="B114" s="22">
        <v>45</v>
      </c>
      <c r="C114" s="14">
        <v>68</v>
      </c>
      <c r="D114" s="18">
        <v>113</v>
      </c>
    </row>
    <row r="115" spans="1:4" ht="18" customHeight="1" x14ac:dyDescent="0.15">
      <c r="A115" s="5">
        <v>90</v>
      </c>
      <c r="B115" s="22">
        <v>5</v>
      </c>
      <c r="C115" s="14">
        <v>12</v>
      </c>
      <c r="D115" s="18">
        <v>17</v>
      </c>
    </row>
    <row r="116" spans="1:4" ht="18" customHeight="1" x14ac:dyDescent="0.15">
      <c r="A116" s="5">
        <v>91</v>
      </c>
      <c r="B116" s="22">
        <v>1</v>
      </c>
      <c r="C116" s="14">
        <v>9</v>
      </c>
      <c r="D116" s="18">
        <v>10</v>
      </c>
    </row>
    <row r="117" spans="1:4" ht="18" customHeight="1" x14ac:dyDescent="0.15">
      <c r="A117" s="5">
        <v>92</v>
      </c>
      <c r="B117" s="22">
        <v>2</v>
      </c>
      <c r="C117" s="14">
        <v>9</v>
      </c>
      <c r="D117" s="18">
        <v>11</v>
      </c>
    </row>
    <row r="118" spans="1:4" ht="18" customHeight="1" x14ac:dyDescent="0.15">
      <c r="A118" s="5">
        <v>93</v>
      </c>
      <c r="B118" s="22">
        <v>1</v>
      </c>
      <c r="C118" s="14">
        <v>6</v>
      </c>
      <c r="D118" s="18">
        <v>7</v>
      </c>
    </row>
    <row r="119" spans="1:4" ht="18" customHeight="1" x14ac:dyDescent="0.15">
      <c r="A119" s="5">
        <v>94</v>
      </c>
      <c r="B119" s="22">
        <v>4</v>
      </c>
      <c r="C119" s="14">
        <v>6</v>
      </c>
      <c r="D119" s="18">
        <v>10</v>
      </c>
    </row>
    <row r="120" spans="1:4" ht="18" customHeight="1" x14ac:dyDescent="0.15">
      <c r="A120" s="5" t="s">
        <v>39</v>
      </c>
      <c r="B120" s="22">
        <v>13</v>
      </c>
      <c r="C120" s="14">
        <v>42</v>
      </c>
      <c r="D120" s="18">
        <v>55</v>
      </c>
    </row>
    <row r="121" spans="1:4" ht="18" customHeight="1" x14ac:dyDescent="0.15">
      <c r="A121" s="5">
        <v>95</v>
      </c>
      <c r="B121" s="22">
        <v>2</v>
      </c>
      <c r="C121" s="14">
        <v>7</v>
      </c>
      <c r="D121" s="18">
        <v>9</v>
      </c>
    </row>
    <row r="122" spans="1:4" ht="18" customHeight="1" x14ac:dyDescent="0.15">
      <c r="A122" s="5">
        <v>96</v>
      </c>
      <c r="B122" s="22">
        <v>0</v>
      </c>
      <c r="C122" s="14">
        <v>4</v>
      </c>
      <c r="D122" s="18">
        <v>4</v>
      </c>
    </row>
    <row r="123" spans="1:4" ht="18" customHeight="1" x14ac:dyDescent="0.15">
      <c r="A123" s="5">
        <v>97</v>
      </c>
      <c r="B123" s="22">
        <v>3</v>
      </c>
      <c r="C123" s="14">
        <v>3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5</v>
      </c>
      <c r="C126" s="14">
        <v>18</v>
      </c>
      <c r="D126" s="18">
        <v>23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409</v>
      </c>
      <c r="C130" s="14">
        <v>581</v>
      </c>
      <c r="D130" s="18">
        <v>990</v>
      </c>
    </row>
    <row r="131" spans="1:4" ht="18" customHeight="1" x14ac:dyDescent="0.15">
      <c r="A131" s="7" t="s">
        <v>45</v>
      </c>
      <c r="B131" s="23">
        <v>1076</v>
      </c>
      <c r="C131" s="15">
        <v>1202</v>
      </c>
      <c r="D131" s="19">
        <v>227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3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1</v>
      </c>
      <c r="C5" s="13">
        <v>12</v>
      </c>
      <c r="D5" s="17">
        <v>23</v>
      </c>
    </row>
    <row r="6" spans="1:4" ht="18" customHeight="1" x14ac:dyDescent="0.15">
      <c r="A6" s="5">
        <v>1</v>
      </c>
      <c r="B6" s="22">
        <v>5</v>
      </c>
      <c r="C6" s="14">
        <v>10</v>
      </c>
      <c r="D6" s="18">
        <v>15</v>
      </c>
    </row>
    <row r="7" spans="1:4" ht="18" customHeight="1" x14ac:dyDescent="0.15">
      <c r="A7" s="5">
        <v>2</v>
      </c>
      <c r="B7" s="22">
        <v>8</v>
      </c>
      <c r="C7" s="14">
        <v>8</v>
      </c>
      <c r="D7" s="18">
        <v>16</v>
      </c>
    </row>
    <row r="8" spans="1:4" ht="18" customHeight="1" x14ac:dyDescent="0.15">
      <c r="A8" s="5">
        <v>3</v>
      </c>
      <c r="B8" s="22">
        <v>10</v>
      </c>
      <c r="C8" s="14">
        <v>15</v>
      </c>
      <c r="D8" s="18">
        <v>25</v>
      </c>
    </row>
    <row r="9" spans="1:4" ht="18" customHeight="1" x14ac:dyDescent="0.15">
      <c r="A9" s="5">
        <v>4</v>
      </c>
      <c r="B9" s="22">
        <v>12</v>
      </c>
      <c r="C9" s="14">
        <v>8</v>
      </c>
      <c r="D9" s="18">
        <v>20</v>
      </c>
    </row>
    <row r="10" spans="1:4" ht="18" customHeight="1" x14ac:dyDescent="0.15">
      <c r="A10" s="5" t="s">
        <v>7</v>
      </c>
      <c r="B10" s="22">
        <v>46</v>
      </c>
      <c r="C10" s="14">
        <v>53</v>
      </c>
      <c r="D10" s="18">
        <v>99</v>
      </c>
    </row>
    <row r="11" spans="1:4" ht="18" customHeight="1" x14ac:dyDescent="0.15">
      <c r="A11" s="5">
        <v>5</v>
      </c>
      <c r="B11" s="22">
        <v>7</v>
      </c>
      <c r="C11" s="14">
        <v>5</v>
      </c>
      <c r="D11" s="18">
        <v>12</v>
      </c>
    </row>
    <row r="12" spans="1:4" ht="18" customHeight="1" x14ac:dyDescent="0.15">
      <c r="A12" s="5">
        <v>6</v>
      </c>
      <c r="B12" s="22">
        <v>12</v>
      </c>
      <c r="C12" s="14">
        <v>6</v>
      </c>
      <c r="D12" s="18">
        <v>18</v>
      </c>
    </row>
    <row r="13" spans="1:4" ht="18" customHeight="1" x14ac:dyDescent="0.15">
      <c r="A13" s="5">
        <v>7</v>
      </c>
      <c r="B13" s="22">
        <v>11</v>
      </c>
      <c r="C13" s="14">
        <v>13</v>
      </c>
      <c r="D13" s="18">
        <v>24</v>
      </c>
    </row>
    <row r="14" spans="1:4" ht="18" customHeight="1" x14ac:dyDescent="0.15">
      <c r="A14" s="5">
        <v>8</v>
      </c>
      <c r="B14" s="22">
        <v>13</v>
      </c>
      <c r="C14" s="14">
        <v>16</v>
      </c>
      <c r="D14" s="18">
        <v>29</v>
      </c>
    </row>
    <row r="15" spans="1:4" ht="18" customHeight="1" x14ac:dyDescent="0.15">
      <c r="A15" s="5">
        <v>9</v>
      </c>
      <c r="B15" s="22">
        <v>12</v>
      </c>
      <c r="C15" s="14">
        <v>12</v>
      </c>
      <c r="D15" s="18">
        <v>24</v>
      </c>
    </row>
    <row r="16" spans="1:4" ht="18" customHeight="1" x14ac:dyDescent="0.15">
      <c r="A16" s="5" t="s">
        <v>11</v>
      </c>
      <c r="B16" s="22">
        <v>55</v>
      </c>
      <c r="C16" s="14">
        <v>52</v>
      </c>
      <c r="D16" s="18">
        <v>107</v>
      </c>
    </row>
    <row r="17" spans="1:4" ht="18" customHeight="1" x14ac:dyDescent="0.15">
      <c r="A17" s="5">
        <v>10</v>
      </c>
      <c r="B17" s="22">
        <v>14</v>
      </c>
      <c r="C17" s="14">
        <v>9</v>
      </c>
      <c r="D17" s="18">
        <v>23</v>
      </c>
    </row>
    <row r="18" spans="1:4" ht="18" customHeight="1" x14ac:dyDescent="0.15">
      <c r="A18" s="5">
        <v>11</v>
      </c>
      <c r="B18" s="22">
        <v>12</v>
      </c>
      <c r="C18" s="14">
        <v>8</v>
      </c>
      <c r="D18" s="18">
        <v>20</v>
      </c>
    </row>
    <row r="19" spans="1:4" ht="18" customHeight="1" x14ac:dyDescent="0.15">
      <c r="A19" s="5">
        <v>12</v>
      </c>
      <c r="B19" s="22">
        <v>7</v>
      </c>
      <c r="C19" s="14">
        <v>16</v>
      </c>
      <c r="D19" s="18">
        <v>23</v>
      </c>
    </row>
    <row r="20" spans="1:4" ht="18" customHeight="1" x14ac:dyDescent="0.15">
      <c r="A20" s="5">
        <v>13</v>
      </c>
      <c r="B20" s="22">
        <v>11</v>
      </c>
      <c r="C20" s="14">
        <v>10</v>
      </c>
      <c r="D20" s="18">
        <v>21</v>
      </c>
    </row>
    <row r="21" spans="1:4" ht="18" customHeight="1" x14ac:dyDescent="0.15">
      <c r="A21" s="5">
        <v>14</v>
      </c>
      <c r="B21" s="22">
        <v>10</v>
      </c>
      <c r="C21" s="14">
        <v>13</v>
      </c>
      <c r="D21" s="18">
        <v>23</v>
      </c>
    </row>
    <row r="22" spans="1:4" ht="18" customHeight="1" x14ac:dyDescent="0.15">
      <c r="A22" s="5" t="s">
        <v>12</v>
      </c>
      <c r="B22" s="22">
        <v>54</v>
      </c>
      <c r="C22" s="14">
        <v>56</v>
      </c>
      <c r="D22" s="18">
        <v>110</v>
      </c>
    </row>
    <row r="23" spans="1:4" ht="18" customHeight="1" x14ac:dyDescent="0.15">
      <c r="A23" s="5" t="s">
        <v>6</v>
      </c>
      <c r="B23" s="22">
        <v>155</v>
      </c>
      <c r="C23" s="14">
        <v>161</v>
      </c>
      <c r="D23" s="18">
        <v>316</v>
      </c>
    </row>
    <row r="24" spans="1:4" ht="18" customHeight="1" x14ac:dyDescent="0.15">
      <c r="A24" s="5">
        <v>15</v>
      </c>
      <c r="B24" s="22">
        <v>14</v>
      </c>
      <c r="C24" s="14">
        <v>10</v>
      </c>
      <c r="D24" s="18">
        <v>24</v>
      </c>
    </row>
    <row r="25" spans="1:4" ht="18" customHeight="1" x14ac:dyDescent="0.15">
      <c r="A25" s="5">
        <v>16</v>
      </c>
      <c r="B25" s="22">
        <v>12</v>
      </c>
      <c r="C25" s="14">
        <v>15</v>
      </c>
      <c r="D25" s="18">
        <v>27</v>
      </c>
    </row>
    <row r="26" spans="1:4" ht="18" customHeight="1" x14ac:dyDescent="0.15">
      <c r="A26" s="5">
        <v>17</v>
      </c>
      <c r="B26" s="22">
        <v>11</v>
      </c>
      <c r="C26" s="14">
        <v>20</v>
      </c>
      <c r="D26" s="18">
        <v>31</v>
      </c>
    </row>
    <row r="27" spans="1:4" ht="18" customHeight="1" x14ac:dyDescent="0.15">
      <c r="A27" s="5">
        <v>18</v>
      </c>
      <c r="B27" s="22">
        <v>21</v>
      </c>
      <c r="C27" s="14">
        <v>16</v>
      </c>
      <c r="D27" s="18">
        <v>37</v>
      </c>
    </row>
    <row r="28" spans="1:4" ht="18" customHeight="1" x14ac:dyDescent="0.15">
      <c r="A28" s="5">
        <v>19</v>
      </c>
      <c r="B28" s="22">
        <v>22</v>
      </c>
      <c r="C28" s="14">
        <v>21</v>
      </c>
      <c r="D28" s="18">
        <v>43</v>
      </c>
    </row>
    <row r="29" spans="1:4" ht="18" customHeight="1" x14ac:dyDescent="0.15">
      <c r="A29" s="5" t="s">
        <v>14</v>
      </c>
      <c r="B29" s="22">
        <v>80</v>
      </c>
      <c r="C29" s="14">
        <v>82</v>
      </c>
      <c r="D29" s="18">
        <v>162</v>
      </c>
    </row>
    <row r="30" spans="1:4" ht="18" customHeight="1" x14ac:dyDescent="0.15">
      <c r="A30" s="5">
        <v>20</v>
      </c>
      <c r="B30" s="22">
        <v>14</v>
      </c>
      <c r="C30" s="14">
        <v>20</v>
      </c>
      <c r="D30" s="18">
        <v>34</v>
      </c>
    </row>
    <row r="31" spans="1:4" ht="18" customHeight="1" x14ac:dyDescent="0.15">
      <c r="A31" s="5">
        <v>21</v>
      </c>
      <c r="B31" s="22">
        <v>26</v>
      </c>
      <c r="C31" s="14">
        <v>21</v>
      </c>
      <c r="D31" s="18">
        <v>47</v>
      </c>
    </row>
    <row r="32" spans="1:4" ht="18" customHeight="1" x14ac:dyDescent="0.15">
      <c r="A32" s="5">
        <v>22</v>
      </c>
      <c r="B32" s="22">
        <v>27</v>
      </c>
      <c r="C32" s="14">
        <v>22</v>
      </c>
      <c r="D32" s="18">
        <v>49</v>
      </c>
    </row>
    <row r="33" spans="1:4" ht="18" customHeight="1" x14ac:dyDescent="0.15">
      <c r="A33" s="5">
        <v>23</v>
      </c>
      <c r="B33" s="22">
        <v>25</v>
      </c>
      <c r="C33" s="14">
        <v>15</v>
      </c>
      <c r="D33" s="18">
        <v>40</v>
      </c>
    </row>
    <row r="34" spans="1:4" ht="18" customHeight="1" x14ac:dyDescent="0.15">
      <c r="A34" s="5">
        <v>24</v>
      </c>
      <c r="B34" s="22">
        <v>28</v>
      </c>
      <c r="C34" s="14">
        <v>22</v>
      </c>
      <c r="D34" s="18">
        <v>50</v>
      </c>
    </row>
    <row r="35" spans="1:4" ht="18" customHeight="1" x14ac:dyDescent="0.15">
      <c r="A35" s="5" t="s">
        <v>9</v>
      </c>
      <c r="B35" s="22">
        <v>120</v>
      </c>
      <c r="C35" s="14">
        <v>100</v>
      </c>
      <c r="D35" s="18">
        <v>220</v>
      </c>
    </row>
    <row r="36" spans="1:4" ht="18" customHeight="1" x14ac:dyDescent="0.15">
      <c r="A36" s="5">
        <v>25</v>
      </c>
      <c r="B36" s="22">
        <v>24</v>
      </c>
      <c r="C36" s="14">
        <v>19</v>
      </c>
      <c r="D36" s="18">
        <v>43</v>
      </c>
    </row>
    <row r="37" spans="1:4" ht="18" customHeight="1" x14ac:dyDescent="0.15">
      <c r="A37" s="5">
        <v>26</v>
      </c>
      <c r="B37" s="22">
        <v>19</v>
      </c>
      <c r="C37" s="14">
        <v>24</v>
      </c>
      <c r="D37" s="18">
        <v>43</v>
      </c>
    </row>
    <row r="38" spans="1:4" ht="18" customHeight="1" x14ac:dyDescent="0.15">
      <c r="A38" s="5">
        <v>27</v>
      </c>
      <c r="B38" s="22">
        <v>17</v>
      </c>
      <c r="C38" s="14">
        <v>14</v>
      </c>
      <c r="D38" s="18">
        <v>31</v>
      </c>
    </row>
    <row r="39" spans="1:4" ht="18" customHeight="1" x14ac:dyDescent="0.15">
      <c r="A39" s="5">
        <v>28</v>
      </c>
      <c r="B39" s="22">
        <v>21</v>
      </c>
      <c r="C39" s="14">
        <v>13</v>
      </c>
      <c r="D39" s="18">
        <v>34</v>
      </c>
    </row>
    <row r="40" spans="1:4" ht="18" customHeight="1" x14ac:dyDescent="0.15">
      <c r="A40" s="5">
        <v>29</v>
      </c>
      <c r="B40" s="22">
        <v>24</v>
      </c>
      <c r="C40" s="14">
        <v>13</v>
      </c>
      <c r="D40" s="18">
        <v>37</v>
      </c>
    </row>
    <row r="41" spans="1:4" ht="18" customHeight="1" x14ac:dyDescent="0.15">
      <c r="A41" s="5" t="s">
        <v>2</v>
      </c>
      <c r="B41" s="22">
        <v>105</v>
      </c>
      <c r="C41" s="14">
        <v>83</v>
      </c>
      <c r="D41" s="18">
        <v>188</v>
      </c>
    </row>
    <row r="42" spans="1:4" ht="18" customHeight="1" x14ac:dyDescent="0.15">
      <c r="A42" s="5">
        <v>30</v>
      </c>
      <c r="B42" s="22">
        <v>25</v>
      </c>
      <c r="C42" s="14">
        <v>19</v>
      </c>
      <c r="D42" s="18">
        <v>44</v>
      </c>
    </row>
    <row r="43" spans="1:4" ht="18" customHeight="1" x14ac:dyDescent="0.15">
      <c r="A43" s="5">
        <v>31</v>
      </c>
      <c r="B43" s="22">
        <v>21</v>
      </c>
      <c r="C43" s="14">
        <v>15</v>
      </c>
      <c r="D43" s="18">
        <v>36</v>
      </c>
    </row>
    <row r="44" spans="1:4" ht="18" customHeight="1" x14ac:dyDescent="0.15">
      <c r="A44" s="5">
        <v>32</v>
      </c>
      <c r="B44" s="22">
        <v>21</v>
      </c>
      <c r="C44" s="14">
        <v>18</v>
      </c>
      <c r="D44" s="18">
        <v>39</v>
      </c>
    </row>
    <row r="45" spans="1:4" ht="18" customHeight="1" x14ac:dyDescent="0.15">
      <c r="A45" s="5">
        <v>33</v>
      </c>
      <c r="B45" s="22">
        <v>10</v>
      </c>
      <c r="C45" s="14">
        <v>12</v>
      </c>
      <c r="D45" s="18">
        <v>22</v>
      </c>
    </row>
    <row r="46" spans="1:4" ht="18" customHeight="1" x14ac:dyDescent="0.15">
      <c r="A46" s="5">
        <v>34</v>
      </c>
      <c r="B46" s="22">
        <v>17</v>
      </c>
      <c r="C46" s="14">
        <v>11</v>
      </c>
      <c r="D46" s="18">
        <v>28</v>
      </c>
    </row>
    <row r="47" spans="1:4" ht="18" customHeight="1" x14ac:dyDescent="0.15">
      <c r="A47" s="5" t="s">
        <v>15</v>
      </c>
      <c r="B47" s="22">
        <v>94</v>
      </c>
      <c r="C47" s="14">
        <v>75</v>
      </c>
      <c r="D47" s="18">
        <v>169</v>
      </c>
    </row>
    <row r="48" spans="1:4" ht="18" customHeight="1" x14ac:dyDescent="0.15">
      <c r="A48" s="5">
        <v>35</v>
      </c>
      <c r="B48" s="22">
        <v>19</v>
      </c>
      <c r="C48" s="14">
        <v>16</v>
      </c>
      <c r="D48" s="18">
        <v>35</v>
      </c>
    </row>
    <row r="49" spans="1:4" ht="18" customHeight="1" x14ac:dyDescent="0.15">
      <c r="A49" s="5">
        <v>36</v>
      </c>
      <c r="B49" s="22">
        <v>19</v>
      </c>
      <c r="C49" s="14">
        <v>6</v>
      </c>
      <c r="D49" s="18">
        <v>25</v>
      </c>
    </row>
    <row r="50" spans="1:4" ht="18" customHeight="1" x14ac:dyDescent="0.15">
      <c r="A50" s="5">
        <v>37</v>
      </c>
      <c r="B50" s="22">
        <v>17</v>
      </c>
      <c r="C50" s="14">
        <v>13</v>
      </c>
      <c r="D50" s="18">
        <v>30</v>
      </c>
    </row>
    <row r="51" spans="1:4" ht="18" customHeight="1" x14ac:dyDescent="0.15">
      <c r="A51" s="5">
        <v>38</v>
      </c>
      <c r="B51" s="22">
        <v>17</v>
      </c>
      <c r="C51" s="14">
        <v>15</v>
      </c>
      <c r="D51" s="18">
        <v>32</v>
      </c>
    </row>
    <row r="52" spans="1:4" ht="18" customHeight="1" x14ac:dyDescent="0.15">
      <c r="A52" s="5">
        <v>39</v>
      </c>
      <c r="B52" s="22">
        <v>16</v>
      </c>
      <c r="C52" s="14">
        <v>18</v>
      </c>
      <c r="D52" s="18">
        <v>34</v>
      </c>
    </row>
    <row r="53" spans="1:4" ht="18" customHeight="1" x14ac:dyDescent="0.15">
      <c r="A53" s="5" t="s">
        <v>18</v>
      </c>
      <c r="B53" s="22">
        <v>88</v>
      </c>
      <c r="C53" s="14">
        <v>68</v>
      </c>
      <c r="D53" s="18">
        <v>156</v>
      </c>
    </row>
    <row r="54" spans="1:4" ht="18" customHeight="1" x14ac:dyDescent="0.15">
      <c r="A54" s="5">
        <v>40</v>
      </c>
      <c r="B54" s="22">
        <v>19</v>
      </c>
      <c r="C54" s="14">
        <v>18</v>
      </c>
      <c r="D54" s="18">
        <v>37</v>
      </c>
    </row>
    <row r="55" spans="1:4" ht="18" customHeight="1" x14ac:dyDescent="0.15">
      <c r="A55" s="5">
        <v>41</v>
      </c>
      <c r="B55" s="22">
        <v>21</v>
      </c>
      <c r="C55" s="14">
        <v>21</v>
      </c>
      <c r="D55" s="18">
        <v>42</v>
      </c>
    </row>
    <row r="56" spans="1:4" ht="18" customHeight="1" x14ac:dyDescent="0.15">
      <c r="A56" s="5">
        <v>42</v>
      </c>
      <c r="B56" s="22">
        <v>15</v>
      </c>
      <c r="C56" s="14">
        <v>18</v>
      </c>
      <c r="D56" s="18">
        <v>33</v>
      </c>
    </row>
    <row r="57" spans="1:4" ht="18" customHeight="1" x14ac:dyDescent="0.15">
      <c r="A57" s="5">
        <v>43</v>
      </c>
      <c r="B57" s="22">
        <v>18</v>
      </c>
      <c r="C57" s="14">
        <v>19</v>
      </c>
      <c r="D57" s="18">
        <v>37</v>
      </c>
    </row>
    <row r="58" spans="1:4" ht="18" customHeight="1" x14ac:dyDescent="0.15">
      <c r="A58" s="5">
        <v>44</v>
      </c>
      <c r="B58" s="22">
        <v>12</v>
      </c>
      <c r="C58" s="14">
        <v>19</v>
      </c>
      <c r="D58" s="18">
        <v>31</v>
      </c>
    </row>
    <row r="59" spans="1:4" ht="18" customHeight="1" x14ac:dyDescent="0.15">
      <c r="A59" s="5" t="s">
        <v>21</v>
      </c>
      <c r="B59" s="22">
        <v>85</v>
      </c>
      <c r="C59" s="14">
        <v>95</v>
      </c>
      <c r="D59" s="18">
        <v>180</v>
      </c>
    </row>
    <row r="60" spans="1:4" ht="18" customHeight="1" x14ac:dyDescent="0.15">
      <c r="A60" s="5">
        <v>45</v>
      </c>
      <c r="B60" s="22">
        <v>14</v>
      </c>
      <c r="C60" s="14">
        <v>17</v>
      </c>
      <c r="D60" s="18">
        <v>31</v>
      </c>
    </row>
    <row r="61" spans="1:4" ht="18" customHeight="1" x14ac:dyDescent="0.15">
      <c r="A61" s="5">
        <v>46</v>
      </c>
      <c r="B61" s="22">
        <v>20</v>
      </c>
      <c r="C61" s="14">
        <v>24</v>
      </c>
      <c r="D61" s="18">
        <v>44</v>
      </c>
    </row>
    <row r="62" spans="1:4" ht="18" customHeight="1" x14ac:dyDescent="0.15">
      <c r="A62" s="5">
        <v>47</v>
      </c>
      <c r="B62" s="22">
        <v>31</v>
      </c>
      <c r="C62" s="14">
        <v>28</v>
      </c>
      <c r="D62" s="18">
        <v>59</v>
      </c>
    </row>
    <row r="63" spans="1:4" ht="18" customHeight="1" x14ac:dyDescent="0.15">
      <c r="A63" s="5">
        <v>48</v>
      </c>
      <c r="B63" s="22">
        <v>27</v>
      </c>
      <c r="C63" s="14">
        <v>20</v>
      </c>
      <c r="D63" s="18">
        <v>47</v>
      </c>
    </row>
    <row r="64" spans="1:4" ht="18" customHeight="1" x14ac:dyDescent="0.15">
      <c r="A64" s="5">
        <v>49</v>
      </c>
      <c r="B64" s="22">
        <v>29</v>
      </c>
      <c r="C64" s="14">
        <v>23</v>
      </c>
      <c r="D64" s="18">
        <v>52</v>
      </c>
    </row>
    <row r="65" spans="1:4" ht="18" customHeight="1" x14ac:dyDescent="0.15">
      <c r="A65" s="5" t="s">
        <v>17</v>
      </c>
      <c r="B65" s="22">
        <v>121</v>
      </c>
      <c r="C65" s="14">
        <v>112</v>
      </c>
      <c r="D65" s="18">
        <v>233</v>
      </c>
    </row>
    <row r="66" spans="1:4" ht="18" customHeight="1" x14ac:dyDescent="0.15">
      <c r="A66" s="5">
        <v>50</v>
      </c>
      <c r="B66" s="22">
        <v>37</v>
      </c>
      <c r="C66" s="14">
        <v>38</v>
      </c>
      <c r="D66" s="18">
        <v>75</v>
      </c>
    </row>
    <row r="67" spans="1:4" ht="18" customHeight="1" x14ac:dyDescent="0.15">
      <c r="A67" s="5">
        <v>51</v>
      </c>
      <c r="B67" s="22">
        <v>41</v>
      </c>
      <c r="C67" s="14">
        <v>41</v>
      </c>
      <c r="D67" s="18">
        <v>82</v>
      </c>
    </row>
    <row r="68" spans="1:4" ht="18" customHeight="1" x14ac:dyDescent="0.15">
      <c r="A68" s="5">
        <v>52</v>
      </c>
      <c r="B68" s="22">
        <v>36</v>
      </c>
      <c r="C68" s="14">
        <v>33</v>
      </c>
      <c r="D68" s="18">
        <v>69</v>
      </c>
    </row>
    <row r="69" spans="1:4" ht="18" customHeight="1" x14ac:dyDescent="0.15">
      <c r="A69" s="5">
        <v>53</v>
      </c>
      <c r="B69" s="22">
        <v>23</v>
      </c>
      <c r="C69" s="14">
        <v>40</v>
      </c>
      <c r="D69" s="18">
        <v>63</v>
      </c>
    </row>
    <row r="70" spans="1:4" ht="18" customHeight="1" x14ac:dyDescent="0.15">
      <c r="A70" s="5">
        <v>54</v>
      </c>
      <c r="B70" s="22">
        <v>43</v>
      </c>
      <c r="C70" s="14">
        <v>45</v>
      </c>
      <c r="D70" s="18">
        <v>88</v>
      </c>
    </row>
    <row r="71" spans="1:4" ht="18" customHeight="1" x14ac:dyDescent="0.15">
      <c r="A71" s="5" t="s">
        <v>22</v>
      </c>
      <c r="B71" s="22">
        <v>180</v>
      </c>
      <c r="C71" s="14">
        <v>197</v>
      </c>
      <c r="D71" s="18">
        <v>377</v>
      </c>
    </row>
    <row r="72" spans="1:4" ht="18" customHeight="1" x14ac:dyDescent="0.15">
      <c r="A72" s="5">
        <v>55</v>
      </c>
      <c r="B72" s="22">
        <v>35</v>
      </c>
      <c r="C72" s="14">
        <v>21</v>
      </c>
      <c r="D72" s="18">
        <v>56</v>
      </c>
    </row>
    <row r="73" spans="1:4" ht="18" customHeight="1" x14ac:dyDescent="0.15">
      <c r="A73" s="5">
        <v>56</v>
      </c>
      <c r="B73" s="22">
        <v>33</v>
      </c>
      <c r="C73" s="14">
        <v>30</v>
      </c>
      <c r="D73" s="18">
        <v>63</v>
      </c>
    </row>
    <row r="74" spans="1:4" ht="18" customHeight="1" x14ac:dyDescent="0.15">
      <c r="A74" s="5">
        <v>57</v>
      </c>
      <c r="B74" s="22">
        <v>36</v>
      </c>
      <c r="C74" s="14">
        <v>41</v>
      </c>
      <c r="D74" s="18">
        <v>77</v>
      </c>
    </row>
    <row r="75" spans="1:4" ht="18" customHeight="1" x14ac:dyDescent="0.15">
      <c r="A75" s="5">
        <v>58</v>
      </c>
      <c r="B75" s="22">
        <v>29</v>
      </c>
      <c r="C75" s="14">
        <v>35</v>
      </c>
      <c r="D75" s="18">
        <v>64</v>
      </c>
    </row>
    <row r="76" spans="1:4" ht="18" customHeight="1" x14ac:dyDescent="0.15">
      <c r="A76" s="5">
        <v>59</v>
      </c>
      <c r="B76" s="22">
        <v>28</v>
      </c>
      <c r="C76" s="14">
        <v>27</v>
      </c>
      <c r="D76" s="18">
        <v>55</v>
      </c>
    </row>
    <row r="77" spans="1:4" ht="18" customHeight="1" x14ac:dyDescent="0.15">
      <c r="A77" s="5" t="s">
        <v>27</v>
      </c>
      <c r="B77" s="22">
        <v>161</v>
      </c>
      <c r="C77" s="14">
        <v>154</v>
      </c>
      <c r="D77" s="18">
        <v>315</v>
      </c>
    </row>
    <row r="78" spans="1:4" ht="18" customHeight="1" x14ac:dyDescent="0.15">
      <c r="A78" s="5">
        <v>60</v>
      </c>
      <c r="B78" s="22">
        <v>23</v>
      </c>
      <c r="C78" s="14">
        <v>31</v>
      </c>
      <c r="D78" s="18">
        <v>54</v>
      </c>
    </row>
    <row r="79" spans="1:4" ht="18" customHeight="1" x14ac:dyDescent="0.15">
      <c r="A79" s="5">
        <v>61</v>
      </c>
      <c r="B79" s="22">
        <v>26</v>
      </c>
      <c r="C79" s="14">
        <v>28</v>
      </c>
      <c r="D79" s="18">
        <v>54</v>
      </c>
    </row>
    <row r="80" spans="1:4" ht="18" customHeight="1" x14ac:dyDescent="0.15">
      <c r="A80" s="5">
        <v>62</v>
      </c>
      <c r="B80" s="22">
        <v>20</v>
      </c>
      <c r="C80" s="14">
        <v>22</v>
      </c>
      <c r="D80" s="18">
        <v>42</v>
      </c>
    </row>
    <row r="81" spans="1:4" ht="18" customHeight="1" x14ac:dyDescent="0.15">
      <c r="A81" s="5">
        <v>63</v>
      </c>
      <c r="B81" s="22">
        <v>24</v>
      </c>
      <c r="C81" s="14">
        <v>27</v>
      </c>
      <c r="D81" s="18">
        <v>51</v>
      </c>
    </row>
    <row r="82" spans="1:4" ht="18" customHeight="1" x14ac:dyDescent="0.15">
      <c r="A82" s="5">
        <v>64</v>
      </c>
      <c r="B82" s="22">
        <v>26</v>
      </c>
      <c r="C82" s="14">
        <v>22</v>
      </c>
      <c r="D82" s="18">
        <v>48</v>
      </c>
    </row>
    <row r="83" spans="1:4" ht="18" customHeight="1" x14ac:dyDescent="0.15">
      <c r="A83" s="5" t="s">
        <v>28</v>
      </c>
      <c r="B83" s="22">
        <v>119</v>
      </c>
      <c r="C83" s="14">
        <v>130</v>
      </c>
      <c r="D83" s="18">
        <v>249</v>
      </c>
    </row>
    <row r="84" spans="1:4" ht="18" customHeight="1" x14ac:dyDescent="0.15">
      <c r="A84" s="5" t="s">
        <v>31</v>
      </c>
      <c r="B84" s="22">
        <v>1153</v>
      </c>
      <c r="C84" s="14">
        <v>1096</v>
      </c>
      <c r="D84" s="18">
        <v>2249</v>
      </c>
    </row>
    <row r="85" spans="1:4" ht="18" customHeight="1" x14ac:dyDescent="0.15">
      <c r="A85" s="5">
        <v>65</v>
      </c>
      <c r="B85" s="22">
        <v>29</v>
      </c>
      <c r="C85" s="14">
        <v>21</v>
      </c>
      <c r="D85" s="18">
        <v>50</v>
      </c>
    </row>
    <row r="86" spans="1:4" ht="18" customHeight="1" x14ac:dyDescent="0.15">
      <c r="A86" s="5">
        <v>66</v>
      </c>
      <c r="B86" s="22">
        <v>23</v>
      </c>
      <c r="C86" s="14">
        <v>16</v>
      </c>
      <c r="D86" s="18">
        <v>39</v>
      </c>
    </row>
    <row r="87" spans="1:4" ht="18" customHeight="1" x14ac:dyDescent="0.15">
      <c r="A87" s="5">
        <v>67</v>
      </c>
      <c r="B87" s="22">
        <v>24</v>
      </c>
      <c r="C87" s="14">
        <v>24</v>
      </c>
      <c r="D87" s="18">
        <v>48</v>
      </c>
    </row>
    <row r="88" spans="1:4" ht="18" customHeight="1" x14ac:dyDescent="0.15">
      <c r="A88" s="5">
        <v>68</v>
      </c>
      <c r="B88" s="22">
        <v>19</v>
      </c>
      <c r="C88" s="14">
        <v>16</v>
      </c>
      <c r="D88" s="18">
        <v>35</v>
      </c>
    </row>
    <row r="89" spans="1:4" ht="18" customHeight="1" x14ac:dyDescent="0.15">
      <c r="A89" s="5">
        <v>69</v>
      </c>
      <c r="B89" s="22">
        <v>12</v>
      </c>
      <c r="C89" s="14">
        <v>30</v>
      </c>
      <c r="D89" s="18">
        <v>42</v>
      </c>
    </row>
    <row r="90" spans="1:4" ht="18" customHeight="1" x14ac:dyDescent="0.15">
      <c r="A90" s="5" t="s">
        <v>20</v>
      </c>
      <c r="B90" s="22">
        <v>107</v>
      </c>
      <c r="C90" s="14">
        <v>107</v>
      </c>
      <c r="D90" s="18">
        <v>214</v>
      </c>
    </row>
    <row r="91" spans="1:4" ht="18" customHeight="1" x14ac:dyDescent="0.15">
      <c r="A91" s="5">
        <v>70</v>
      </c>
      <c r="B91" s="22">
        <v>22</v>
      </c>
      <c r="C91" s="14">
        <v>18</v>
      </c>
      <c r="D91" s="18">
        <v>40</v>
      </c>
    </row>
    <row r="92" spans="1:4" ht="18" customHeight="1" x14ac:dyDescent="0.15">
      <c r="A92" s="5">
        <v>71</v>
      </c>
      <c r="B92" s="22">
        <v>26</v>
      </c>
      <c r="C92" s="14">
        <v>18</v>
      </c>
      <c r="D92" s="18">
        <v>44</v>
      </c>
    </row>
    <row r="93" spans="1:4" ht="18" customHeight="1" x14ac:dyDescent="0.15">
      <c r="A93" s="5">
        <v>72</v>
      </c>
      <c r="B93" s="22">
        <v>32</v>
      </c>
      <c r="C93" s="14">
        <v>26</v>
      </c>
      <c r="D93" s="18">
        <v>58</v>
      </c>
    </row>
    <row r="94" spans="1:4" ht="18" customHeight="1" x14ac:dyDescent="0.15">
      <c r="A94" s="5">
        <v>73</v>
      </c>
      <c r="B94" s="22">
        <v>26</v>
      </c>
      <c r="C94" s="14">
        <v>31</v>
      </c>
      <c r="D94" s="18">
        <v>57</v>
      </c>
    </row>
    <row r="95" spans="1:4" ht="18" customHeight="1" x14ac:dyDescent="0.15">
      <c r="A95" s="5">
        <v>74</v>
      </c>
      <c r="B95" s="22">
        <v>18</v>
      </c>
      <c r="C95" s="14">
        <v>31</v>
      </c>
      <c r="D95" s="18">
        <v>49</v>
      </c>
    </row>
    <row r="96" spans="1:4" ht="18" customHeight="1" x14ac:dyDescent="0.15">
      <c r="A96" s="5" t="s">
        <v>33</v>
      </c>
      <c r="B96" s="22">
        <v>124</v>
      </c>
      <c r="C96" s="14">
        <v>124</v>
      </c>
      <c r="D96" s="18">
        <v>248</v>
      </c>
    </row>
    <row r="97" spans="1:4" ht="18" customHeight="1" x14ac:dyDescent="0.15">
      <c r="A97" s="5">
        <v>75</v>
      </c>
      <c r="B97" s="22">
        <v>26</v>
      </c>
      <c r="C97" s="14">
        <v>27</v>
      </c>
      <c r="D97" s="18">
        <v>53</v>
      </c>
    </row>
    <row r="98" spans="1:4" ht="18" customHeight="1" x14ac:dyDescent="0.15">
      <c r="A98" s="5">
        <v>76</v>
      </c>
      <c r="B98" s="22">
        <v>30</v>
      </c>
      <c r="C98" s="14">
        <v>50</v>
      </c>
      <c r="D98" s="18">
        <v>80</v>
      </c>
    </row>
    <row r="99" spans="1:4" ht="18" customHeight="1" x14ac:dyDescent="0.15">
      <c r="A99" s="5">
        <v>77</v>
      </c>
      <c r="B99" s="22">
        <v>37</v>
      </c>
      <c r="C99" s="14">
        <v>50</v>
      </c>
      <c r="D99" s="18">
        <v>87</v>
      </c>
    </row>
    <row r="100" spans="1:4" ht="18" customHeight="1" x14ac:dyDescent="0.15">
      <c r="A100" s="5">
        <v>78</v>
      </c>
      <c r="B100" s="22">
        <v>32</v>
      </c>
      <c r="C100" s="14">
        <v>36</v>
      </c>
      <c r="D100" s="18">
        <v>68</v>
      </c>
    </row>
    <row r="101" spans="1:4" ht="18" customHeight="1" x14ac:dyDescent="0.15">
      <c r="A101" s="5">
        <v>79</v>
      </c>
      <c r="B101" s="22">
        <v>20</v>
      </c>
      <c r="C101" s="14">
        <v>20</v>
      </c>
      <c r="D101" s="18">
        <v>40</v>
      </c>
    </row>
    <row r="102" spans="1:4" ht="18" customHeight="1" x14ac:dyDescent="0.15">
      <c r="A102" s="5" t="s">
        <v>0</v>
      </c>
      <c r="B102" s="22">
        <v>145</v>
      </c>
      <c r="C102" s="14">
        <v>183</v>
      </c>
      <c r="D102" s="18">
        <v>328</v>
      </c>
    </row>
    <row r="103" spans="1:4" ht="18" customHeight="1" x14ac:dyDescent="0.15">
      <c r="A103" s="5">
        <v>80</v>
      </c>
      <c r="B103" s="22">
        <v>19</v>
      </c>
      <c r="C103" s="14">
        <v>21</v>
      </c>
      <c r="D103" s="18">
        <v>40</v>
      </c>
    </row>
    <row r="104" spans="1:4" ht="18" customHeight="1" x14ac:dyDescent="0.15">
      <c r="A104" s="5">
        <v>81</v>
      </c>
      <c r="B104" s="22">
        <v>28</v>
      </c>
      <c r="C104" s="14">
        <v>29</v>
      </c>
      <c r="D104" s="18">
        <v>57</v>
      </c>
    </row>
    <row r="105" spans="1:4" ht="18" customHeight="1" x14ac:dyDescent="0.15">
      <c r="A105" s="5">
        <v>82</v>
      </c>
      <c r="B105" s="22">
        <v>13</v>
      </c>
      <c r="C105" s="14">
        <v>37</v>
      </c>
      <c r="D105" s="18">
        <v>50</v>
      </c>
    </row>
    <row r="106" spans="1:4" ht="18" customHeight="1" x14ac:dyDescent="0.15">
      <c r="A106" s="5">
        <v>83</v>
      </c>
      <c r="B106" s="22">
        <v>17</v>
      </c>
      <c r="C106" s="14">
        <v>33</v>
      </c>
      <c r="D106" s="18">
        <v>50</v>
      </c>
    </row>
    <row r="107" spans="1:4" ht="18" customHeight="1" x14ac:dyDescent="0.15">
      <c r="A107" s="5">
        <v>84</v>
      </c>
      <c r="B107" s="22">
        <v>21</v>
      </c>
      <c r="C107" s="14">
        <v>36</v>
      </c>
      <c r="D107" s="18">
        <v>57</v>
      </c>
    </row>
    <row r="108" spans="1:4" ht="18" customHeight="1" x14ac:dyDescent="0.15">
      <c r="A108" s="5" t="s">
        <v>35</v>
      </c>
      <c r="B108" s="22">
        <v>98</v>
      </c>
      <c r="C108" s="14">
        <v>156</v>
      </c>
      <c r="D108" s="18">
        <v>254</v>
      </c>
    </row>
    <row r="109" spans="1:4" ht="18" customHeight="1" x14ac:dyDescent="0.15">
      <c r="A109" s="5">
        <v>85</v>
      </c>
      <c r="B109" s="22">
        <v>12</v>
      </c>
      <c r="C109" s="14">
        <v>21</v>
      </c>
      <c r="D109" s="18">
        <v>33</v>
      </c>
    </row>
    <row r="110" spans="1:4" ht="18" customHeight="1" x14ac:dyDescent="0.15">
      <c r="A110" s="5">
        <v>86</v>
      </c>
      <c r="B110" s="22">
        <v>12</v>
      </c>
      <c r="C110" s="14">
        <v>23</v>
      </c>
      <c r="D110" s="18">
        <v>35</v>
      </c>
    </row>
    <row r="111" spans="1:4" ht="18" customHeight="1" x14ac:dyDescent="0.15">
      <c r="A111" s="5">
        <v>87</v>
      </c>
      <c r="B111" s="22">
        <v>7</v>
      </c>
      <c r="C111" s="14">
        <v>18</v>
      </c>
      <c r="D111" s="18">
        <v>25</v>
      </c>
    </row>
    <row r="112" spans="1:4" ht="18" customHeight="1" x14ac:dyDescent="0.15">
      <c r="A112" s="5">
        <v>88</v>
      </c>
      <c r="B112" s="22">
        <v>10</v>
      </c>
      <c r="C112" s="14">
        <v>25</v>
      </c>
      <c r="D112" s="18">
        <v>35</v>
      </c>
    </row>
    <row r="113" spans="1:4" ht="18" customHeight="1" x14ac:dyDescent="0.15">
      <c r="A113" s="5">
        <v>89</v>
      </c>
      <c r="B113" s="22">
        <v>5</v>
      </c>
      <c r="C113" s="14">
        <v>19</v>
      </c>
      <c r="D113" s="18">
        <v>24</v>
      </c>
    </row>
    <row r="114" spans="1:4" ht="18" customHeight="1" x14ac:dyDescent="0.15">
      <c r="A114" s="5" t="s">
        <v>37</v>
      </c>
      <c r="B114" s="22">
        <v>46</v>
      </c>
      <c r="C114" s="14">
        <v>106</v>
      </c>
      <c r="D114" s="18">
        <v>152</v>
      </c>
    </row>
    <row r="115" spans="1:4" ht="18" customHeight="1" x14ac:dyDescent="0.15">
      <c r="A115" s="5">
        <v>90</v>
      </c>
      <c r="B115" s="22">
        <v>5</v>
      </c>
      <c r="C115" s="14">
        <v>21</v>
      </c>
      <c r="D115" s="18">
        <v>26</v>
      </c>
    </row>
    <row r="116" spans="1:4" ht="18" customHeight="1" x14ac:dyDescent="0.15">
      <c r="A116" s="5">
        <v>91</v>
      </c>
      <c r="B116" s="22">
        <v>3</v>
      </c>
      <c r="C116" s="14">
        <v>10</v>
      </c>
      <c r="D116" s="18">
        <v>13</v>
      </c>
    </row>
    <row r="117" spans="1:4" ht="18" customHeight="1" x14ac:dyDescent="0.15">
      <c r="A117" s="5">
        <v>92</v>
      </c>
      <c r="B117" s="22">
        <v>1</v>
      </c>
      <c r="C117" s="14">
        <v>12</v>
      </c>
      <c r="D117" s="18">
        <v>13</v>
      </c>
    </row>
    <row r="118" spans="1:4" ht="18" customHeight="1" x14ac:dyDescent="0.15">
      <c r="A118" s="5">
        <v>93</v>
      </c>
      <c r="B118" s="22">
        <v>5</v>
      </c>
      <c r="C118" s="14">
        <v>9</v>
      </c>
      <c r="D118" s="18">
        <v>14</v>
      </c>
    </row>
    <row r="119" spans="1:4" ht="18" customHeight="1" x14ac:dyDescent="0.15">
      <c r="A119" s="5">
        <v>94</v>
      </c>
      <c r="B119" s="22">
        <v>4</v>
      </c>
      <c r="C119" s="14">
        <v>10</v>
      </c>
      <c r="D119" s="18">
        <v>14</v>
      </c>
    </row>
    <row r="120" spans="1:4" ht="18" customHeight="1" x14ac:dyDescent="0.15">
      <c r="A120" s="5" t="s">
        <v>39</v>
      </c>
      <c r="B120" s="22">
        <v>18</v>
      </c>
      <c r="C120" s="14">
        <v>62</v>
      </c>
      <c r="D120" s="18">
        <v>80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0</v>
      </c>
      <c r="C122" s="14">
        <v>9</v>
      </c>
      <c r="D122" s="18">
        <v>9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0</v>
      </c>
      <c r="D125" s="18">
        <v>1</v>
      </c>
    </row>
    <row r="126" spans="1:4" ht="18" customHeight="1" x14ac:dyDescent="0.15">
      <c r="A126" s="5" t="s">
        <v>40</v>
      </c>
      <c r="B126" s="22">
        <v>2</v>
      </c>
      <c r="C126" s="14">
        <v>17</v>
      </c>
      <c r="D126" s="18">
        <v>19</v>
      </c>
    </row>
    <row r="127" spans="1:4" ht="18" customHeight="1" x14ac:dyDescent="0.15">
      <c r="A127" s="5">
        <v>100</v>
      </c>
      <c r="B127" s="22">
        <v>1</v>
      </c>
      <c r="C127" s="14">
        <v>0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3</v>
      </c>
      <c r="D129" s="18">
        <v>4</v>
      </c>
    </row>
    <row r="130" spans="1:4" ht="18" customHeight="1" x14ac:dyDescent="0.15">
      <c r="A130" s="5" t="s">
        <v>46</v>
      </c>
      <c r="B130" s="22">
        <v>541</v>
      </c>
      <c r="C130" s="14">
        <v>758</v>
      </c>
      <c r="D130" s="18">
        <v>1299</v>
      </c>
    </row>
    <row r="131" spans="1:4" ht="18" customHeight="1" x14ac:dyDescent="0.15">
      <c r="A131" s="7" t="s">
        <v>45</v>
      </c>
      <c r="B131" s="23">
        <v>1849</v>
      </c>
      <c r="C131" s="15">
        <v>2015</v>
      </c>
      <c r="D131" s="19">
        <v>386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3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48</v>
      </c>
      <c r="C5" s="13">
        <v>39</v>
      </c>
      <c r="D5" s="17">
        <v>87</v>
      </c>
    </row>
    <row r="6" spans="1:4" ht="18" customHeight="1" x14ac:dyDescent="0.15">
      <c r="A6" s="5">
        <v>1</v>
      </c>
      <c r="B6" s="22">
        <v>58</v>
      </c>
      <c r="C6" s="14">
        <v>49</v>
      </c>
      <c r="D6" s="18">
        <v>107</v>
      </c>
    </row>
    <row r="7" spans="1:4" ht="18" customHeight="1" x14ac:dyDescent="0.15">
      <c r="A7" s="5">
        <v>2</v>
      </c>
      <c r="B7" s="22">
        <v>55</v>
      </c>
      <c r="C7" s="14">
        <v>41</v>
      </c>
      <c r="D7" s="18">
        <v>96</v>
      </c>
    </row>
    <row r="8" spans="1:4" ht="18" customHeight="1" x14ac:dyDescent="0.15">
      <c r="A8" s="5">
        <v>3</v>
      </c>
      <c r="B8" s="22">
        <v>66</v>
      </c>
      <c r="C8" s="14">
        <v>58</v>
      </c>
      <c r="D8" s="18">
        <v>124</v>
      </c>
    </row>
    <row r="9" spans="1:4" ht="18" customHeight="1" x14ac:dyDescent="0.15">
      <c r="A9" s="5">
        <v>4</v>
      </c>
      <c r="B9" s="22">
        <v>75</v>
      </c>
      <c r="C9" s="14">
        <v>53</v>
      </c>
      <c r="D9" s="18">
        <v>128</v>
      </c>
    </row>
    <row r="10" spans="1:4" ht="18" customHeight="1" x14ac:dyDescent="0.15">
      <c r="A10" s="5" t="s">
        <v>7</v>
      </c>
      <c r="B10" s="22">
        <v>302</v>
      </c>
      <c r="C10" s="14">
        <v>240</v>
      </c>
      <c r="D10" s="18">
        <v>542</v>
      </c>
    </row>
    <row r="11" spans="1:4" ht="18" customHeight="1" x14ac:dyDescent="0.15">
      <c r="A11" s="5">
        <v>5</v>
      </c>
      <c r="B11" s="22">
        <v>57</v>
      </c>
      <c r="C11" s="14">
        <v>62</v>
      </c>
      <c r="D11" s="18">
        <v>119</v>
      </c>
    </row>
    <row r="12" spans="1:4" ht="18" customHeight="1" x14ac:dyDescent="0.15">
      <c r="A12" s="5">
        <v>6</v>
      </c>
      <c r="B12" s="22">
        <v>80</v>
      </c>
      <c r="C12" s="14">
        <v>69</v>
      </c>
      <c r="D12" s="18">
        <v>149</v>
      </c>
    </row>
    <row r="13" spans="1:4" ht="18" customHeight="1" x14ac:dyDescent="0.15">
      <c r="A13" s="5">
        <v>7</v>
      </c>
      <c r="B13" s="22">
        <v>79</v>
      </c>
      <c r="C13" s="14">
        <v>50</v>
      </c>
      <c r="D13" s="18">
        <v>129</v>
      </c>
    </row>
    <row r="14" spans="1:4" ht="18" customHeight="1" x14ac:dyDescent="0.15">
      <c r="A14" s="5">
        <v>8</v>
      </c>
      <c r="B14" s="22">
        <v>60</v>
      </c>
      <c r="C14" s="14">
        <v>77</v>
      </c>
      <c r="D14" s="18">
        <v>137</v>
      </c>
    </row>
    <row r="15" spans="1:4" ht="18" customHeight="1" x14ac:dyDescent="0.15">
      <c r="A15" s="5">
        <v>9</v>
      </c>
      <c r="B15" s="22">
        <v>62</v>
      </c>
      <c r="C15" s="14">
        <v>70</v>
      </c>
      <c r="D15" s="18">
        <v>132</v>
      </c>
    </row>
    <row r="16" spans="1:4" ht="18" customHeight="1" x14ac:dyDescent="0.15">
      <c r="A16" s="5" t="s">
        <v>11</v>
      </c>
      <c r="B16" s="22">
        <v>338</v>
      </c>
      <c r="C16" s="14">
        <v>328</v>
      </c>
      <c r="D16" s="18">
        <v>666</v>
      </c>
    </row>
    <row r="17" spans="1:4" ht="18" customHeight="1" x14ac:dyDescent="0.15">
      <c r="A17" s="5">
        <v>10</v>
      </c>
      <c r="B17" s="22">
        <v>53</v>
      </c>
      <c r="C17" s="14">
        <v>72</v>
      </c>
      <c r="D17" s="18">
        <v>125</v>
      </c>
    </row>
    <row r="18" spans="1:4" ht="18" customHeight="1" x14ac:dyDescent="0.15">
      <c r="A18" s="5">
        <v>11</v>
      </c>
      <c r="B18" s="22">
        <v>65</v>
      </c>
      <c r="C18" s="14">
        <v>59</v>
      </c>
      <c r="D18" s="18">
        <v>124</v>
      </c>
    </row>
    <row r="19" spans="1:4" ht="18" customHeight="1" x14ac:dyDescent="0.15">
      <c r="A19" s="5">
        <v>12</v>
      </c>
      <c r="B19" s="22">
        <v>72</v>
      </c>
      <c r="C19" s="14">
        <v>73</v>
      </c>
      <c r="D19" s="18">
        <v>145</v>
      </c>
    </row>
    <row r="20" spans="1:4" ht="18" customHeight="1" x14ac:dyDescent="0.15">
      <c r="A20" s="5">
        <v>13</v>
      </c>
      <c r="B20" s="22">
        <v>68</v>
      </c>
      <c r="C20" s="14">
        <v>62</v>
      </c>
      <c r="D20" s="18">
        <v>130</v>
      </c>
    </row>
    <row r="21" spans="1:4" ht="18" customHeight="1" x14ac:dyDescent="0.15">
      <c r="A21" s="5">
        <v>14</v>
      </c>
      <c r="B21" s="22">
        <v>64</v>
      </c>
      <c r="C21" s="14">
        <v>67</v>
      </c>
      <c r="D21" s="18">
        <v>131</v>
      </c>
    </row>
    <row r="22" spans="1:4" ht="18" customHeight="1" x14ac:dyDescent="0.15">
      <c r="A22" s="5" t="s">
        <v>12</v>
      </c>
      <c r="B22" s="22">
        <v>322</v>
      </c>
      <c r="C22" s="14">
        <v>333</v>
      </c>
      <c r="D22" s="18">
        <v>655</v>
      </c>
    </row>
    <row r="23" spans="1:4" ht="18" customHeight="1" x14ac:dyDescent="0.15">
      <c r="A23" s="5" t="s">
        <v>6</v>
      </c>
      <c r="B23" s="22">
        <v>962</v>
      </c>
      <c r="C23" s="14">
        <v>901</v>
      </c>
      <c r="D23" s="18">
        <v>1863</v>
      </c>
    </row>
    <row r="24" spans="1:4" ht="18" customHeight="1" x14ac:dyDescent="0.15">
      <c r="A24" s="5">
        <v>15</v>
      </c>
      <c r="B24" s="22">
        <v>68</v>
      </c>
      <c r="C24" s="14">
        <v>62</v>
      </c>
      <c r="D24" s="18">
        <v>130</v>
      </c>
    </row>
    <row r="25" spans="1:4" ht="18" customHeight="1" x14ac:dyDescent="0.15">
      <c r="A25" s="5">
        <v>16</v>
      </c>
      <c r="B25" s="22">
        <v>73</v>
      </c>
      <c r="C25" s="14">
        <v>61</v>
      </c>
      <c r="D25" s="18">
        <v>134</v>
      </c>
    </row>
    <row r="26" spans="1:4" ht="18" customHeight="1" x14ac:dyDescent="0.15">
      <c r="A26" s="5">
        <v>17</v>
      </c>
      <c r="B26" s="22">
        <v>67</v>
      </c>
      <c r="C26" s="14">
        <v>63</v>
      </c>
      <c r="D26" s="18">
        <v>130</v>
      </c>
    </row>
    <row r="27" spans="1:4" ht="18" customHeight="1" x14ac:dyDescent="0.15">
      <c r="A27" s="5">
        <v>18</v>
      </c>
      <c r="B27" s="22">
        <v>66</v>
      </c>
      <c r="C27" s="14">
        <v>57</v>
      </c>
      <c r="D27" s="18">
        <v>123</v>
      </c>
    </row>
    <row r="28" spans="1:4" ht="18" customHeight="1" x14ac:dyDescent="0.15">
      <c r="A28" s="5">
        <v>19</v>
      </c>
      <c r="B28" s="22">
        <v>62</v>
      </c>
      <c r="C28" s="14">
        <v>58</v>
      </c>
      <c r="D28" s="18">
        <v>120</v>
      </c>
    </row>
    <row r="29" spans="1:4" ht="18" customHeight="1" x14ac:dyDescent="0.15">
      <c r="A29" s="5" t="s">
        <v>14</v>
      </c>
      <c r="B29" s="22">
        <v>336</v>
      </c>
      <c r="C29" s="14">
        <v>301</v>
      </c>
      <c r="D29" s="18">
        <v>637</v>
      </c>
    </row>
    <row r="30" spans="1:4" ht="18" customHeight="1" x14ac:dyDescent="0.15">
      <c r="A30" s="5">
        <v>20</v>
      </c>
      <c r="B30" s="22">
        <v>53</v>
      </c>
      <c r="C30" s="14">
        <v>68</v>
      </c>
      <c r="D30" s="18">
        <v>121</v>
      </c>
    </row>
    <row r="31" spans="1:4" ht="18" customHeight="1" x14ac:dyDescent="0.15">
      <c r="A31" s="5">
        <v>21</v>
      </c>
      <c r="B31" s="22">
        <v>59</v>
      </c>
      <c r="C31" s="14">
        <v>66</v>
      </c>
      <c r="D31" s="18">
        <v>125</v>
      </c>
    </row>
    <row r="32" spans="1:4" ht="18" customHeight="1" x14ac:dyDescent="0.15">
      <c r="A32" s="5">
        <v>22</v>
      </c>
      <c r="B32" s="22">
        <v>64</v>
      </c>
      <c r="C32" s="14">
        <v>58</v>
      </c>
      <c r="D32" s="18">
        <v>122</v>
      </c>
    </row>
    <row r="33" spans="1:4" ht="18" customHeight="1" x14ac:dyDescent="0.15">
      <c r="A33" s="5">
        <v>23</v>
      </c>
      <c r="B33" s="22">
        <v>63</v>
      </c>
      <c r="C33" s="14">
        <v>69</v>
      </c>
      <c r="D33" s="18">
        <v>132</v>
      </c>
    </row>
    <row r="34" spans="1:4" ht="18" customHeight="1" x14ac:dyDescent="0.15">
      <c r="A34" s="5">
        <v>24</v>
      </c>
      <c r="B34" s="22">
        <v>65</v>
      </c>
      <c r="C34" s="14">
        <v>66</v>
      </c>
      <c r="D34" s="18">
        <v>131</v>
      </c>
    </row>
    <row r="35" spans="1:4" ht="18" customHeight="1" x14ac:dyDescent="0.15">
      <c r="A35" s="5" t="s">
        <v>9</v>
      </c>
      <c r="B35" s="22">
        <v>304</v>
      </c>
      <c r="C35" s="14">
        <v>327</v>
      </c>
      <c r="D35" s="18">
        <v>631</v>
      </c>
    </row>
    <row r="36" spans="1:4" ht="18" customHeight="1" x14ac:dyDescent="0.15">
      <c r="A36" s="5">
        <v>25</v>
      </c>
      <c r="B36" s="22">
        <v>77</v>
      </c>
      <c r="C36" s="14">
        <v>74</v>
      </c>
      <c r="D36" s="18">
        <v>151</v>
      </c>
    </row>
    <row r="37" spans="1:4" ht="18" customHeight="1" x14ac:dyDescent="0.15">
      <c r="A37" s="5">
        <v>26</v>
      </c>
      <c r="B37" s="22">
        <v>87</v>
      </c>
      <c r="C37" s="14">
        <v>77</v>
      </c>
      <c r="D37" s="18">
        <v>164</v>
      </c>
    </row>
    <row r="38" spans="1:4" ht="18" customHeight="1" x14ac:dyDescent="0.15">
      <c r="A38" s="5">
        <v>27</v>
      </c>
      <c r="B38" s="22">
        <v>78</v>
      </c>
      <c r="C38" s="14">
        <v>69</v>
      </c>
      <c r="D38" s="18">
        <v>147</v>
      </c>
    </row>
    <row r="39" spans="1:4" ht="18" customHeight="1" x14ac:dyDescent="0.15">
      <c r="A39" s="5">
        <v>28</v>
      </c>
      <c r="B39" s="22">
        <v>75</v>
      </c>
      <c r="C39" s="14">
        <v>63</v>
      </c>
      <c r="D39" s="18">
        <v>138</v>
      </c>
    </row>
    <row r="40" spans="1:4" ht="18" customHeight="1" x14ac:dyDescent="0.15">
      <c r="A40" s="5">
        <v>29</v>
      </c>
      <c r="B40" s="22">
        <v>99</v>
      </c>
      <c r="C40" s="14">
        <v>82</v>
      </c>
      <c r="D40" s="18">
        <v>181</v>
      </c>
    </row>
    <row r="41" spans="1:4" ht="18" customHeight="1" x14ac:dyDescent="0.15">
      <c r="A41" s="5" t="s">
        <v>2</v>
      </c>
      <c r="B41" s="22">
        <v>416</v>
      </c>
      <c r="C41" s="14">
        <v>365</v>
      </c>
      <c r="D41" s="18">
        <v>781</v>
      </c>
    </row>
    <row r="42" spans="1:4" ht="18" customHeight="1" x14ac:dyDescent="0.15">
      <c r="A42" s="5">
        <v>30</v>
      </c>
      <c r="B42" s="22">
        <v>69</v>
      </c>
      <c r="C42" s="14">
        <v>76</v>
      </c>
      <c r="D42" s="18">
        <v>145</v>
      </c>
    </row>
    <row r="43" spans="1:4" ht="18" customHeight="1" x14ac:dyDescent="0.15">
      <c r="A43" s="5">
        <v>31</v>
      </c>
      <c r="B43" s="22">
        <v>71</v>
      </c>
      <c r="C43" s="14">
        <v>74</v>
      </c>
      <c r="D43" s="18">
        <v>145</v>
      </c>
    </row>
    <row r="44" spans="1:4" ht="18" customHeight="1" x14ac:dyDescent="0.15">
      <c r="A44" s="5">
        <v>32</v>
      </c>
      <c r="B44" s="22">
        <v>93</v>
      </c>
      <c r="C44" s="14">
        <v>85</v>
      </c>
      <c r="D44" s="18">
        <v>178</v>
      </c>
    </row>
    <row r="45" spans="1:4" ht="18" customHeight="1" x14ac:dyDescent="0.15">
      <c r="A45" s="5">
        <v>33</v>
      </c>
      <c r="B45" s="22">
        <v>81</v>
      </c>
      <c r="C45" s="14">
        <v>78</v>
      </c>
      <c r="D45" s="18">
        <v>159</v>
      </c>
    </row>
    <row r="46" spans="1:4" ht="18" customHeight="1" x14ac:dyDescent="0.15">
      <c r="A46" s="5">
        <v>34</v>
      </c>
      <c r="B46" s="22">
        <v>82</v>
      </c>
      <c r="C46" s="14">
        <v>76</v>
      </c>
      <c r="D46" s="18">
        <v>158</v>
      </c>
    </row>
    <row r="47" spans="1:4" ht="18" customHeight="1" x14ac:dyDescent="0.15">
      <c r="A47" s="5" t="s">
        <v>15</v>
      </c>
      <c r="B47" s="22">
        <v>396</v>
      </c>
      <c r="C47" s="14">
        <v>389</v>
      </c>
      <c r="D47" s="18">
        <v>785</v>
      </c>
    </row>
    <row r="48" spans="1:4" ht="18" customHeight="1" x14ac:dyDescent="0.15">
      <c r="A48" s="5">
        <v>35</v>
      </c>
      <c r="B48" s="22">
        <v>103</v>
      </c>
      <c r="C48" s="14">
        <v>68</v>
      </c>
      <c r="D48" s="18">
        <v>171</v>
      </c>
    </row>
    <row r="49" spans="1:4" ht="18" customHeight="1" x14ac:dyDescent="0.15">
      <c r="A49" s="5">
        <v>36</v>
      </c>
      <c r="B49" s="22">
        <v>66</v>
      </c>
      <c r="C49" s="14">
        <v>63</v>
      </c>
      <c r="D49" s="18">
        <v>129</v>
      </c>
    </row>
    <row r="50" spans="1:4" ht="18" customHeight="1" x14ac:dyDescent="0.15">
      <c r="A50" s="5">
        <v>37</v>
      </c>
      <c r="B50" s="22">
        <v>101</v>
      </c>
      <c r="C50" s="14">
        <v>89</v>
      </c>
      <c r="D50" s="18">
        <v>190</v>
      </c>
    </row>
    <row r="51" spans="1:4" ht="18" customHeight="1" x14ac:dyDescent="0.15">
      <c r="A51" s="5">
        <v>38</v>
      </c>
      <c r="B51" s="22">
        <v>87</v>
      </c>
      <c r="C51" s="14">
        <v>86</v>
      </c>
      <c r="D51" s="18">
        <v>173</v>
      </c>
    </row>
    <row r="52" spans="1:4" ht="18" customHeight="1" x14ac:dyDescent="0.15">
      <c r="A52" s="5">
        <v>39</v>
      </c>
      <c r="B52" s="22">
        <v>72</v>
      </c>
      <c r="C52" s="14">
        <v>85</v>
      </c>
      <c r="D52" s="18">
        <v>157</v>
      </c>
    </row>
    <row r="53" spans="1:4" ht="18" customHeight="1" x14ac:dyDescent="0.15">
      <c r="A53" s="5" t="s">
        <v>18</v>
      </c>
      <c r="B53" s="22">
        <v>429</v>
      </c>
      <c r="C53" s="14">
        <v>391</v>
      </c>
      <c r="D53" s="18">
        <v>820</v>
      </c>
    </row>
    <row r="54" spans="1:4" ht="18" customHeight="1" x14ac:dyDescent="0.15">
      <c r="A54" s="5">
        <v>40</v>
      </c>
      <c r="B54" s="22">
        <v>98</v>
      </c>
      <c r="C54" s="14">
        <v>102</v>
      </c>
      <c r="D54" s="18">
        <v>200</v>
      </c>
    </row>
    <row r="55" spans="1:4" ht="18" customHeight="1" x14ac:dyDescent="0.15">
      <c r="A55" s="5">
        <v>41</v>
      </c>
      <c r="B55" s="22">
        <v>92</v>
      </c>
      <c r="C55" s="14">
        <v>92</v>
      </c>
      <c r="D55" s="18">
        <v>184</v>
      </c>
    </row>
    <row r="56" spans="1:4" ht="18" customHeight="1" x14ac:dyDescent="0.15">
      <c r="A56" s="5">
        <v>42</v>
      </c>
      <c r="B56" s="22">
        <v>99</v>
      </c>
      <c r="C56" s="14">
        <v>94</v>
      </c>
      <c r="D56" s="18">
        <v>193</v>
      </c>
    </row>
    <row r="57" spans="1:4" ht="18" customHeight="1" x14ac:dyDescent="0.15">
      <c r="A57" s="5">
        <v>43</v>
      </c>
      <c r="B57" s="22">
        <v>90</v>
      </c>
      <c r="C57" s="14">
        <v>76</v>
      </c>
      <c r="D57" s="18">
        <v>166</v>
      </c>
    </row>
    <row r="58" spans="1:4" ht="18" customHeight="1" x14ac:dyDescent="0.15">
      <c r="A58" s="5">
        <v>44</v>
      </c>
      <c r="B58" s="22">
        <v>101</v>
      </c>
      <c r="C58" s="14">
        <v>100</v>
      </c>
      <c r="D58" s="18">
        <v>201</v>
      </c>
    </row>
    <row r="59" spans="1:4" ht="18" customHeight="1" x14ac:dyDescent="0.15">
      <c r="A59" s="5" t="s">
        <v>21</v>
      </c>
      <c r="B59" s="22">
        <v>480</v>
      </c>
      <c r="C59" s="14">
        <v>464</v>
      </c>
      <c r="D59" s="18">
        <v>944</v>
      </c>
    </row>
    <row r="60" spans="1:4" ht="18" customHeight="1" x14ac:dyDescent="0.15">
      <c r="A60" s="5">
        <v>45</v>
      </c>
      <c r="B60" s="22">
        <v>95</v>
      </c>
      <c r="C60" s="14">
        <v>90</v>
      </c>
      <c r="D60" s="18">
        <v>185</v>
      </c>
    </row>
    <row r="61" spans="1:4" ht="18" customHeight="1" x14ac:dyDescent="0.15">
      <c r="A61" s="5">
        <v>46</v>
      </c>
      <c r="B61" s="22">
        <v>113</v>
      </c>
      <c r="C61" s="14">
        <v>93</v>
      </c>
      <c r="D61" s="18">
        <v>206</v>
      </c>
    </row>
    <row r="62" spans="1:4" ht="18" customHeight="1" x14ac:dyDescent="0.15">
      <c r="A62" s="5">
        <v>47</v>
      </c>
      <c r="B62" s="22">
        <v>95</v>
      </c>
      <c r="C62" s="14">
        <v>106</v>
      </c>
      <c r="D62" s="18">
        <v>201</v>
      </c>
    </row>
    <row r="63" spans="1:4" ht="18" customHeight="1" x14ac:dyDescent="0.15">
      <c r="A63" s="5">
        <v>48</v>
      </c>
      <c r="B63" s="22">
        <v>112</v>
      </c>
      <c r="C63" s="14">
        <v>76</v>
      </c>
      <c r="D63" s="18">
        <v>188</v>
      </c>
    </row>
    <row r="64" spans="1:4" ht="18" customHeight="1" x14ac:dyDescent="0.15">
      <c r="A64" s="5">
        <v>49</v>
      </c>
      <c r="B64" s="22">
        <v>108</v>
      </c>
      <c r="C64" s="14">
        <v>110</v>
      </c>
      <c r="D64" s="18">
        <v>218</v>
      </c>
    </row>
    <row r="65" spans="1:4" ht="18" customHeight="1" x14ac:dyDescent="0.15">
      <c r="A65" s="5" t="s">
        <v>17</v>
      </c>
      <c r="B65" s="22">
        <v>523</v>
      </c>
      <c r="C65" s="14">
        <v>475</v>
      </c>
      <c r="D65" s="18">
        <v>998</v>
      </c>
    </row>
    <row r="66" spans="1:4" ht="18" customHeight="1" x14ac:dyDescent="0.15">
      <c r="A66" s="5">
        <v>50</v>
      </c>
      <c r="B66" s="22">
        <v>120</v>
      </c>
      <c r="C66" s="14">
        <v>122</v>
      </c>
      <c r="D66" s="18">
        <v>242</v>
      </c>
    </row>
    <row r="67" spans="1:4" ht="18" customHeight="1" x14ac:dyDescent="0.15">
      <c r="A67" s="5">
        <v>51</v>
      </c>
      <c r="B67" s="22">
        <v>126</v>
      </c>
      <c r="C67" s="14">
        <v>139</v>
      </c>
      <c r="D67" s="18">
        <v>265</v>
      </c>
    </row>
    <row r="68" spans="1:4" ht="18" customHeight="1" x14ac:dyDescent="0.15">
      <c r="A68" s="5">
        <v>52</v>
      </c>
      <c r="B68" s="22">
        <v>121</v>
      </c>
      <c r="C68" s="14">
        <v>122</v>
      </c>
      <c r="D68" s="18">
        <v>243</v>
      </c>
    </row>
    <row r="69" spans="1:4" ht="18" customHeight="1" x14ac:dyDescent="0.15">
      <c r="A69" s="5">
        <v>53</v>
      </c>
      <c r="B69" s="22">
        <v>113</v>
      </c>
      <c r="C69" s="14">
        <v>120</v>
      </c>
      <c r="D69" s="18">
        <v>233</v>
      </c>
    </row>
    <row r="70" spans="1:4" ht="18" customHeight="1" x14ac:dyDescent="0.15">
      <c r="A70" s="5">
        <v>54</v>
      </c>
      <c r="B70" s="22">
        <v>116</v>
      </c>
      <c r="C70" s="14">
        <v>107</v>
      </c>
      <c r="D70" s="18">
        <v>223</v>
      </c>
    </row>
    <row r="71" spans="1:4" ht="18" customHeight="1" x14ac:dyDescent="0.15">
      <c r="A71" s="5" t="s">
        <v>22</v>
      </c>
      <c r="B71" s="22">
        <v>596</v>
      </c>
      <c r="C71" s="14">
        <v>610</v>
      </c>
      <c r="D71" s="18">
        <v>1206</v>
      </c>
    </row>
    <row r="72" spans="1:4" ht="18" customHeight="1" x14ac:dyDescent="0.15">
      <c r="A72" s="5">
        <v>55</v>
      </c>
      <c r="B72" s="22">
        <v>125</v>
      </c>
      <c r="C72" s="14">
        <v>94</v>
      </c>
      <c r="D72" s="18">
        <v>219</v>
      </c>
    </row>
    <row r="73" spans="1:4" ht="18" customHeight="1" x14ac:dyDescent="0.15">
      <c r="A73" s="5">
        <v>56</v>
      </c>
      <c r="B73" s="22">
        <v>106</v>
      </c>
      <c r="C73" s="14">
        <v>109</v>
      </c>
      <c r="D73" s="18">
        <v>215</v>
      </c>
    </row>
    <row r="74" spans="1:4" ht="18" customHeight="1" x14ac:dyDescent="0.15">
      <c r="A74" s="5">
        <v>57</v>
      </c>
      <c r="B74" s="22">
        <v>118</v>
      </c>
      <c r="C74" s="14">
        <v>113</v>
      </c>
      <c r="D74" s="18">
        <v>231</v>
      </c>
    </row>
    <row r="75" spans="1:4" ht="18" customHeight="1" x14ac:dyDescent="0.15">
      <c r="A75" s="5">
        <v>58</v>
      </c>
      <c r="B75" s="22">
        <v>116</v>
      </c>
      <c r="C75" s="14">
        <v>104</v>
      </c>
      <c r="D75" s="18">
        <v>220</v>
      </c>
    </row>
    <row r="76" spans="1:4" ht="18" customHeight="1" x14ac:dyDescent="0.15">
      <c r="A76" s="5">
        <v>59</v>
      </c>
      <c r="B76" s="22">
        <v>92</v>
      </c>
      <c r="C76" s="14">
        <v>82</v>
      </c>
      <c r="D76" s="18">
        <v>174</v>
      </c>
    </row>
    <row r="77" spans="1:4" ht="18" customHeight="1" x14ac:dyDescent="0.15">
      <c r="A77" s="5" t="s">
        <v>27</v>
      </c>
      <c r="B77" s="22">
        <v>557</v>
      </c>
      <c r="C77" s="14">
        <v>502</v>
      </c>
      <c r="D77" s="18">
        <v>1059</v>
      </c>
    </row>
    <row r="78" spans="1:4" ht="18" customHeight="1" x14ac:dyDescent="0.15">
      <c r="A78" s="5">
        <v>60</v>
      </c>
      <c r="B78" s="22">
        <v>98</v>
      </c>
      <c r="C78" s="14">
        <v>106</v>
      </c>
      <c r="D78" s="18">
        <v>204</v>
      </c>
    </row>
    <row r="79" spans="1:4" ht="18" customHeight="1" x14ac:dyDescent="0.15">
      <c r="A79" s="5">
        <v>61</v>
      </c>
      <c r="B79" s="22">
        <v>94</v>
      </c>
      <c r="C79" s="14">
        <v>97</v>
      </c>
      <c r="D79" s="18">
        <v>191</v>
      </c>
    </row>
    <row r="80" spans="1:4" ht="18" customHeight="1" x14ac:dyDescent="0.15">
      <c r="A80" s="5">
        <v>62</v>
      </c>
      <c r="B80" s="22">
        <v>95</v>
      </c>
      <c r="C80" s="14">
        <v>98</v>
      </c>
      <c r="D80" s="18">
        <v>193</v>
      </c>
    </row>
    <row r="81" spans="1:4" ht="18" customHeight="1" x14ac:dyDescent="0.15">
      <c r="A81" s="5">
        <v>63</v>
      </c>
      <c r="B81" s="22">
        <v>103</v>
      </c>
      <c r="C81" s="14">
        <v>110</v>
      </c>
      <c r="D81" s="18">
        <v>213</v>
      </c>
    </row>
    <row r="82" spans="1:4" ht="18" customHeight="1" x14ac:dyDescent="0.15">
      <c r="A82" s="5">
        <v>64</v>
      </c>
      <c r="B82" s="22">
        <v>83</v>
      </c>
      <c r="C82" s="14">
        <v>91</v>
      </c>
      <c r="D82" s="18">
        <v>174</v>
      </c>
    </row>
    <row r="83" spans="1:4" ht="18" customHeight="1" x14ac:dyDescent="0.15">
      <c r="A83" s="5" t="s">
        <v>28</v>
      </c>
      <c r="B83" s="22">
        <v>473</v>
      </c>
      <c r="C83" s="14">
        <v>502</v>
      </c>
      <c r="D83" s="18">
        <v>975</v>
      </c>
    </row>
    <row r="84" spans="1:4" ht="18" customHeight="1" x14ac:dyDescent="0.15">
      <c r="A84" s="5" t="s">
        <v>31</v>
      </c>
      <c r="B84" s="22">
        <v>4510</v>
      </c>
      <c r="C84" s="14">
        <v>4326</v>
      </c>
      <c r="D84" s="18">
        <v>8836</v>
      </c>
    </row>
    <row r="85" spans="1:4" ht="18" customHeight="1" x14ac:dyDescent="0.15">
      <c r="A85" s="5">
        <v>65</v>
      </c>
      <c r="B85" s="22">
        <v>101</v>
      </c>
      <c r="C85" s="14">
        <v>84</v>
      </c>
      <c r="D85" s="18">
        <v>185</v>
      </c>
    </row>
    <row r="86" spans="1:4" ht="18" customHeight="1" x14ac:dyDescent="0.15">
      <c r="A86" s="5">
        <v>66</v>
      </c>
      <c r="B86" s="22">
        <v>82</v>
      </c>
      <c r="C86" s="14">
        <v>89</v>
      </c>
      <c r="D86" s="18">
        <v>171</v>
      </c>
    </row>
    <row r="87" spans="1:4" ht="18" customHeight="1" x14ac:dyDescent="0.15">
      <c r="A87" s="5">
        <v>67</v>
      </c>
      <c r="B87" s="22">
        <v>74</v>
      </c>
      <c r="C87" s="14">
        <v>92</v>
      </c>
      <c r="D87" s="18">
        <v>166</v>
      </c>
    </row>
    <row r="88" spans="1:4" ht="18" customHeight="1" x14ac:dyDescent="0.15">
      <c r="A88" s="5">
        <v>68</v>
      </c>
      <c r="B88" s="22">
        <v>80</v>
      </c>
      <c r="C88" s="14">
        <v>81</v>
      </c>
      <c r="D88" s="18">
        <v>161</v>
      </c>
    </row>
    <row r="89" spans="1:4" ht="18" customHeight="1" x14ac:dyDescent="0.15">
      <c r="A89" s="5">
        <v>69</v>
      </c>
      <c r="B89" s="22">
        <v>84</v>
      </c>
      <c r="C89" s="14">
        <v>85</v>
      </c>
      <c r="D89" s="18">
        <v>169</v>
      </c>
    </row>
    <row r="90" spans="1:4" ht="18" customHeight="1" x14ac:dyDescent="0.15">
      <c r="A90" s="5" t="s">
        <v>20</v>
      </c>
      <c r="B90" s="22">
        <v>421</v>
      </c>
      <c r="C90" s="14">
        <v>431</v>
      </c>
      <c r="D90" s="18">
        <v>852</v>
      </c>
    </row>
    <row r="91" spans="1:4" ht="18" customHeight="1" x14ac:dyDescent="0.15">
      <c r="A91" s="5">
        <v>70</v>
      </c>
      <c r="B91" s="22">
        <v>91</v>
      </c>
      <c r="C91" s="14">
        <v>98</v>
      </c>
      <c r="D91" s="18">
        <v>189</v>
      </c>
    </row>
    <row r="92" spans="1:4" ht="18" customHeight="1" x14ac:dyDescent="0.15">
      <c r="A92" s="5">
        <v>71</v>
      </c>
      <c r="B92" s="22">
        <v>74</v>
      </c>
      <c r="C92" s="14">
        <v>87</v>
      </c>
      <c r="D92" s="18">
        <v>161</v>
      </c>
    </row>
    <row r="93" spans="1:4" ht="18" customHeight="1" x14ac:dyDescent="0.15">
      <c r="A93" s="5">
        <v>72</v>
      </c>
      <c r="B93" s="22">
        <v>94</v>
      </c>
      <c r="C93" s="14">
        <v>113</v>
      </c>
      <c r="D93" s="18">
        <v>207</v>
      </c>
    </row>
    <row r="94" spans="1:4" ht="18" customHeight="1" x14ac:dyDescent="0.15">
      <c r="A94" s="5">
        <v>73</v>
      </c>
      <c r="B94" s="22">
        <v>102</v>
      </c>
      <c r="C94" s="14">
        <v>96</v>
      </c>
      <c r="D94" s="18">
        <v>198</v>
      </c>
    </row>
    <row r="95" spans="1:4" ht="18" customHeight="1" x14ac:dyDescent="0.15">
      <c r="A95" s="5">
        <v>74</v>
      </c>
      <c r="B95" s="22">
        <v>85</v>
      </c>
      <c r="C95" s="14">
        <v>121</v>
      </c>
      <c r="D95" s="18">
        <v>206</v>
      </c>
    </row>
    <row r="96" spans="1:4" ht="18" customHeight="1" x14ac:dyDescent="0.15">
      <c r="A96" s="5" t="s">
        <v>33</v>
      </c>
      <c r="B96" s="22">
        <v>446</v>
      </c>
      <c r="C96" s="14">
        <v>515</v>
      </c>
      <c r="D96" s="18">
        <v>961</v>
      </c>
    </row>
    <row r="97" spans="1:4" ht="18" customHeight="1" x14ac:dyDescent="0.15">
      <c r="A97" s="5">
        <v>75</v>
      </c>
      <c r="B97" s="22">
        <v>96</v>
      </c>
      <c r="C97" s="14">
        <v>125</v>
      </c>
      <c r="D97" s="18">
        <v>221</v>
      </c>
    </row>
    <row r="98" spans="1:4" ht="18" customHeight="1" x14ac:dyDescent="0.15">
      <c r="A98" s="5">
        <v>76</v>
      </c>
      <c r="B98" s="22">
        <v>107</v>
      </c>
      <c r="C98" s="14">
        <v>131</v>
      </c>
      <c r="D98" s="18">
        <v>238</v>
      </c>
    </row>
    <row r="99" spans="1:4" ht="18" customHeight="1" x14ac:dyDescent="0.15">
      <c r="A99" s="5">
        <v>77</v>
      </c>
      <c r="B99" s="22">
        <v>118</v>
      </c>
      <c r="C99" s="14">
        <v>128</v>
      </c>
      <c r="D99" s="18">
        <v>246</v>
      </c>
    </row>
    <row r="100" spans="1:4" ht="18" customHeight="1" x14ac:dyDescent="0.15">
      <c r="A100" s="5">
        <v>78</v>
      </c>
      <c r="B100" s="22">
        <v>105</v>
      </c>
      <c r="C100" s="14">
        <v>137</v>
      </c>
      <c r="D100" s="18">
        <v>242</v>
      </c>
    </row>
    <row r="101" spans="1:4" ht="18" customHeight="1" x14ac:dyDescent="0.15">
      <c r="A101" s="5">
        <v>79</v>
      </c>
      <c r="B101" s="22">
        <v>75</v>
      </c>
      <c r="C101" s="14">
        <v>95</v>
      </c>
      <c r="D101" s="18">
        <v>170</v>
      </c>
    </row>
    <row r="102" spans="1:4" ht="18" customHeight="1" x14ac:dyDescent="0.15">
      <c r="A102" s="5" t="s">
        <v>0</v>
      </c>
      <c r="B102" s="22">
        <v>501</v>
      </c>
      <c r="C102" s="14">
        <v>616</v>
      </c>
      <c r="D102" s="18">
        <v>1117</v>
      </c>
    </row>
    <row r="103" spans="1:4" ht="18" customHeight="1" x14ac:dyDescent="0.15">
      <c r="A103" s="5">
        <v>80</v>
      </c>
      <c r="B103" s="22">
        <v>47</v>
      </c>
      <c r="C103" s="14">
        <v>81</v>
      </c>
      <c r="D103" s="18">
        <v>128</v>
      </c>
    </row>
    <row r="104" spans="1:4" ht="18" customHeight="1" x14ac:dyDescent="0.15">
      <c r="A104" s="5">
        <v>81</v>
      </c>
      <c r="B104" s="22">
        <v>79</v>
      </c>
      <c r="C104" s="14">
        <v>93</v>
      </c>
      <c r="D104" s="18">
        <v>172</v>
      </c>
    </row>
    <row r="105" spans="1:4" ht="18" customHeight="1" x14ac:dyDescent="0.15">
      <c r="A105" s="5">
        <v>82</v>
      </c>
      <c r="B105" s="22">
        <v>58</v>
      </c>
      <c r="C105" s="14">
        <v>105</v>
      </c>
      <c r="D105" s="18">
        <v>163</v>
      </c>
    </row>
    <row r="106" spans="1:4" ht="18" customHeight="1" x14ac:dyDescent="0.15">
      <c r="A106" s="5">
        <v>83</v>
      </c>
      <c r="B106" s="22">
        <v>59</v>
      </c>
      <c r="C106" s="14">
        <v>83</v>
      </c>
      <c r="D106" s="18">
        <v>142</v>
      </c>
    </row>
    <row r="107" spans="1:4" ht="18" customHeight="1" x14ac:dyDescent="0.15">
      <c r="A107" s="5">
        <v>84</v>
      </c>
      <c r="B107" s="22">
        <v>60</v>
      </c>
      <c r="C107" s="14">
        <v>73</v>
      </c>
      <c r="D107" s="18">
        <v>133</v>
      </c>
    </row>
    <row r="108" spans="1:4" ht="18" customHeight="1" x14ac:dyDescent="0.15">
      <c r="A108" s="5" t="s">
        <v>35</v>
      </c>
      <c r="B108" s="22">
        <v>303</v>
      </c>
      <c r="C108" s="14">
        <v>435</v>
      </c>
      <c r="D108" s="18">
        <v>738</v>
      </c>
    </row>
    <row r="109" spans="1:4" ht="18" customHeight="1" x14ac:dyDescent="0.15">
      <c r="A109" s="5">
        <v>85</v>
      </c>
      <c r="B109" s="22">
        <v>48</v>
      </c>
      <c r="C109" s="14">
        <v>61</v>
      </c>
      <c r="D109" s="18">
        <v>109</v>
      </c>
    </row>
    <row r="110" spans="1:4" ht="18" customHeight="1" x14ac:dyDescent="0.15">
      <c r="A110" s="5">
        <v>86</v>
      </c>
      <c r="B110" s="22">
        <v>44</v>
      </c>
      <c r="C110" s="14">
        <v>66</v>
      </c>
      <c r="D110" s="18">
        <v>110</v>
      </c>
    </row>
    <row r="111" spans="1:4" ht="18" customHeight="1" x14ac:dyDescent="0.15">
      <c r="A111" s="5">
        <v>87</v>
      </c>
      <c r="B111" s="22">
        <v>36</v>
      </c>
      <c r="C111" s="14">
        <v>64</v>
      </c>
      <c r="D111" s="18">
        <v>100</v>
      </c>
    </row>
    <row r="112" spans="1:4" ht="18" customHeight="1" x14ac:dyDescent="0.15">
      <c r="A112" s="5">
        <v>88</v>
      </c>
      <c r="B112" s="22">
        <v>29</v>
      </c>
      <c r="C112" s="14">
        <v>59</v>
      </c>
      <c r="D112" s="18">
        <v>88</v>
      </c>
    </row>
    <row r="113" spans="1:4" ht="18" customHeight="1" x14ac:dyDescent="0.15">
      <c r="A113" s="5">
        <v>89</v>
      </c>
      <c r="B113" s="22">
        <v>29</v>
      </c>
      <c r="C113" s="14">
        <v>49</v>
      </c>
      <c r="D113" s="18">
        <v>78</v>
      </c>
    </row>
    <row r="114" spans="1:4" ht="18" customHeight="1" x14ac:dyDescent="0.15">
      <c r="A114" s="5" t="s">
        <v>37</v>
      </c>
      <c r="B114" s="22">
        <v>186</v>
      </c>
      <c r="C114" s="14">
        <v>299</v>
      </c>
      <c r="D114" s="18">
        <v>485</v>
      </c>
    </row>
    <row r="115" spans="1:4" ht="18" customHeight="1" x14ac:dyDescent="0.15">
      <c r="A115" s="5">
        <v>90</v>
      </c>
      <c r="B115" s="22">
        <v>27</v>
      </c>
      <c r="C115" s="14">
        <v>42</v>
      </c>
      <c r="D115" s="18">
        <v>69</v>
      </c>
    </row>
    <row r="116" spans="1:4" ht="18" customHeight="1" x14ac:dyDescent="0.15">
      <c r="A116" s="5">
        <v>91</v>
      </c>
      <c r="B116" s="22">
        <v>12</v>
      </c>
      <c r="C116" s="14">
        <v>37</v>
      </c>
      <c r="D116" s="18">
        <v>49</v>
      </c>
    </row>
    <row r="117" spans="1:4" ht="18" customHeight="1" x14ac:dyDescent="0.15">
      <c r="A117" s="5">
        <v>92</v>
      </c>
      <c r="B117" s="22">
        <v>9</v>
      </c>
      <c r="C117" s="14">
        <v>35</v>
      </c>
      <c r="D117" s="18">
        <v>44</v>
      </c>
    </row>
    <row r="118" spans="1:4" ht="18" customHeight="1" x14ac:dyDescent="0.15">
      <c r="A118" s="5">
        <v>93</v>
      </c>
      <c r="B118" s="22">
        <v>7</v>
      </c>
      <c r="C118" s="14">
        <v>27</v>
      </c>
      <c r="D118" s="18">
        <v>34</v>
      </c>
    </row>
    <row r="119" spans="1:4" ht="18" customHeight="1" x14ac:dyDescent="0.15">
      <c r="A119" s="5">
        <v>94</v>
      </c>
      <c r="B119" s="22">
        <v>6</v>
      </c>
      <c r="C119" s="14">
        <v>20</v>
      </c>
      <c r="D119" s="18">
        <v>26</v>
      </c>
    </row>
    <row r="120" spans="1:4" ht="18" customHeight="1" x14ac:dyDescent="0.15">
      <c r="A120" s="5" t="s">
        <v>39</v>
      </c>
      <c r="B120" s="22">
        <v>61</v>
      </c>
      <c r="C120" s="14">
        <v>161</v>
      </c>
      <c r="D120" s="18">
        <v>222</v>
      </c>
    </row>
    <row r="121" spans="1:4" ht="18" customHeight="1" x14ac:dyDescent="0.15">
      <c r="A121" s="5">
        <v>95</v>
      </c>
      <c r="B121" s="22">
        <v>2</v>
      </c>
      <c r="C121" s="14">
        <v>16</v>
      </c>
      <c r="D121" s="18">
        <v>18</v>
      </c>
    </row>
    <row r="122" spans="1:4" ht="18" customHeight="1" x14ac:dyDescent="0.15">
      <c r="A122" s="5">
        <v>96</v>
      </c>
      <c r="B122" s="22">
        <v>5</v>
      </c>
      <c r="C122" s="14">
        <v>12</v>
      </c>
      <c r="D122" s="18">
        <v>17</v>
      </c>
    </row>
    <row r="123" spans="1:4" ht="18" customHeight="1" x14ac:dyDescent="0.15">
      <c r="A123" s="5">
        <v>97</v>
      </c>
      <c r="B123" s="22">
        <v>3</v>
      </c>
      <c r="C123" s="14">
        <v>16</v>
      </c>
      <c r="D123" s="18">
        <v>19</v>
      </c>
    </row>
    <row r="124" spans="1:4" ht="18" customHeight="1" x14ac:dyDescent="0.15">
      <c r="A124" s="5">
        <v>98</v>
      </c>
      <c r="B124" s="22">
        <v>2</v>
      </c>
      <c r="C124" s="14">
        <v>1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7</v>
      </c>
      <c r="D125" s="18">
        <v>7</v>
      </c>
    </row>
    <row r="126" spans="1:4" ht="18" customHeight="1" x14ac:dyDescent="0.15">
      <c r="A126" s="5" t="s">
        <v>40</v>
      </c>
      <c r="B126" s="22">
        <v>12</v>
      </c>
      <c r="C126" s="14">
        <v>52</v>
      </c>
      <c r="D126" s="18">
        <v>64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1</v>
      </c>
      <c r="C128" s="14">
        <v>6</v>
      </c>
      <c r="D128" s="18">
        <v>7</v>
      </c>
    </row>
    <row r="129" spans="1:4" ht="18" customHeight="1" x14ac:dyDescent="0.15">
      <c r="A129" s="5" t="s">
        <v>44</v>
      </c>
      <c r="B129" s="22">
        <v>1</v>
      </c>
      <c r="C129" s="14">
        <v>9</v>
      </c>
      <c r="D129" s="18">
        <v>10</v>
      </c>
    </row>
    <row r="130" spans="1:4" ht="18" customHeight="1" x14ac:dyDescent="0.15">
      <c r="A130" s="5" t="s">
        <v>46</v>
      </c>
      <c r="B130" s="22">
        <v>1931</v>
      </c>
      <c r="C130" s="14">
        <v>2518</v>
      </c>
      <c r="D130" s="18">
        <v>4449</v>
      </c>
    </row>
    <row r="131" spans="1:4" ht="18" customHeight="1" x14ac:dyDescent="0.15">
      <c r="A131" s="7" t="s">
        <v>45</v>
      </c>
      <c r="B131" s="23">
        <v>7403</v>
      </c>
      <c r="C131" s="15">
        <v>7745</v>
      </c>
      <c r="D131" s="19">
        <v>151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3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46</v>
      </c>
      <c r="C5" s="13">
        <v>47</v>
      </c>
      <c r="D5" s="17">
        <v>93</v>
      </c>
    </row>
    <row r="6" spans="1:4" ht="18" customHeight="1" x14ac:dyDescent="0.15">
      <c r="A6" s="5">
        <v>1</v>
      </c>
      <c r="B6" s="22">
        <v>44</v>
      </c>
      <c r="C6" s="14">
        <v>45</v>
      </c>
      <c r="D6" s="18">
        <v>89</v>
      </c>
    </row>
    <row r="7" spans="1:4" ht="18" customHeight="1" x14ac:dyDescent="0.15">
      <c r="A7" s="5">
        <v>2</v>
      </c>
      <c r="B7" s="22">
        <v>50</v>
      </c>
      <c r="C7" s="14">
        <v>41</v>
      </c>
      <c r="D7" s="18">
        <v>91</v>
      </c>
    </row>
    <row r="8" spans="1:4" ht="18" customHeight="1" x14ac:dyDescent="0.15">
      <c r="A8" s="5">
        <v>3</v>
      </c>
      <c r="B8" s="22">
        <v>55</v>
      </c>
      <c r="C8" s="14">
        <v>43</v>
      </c>
      <c r="D8" s="18">
        <v>98</v>
      </c>
    </row>
    <row r="9" spans="1:4" ht="18" customHeight="1" x14ac:dyDescent="0.15">
      <c r="A9" s="5">
        <v>4</v>
      </c>
      <c r="B9" s="22">
        <v>48</v>
      </c>
      <c r="C9" s="14">
        <v>45</v>
      </c>
      <c r="D9" s="18">
        <v>93</v>
      </c>
    </row>
    <row r="10" spans="1:4" ht="18" customHeight="1" x14ac:dyDescent="0.15">
      <c r="A10" s="5" t="s">
        <v>7</v>
      </c>
      <c r="B10" s="22">
        <v>243</v>
      </c>
      <c r="C10" s="14">
        <v>221</v>
      </c>
      <c r="D10" s="18">
        <v>464</v>
      </c>
    </row>
    <row r="11" spans="1:4" ht="18" customHeight="1" x14ac:dyDescent="0.15">
      <c r="A11" s="5">
        <v>5</v>
      </c>
      <c r="B11" s="22">
        <v>44</v>
      </c>
      <c r="C11" s="14">
        <v>49</v>
      </c>
      <c r="D11" s="18">
        <v>93</v>
      </c>
    </row>
    <row r="12" spans="1:4" ht="18" customHeight="1" x14ac:dyDescent="0.15">
      <c r="A12" s="5">
        <v>6</v>
      </c>
      <c r="B12" s="22">
        <v>32</v>
      </c>
      <c r="C12" s="14">
        <v>38</v>
      </c>
      <c r="D12" s="18">
        <v>70</v>
      </c>
    </row>
    <row r="13" spans="1:4" ht="18" customHeight="1" x14ac:dyDescent="0.15">
      <c r="A13" s="5">
        <v>7</v>
      </c>
      <c r="B13" s="22">
        <v>27</v>
      </c>
      <c r="C13" s="14">
        <v>47</v>
      </c>
      <c r="D13" s="18">
        <v>74</v>
      </c>
    </row>
    <row r="14" spans="1:4" ht="18" customHeight="1" x14ac:dyDescent="0.15">
      <c r="A14" s="5">
        <v>8</v>
      </c>
      <c r="B14" s="22">
        <v>37</v>
      </c>
      <c r="C14" s="14">
        <v>33</v>
      </c>
      <c r="D14" s="18">
        <v>70</v>
      </c>
    </row>
    <row r="15" spans="1:4" ht="18" customHeight="1" x14ac:dyDescent="0.15">
      <c r="A15" s="5">
        <v>9</v>
      </c>
      <c r="B15" s="22">
        <v>40</v>
      </c>
      <c r="C15" s="14">
        <v>41</v>
      </c>
      <c r="D15" s="18">
        <v>81</v>
      </c>
    </row>
    <row r="16" spans="1:4" ht="18" customHeight="1" x14ac:dyDescent="0.15">
      <c r="A16" s="5" t="s">
        <v>11</v>
      </c>
      <c r="B16" s="22">
        <v>180</v>
      </c>
      <c r="C16" s="14">
        <v>208</v>
      </c>
      <c r="D16" s="18">
        <v>388</v>
      </c>
    </row>
    <row r="17" spans="1:4" ht="18" customHeight="1" x14ac:dyDescent="0.15">
      <c r="A17" s="5">
        <v>10</v>
      </c>
      <c r="B17" s="22">
        <v>30</v>
      </c>
      <c r="C17" s="14">
        <v>27</v>
      </c>
      <c r="D17" s="18">
        <v>57</v>
      </c>
    </row>
    <row r="18" spans="1:4" ht="18" customHeight="1" x14ac:dyDescent="0.15">
      <c r="A18" s="5">
        <v>11</v>
      </c>
      <c r="B18" s="22">
        <v>33</v>
      </c>
      <c r="C18" s="14">
        <v>30</v>
      </c>
      <c r="D18" s="18">
        <v>63</v>
      </c>
    </row>
    <row r="19" spans="1:4" ht="18" customHeight="1" x14ac:dyDescent="0.15">
      <c r="A19" s="5">
        <v>12</v>
      </c>
      <c r="B19" s="22">
        <v>29</v>
      </c>
      <c r="C19" s="14">
        <v>24</v>
      </c>
      <c r="D19" s="18">
        <v>53</v>
      </c>
    </row>
    <row r="20" spans="1:4" ht="18" customHeight="1" x14ac:dyDescent="0.15">
      <c r="A20" s="5">
        <v>13</v>
      </c>
      <c r="B20" s="22">
        <v>34</v>
      </c>
      <c r="C20" s="14">
        <v>41</v>
      </c>
      <c r="D20" s="18">
        <v>75</v>
      </c>
    </row>
    <row r="21" spans="1:4" ht="18" customHeight="1" x14ac:dyDescent="0.15">
      <c r="A21" s="5">
        <v>14</v>
      </c>
      <c r="B21" s="22">
        <v>30</v>
      </c>
      <c r="C21" s="14">
        <v>28</v>
      </c>
      <c r="D21" s="18">
        <v>58</v>
      </c>
    </row>
    <row r="22" spans="1:4" ht="18" customHeight="1" x14ac:dyDescent="0.15">
      <c r="A22" s="5" t="s">
        <v>12</v>
      </c>
      <c r="B22" s="22">
        <v>156</v>
      </c>
      <c r="C22" s="14">
        <v>150</v>
      </c>
      <c r="D22" s="18">
        <v>306</v>
      </c>
    </row>
    <row r="23" spans="1:4" ht="18" customHeight="1" x14ac:dyDescent="0.15">
      <c r="A23" s="5" t="s">
        <v>6</v>
      </c>
      <c r="B23" s="22">
        <v>579</v>
      </c>
      <c r="C23" s="14">
        <v>579</v>
      </c>
      <c r="D23" s="18">
        <v>1158</v>
      </c>
    </row>
    <row r="24" spans="1:4" ht="18" customHeight="1" x14ac:dyDescent="0.15">
      <c r="A24" s="5">
        <v>15</v>
      </c>
      <c r="B24" s="22">
        <v>33</v>
      </c>
      <c r="C24" s="14">
        <v>23</v>
      </c>
      <c r="D24" s="18">
        <v>56</v>
      </c>
    </row>
    <row r="25" spans="1:4" ht="18" customHeight="1" x14ac:dyDescent="0.15">
      <c r="A25" s="5">
        <v>16</v>
      </c>
      <c r="B25" s="22">
        <v>31</v>
      </c>
      <c r="C25" s="14">
        <v>31</v>
      </c>
      <c r="D25" s="18">
        <v>62</v>
      </c>
    </row>
    <row r="26" spans="1:4" ht="18" customHeight="1" x14ac:dyDescent="0.15">
      <c r="A26" s="5">
        <v>17</v>
      </c>
      <c r="B26" s="22">
        <v>48</v>
      </c>
      <c r="C26" s="14">
        <v>39</v>
      </c>
      <c r="D26" s="18">
        <v>87</v>
      </c>
    </row>
    <row r="27" spans="1:4" ht="18" customHeight="1" x14ac:dyDescent="0.15">
      <c r="A27" s="5">
        <v>18</v>
      </c>
      <c r="B27" s="22">
        <v>42</v>
      </c>
      <c r="C27" s="14">
        <v>43</v>
      </c>
      <c r="D27" s="18">
        <v>85</v>
      </c>
    </row>
    <row r="28" spans="1:4" ht="18" customHeight="1" x14ac:dyDescent="0.15">
      <c r="A28" s="5">
        <v>19</v>
      </c>
      <c r="B28" s="22">
        <v>33</v>
      </c>
      <c r="C28" s="14">
        <v>41</v>
      </c>
      <c r="D28" s="18">
        <v>74</v>
      </c>
    </row>
    <row r="29" spans="1:4" ht="18" customHeight="1" x14ac:dyDescent="0.15">
      <c r="A29" s="5" t="s">
        <v>14</v>
      </c>
      <c r="B29" s="22">
        <v>187</v>
      </c>
      <c r="C29" s="14">
        <v>177</v>
      </c>
      <c r="D29" s="18">
        <v>364</v>
      </c>
    </row>
    <row r="30" spans="1:4" ht="18" customHeight="1" x14ac:dyDescent="0.15">
      <c r="A30" s="5">
        <v>20</v>
      </c>
      <c r="B30" s="22">
        <v>42</v>
      </c>
      <c r="C30" s="14">
        <v>38</v>
      </c>
      <c r="D30" s="18">
        <v>80</v>
      </c>
    </row>
    <row r="31" spans="1:4" ht="18" customHeight="1" x14ac:dyDescent="0.15">
      <c r="A31" s="5">
        <v>21</v>
      </c>
      <c r="B31" s="22">
        <v>38</v>
      </c>
      <c r="C31" s="14">
        <v>32</v>
      </c>
      <c r="D31" s="18">
        <v>70</v>
      </c>
    </row>
    <row r="32" spans="1:4" ht="18" customHeight="1" x14ac:dyDescent="0.15">
      <c r="A32" s="5">
        <v>22</v>
      </c>
      <c r="B32" s="22">
        <v>42</v>
      </c>
      <c r="C32" s="14">
        <v>38</v>
      </c>
      <c r="D32" s="18">
        <v>80</v>
      </c>
    </row>
    <row r="33" spans="1:4" ht="18" customHeight="1" x14ac:dyDescent="0.15">
      <c r="A33" s="5">
        <v>23</v>
      </c>
      <c r="B33" s="22">
        <v>45</v>
      </c>
      <c r="C33" s="14">
        <v>54</v>
      </c>
      <c r="D33" s="18">
        <v>99</v>
      </c>
    </row>
    <row r="34" spans="1:4" ht="18" customHeight="1" x14ac:dyDescent="0.15">
      <c r="A34" s="5">
        <v>24</v>
      </c>
      <c r="B34" s="22">
        <v>57</v>
      </c>
      <c r="C34" s="14">
        <v>35</v>
      </c>
      <c r="D34" s="18">
        <v>92</v>
      </c>
    </row>
    <row r="35" spans="1:4" ht="18" customHeight="1" x14ac:dyDescent="0.15">
      <c r="A35" s="5" t="s">
        <v>9</v>
      </c>
      <c r="B35" s="22">
        <v>224</v>
      </c>
      <c r="C35" s="14">
        <v>197</v>
      </c>
      <c r="D35" s="18">
        <v>421</v>
      </c>
    </row>
    <row r="36" spans="1:4" ht="18" customHeight="1" x14ac:dyDescent="0.15">
      <c r="A36" s="5">
        <v>25</v>
      </c>
      <c r="B36" s="22">
        <v>57</v>
      </c>
      <c r="C36" s="14">
        <v>52</v>
      </c>
      <c r="D36" s="18">
        <v>109</v>
      </c>
    </row>
    <row r="37" spans="1:4" ht="18" customHeight="1" x14ac:dyDescent="0.15">
      <c r="A37" s="5">
        <v>26</v>
      </c>
      <c r="B37" s="22">
        <v>61</v>
      </c>
      <c r="C37" s="14">
        <v>66</v>
      </c>
      <c r="D37" s="18">
        <v>127</v>
      </c>
    </row>
    <row r="38" spans="1:4" ht="18" customHeight="1" x14ac:dyDescent="0.15">
      <c r="A38" s="5">
        <v>27</v>
      </c>
      <c r="B38" s="22">
        <v>61</v>
      </c>
      <c r="C38" s="14">
        <v>58</v>
      </c>
      <c r="D38" s="18">
        <v>119</v>
      </c>
    </row>
    <row r="39" spans="1:4" ht="18" customHeight="1" x14ac:dyDescent="0.15">
      <c r="A39" s="5">
        <v>28</v>
      </c>
      <c r="B39" s="22">
        <v>67</v>
      </c>
      <c r="C39" s="14">
        <v>63</v>
      </c>
      <c r="D39" s="18">
        <v>130</v>
      </c>
    </row>
    <row r="40" spans="1:4" ht="18" customHeight="1" x14ac:dyDescent="0.15">
      <c r="A40" s="5">
        <v>29</v>
      </c>
      <c r="B40" s="22">
        <v>73</v>
      </c>
      <c r="C40" s="14">
        <v>67</v>
      </c>
      <c r="D40" s="18">
        <v>140</v>
      </c>
    </row>
    <row r="41" spans="1:4" ht="18" customHeight="1" x14ac:dyDescent="0.15">
      <c r="A41" s="5" t="s">
        <v>2</v>
      </c>
      <c r="B41" s="22">
        <v>319</v>
      </c>
      <c r="C41" s="14">
        <v>306</v>
      </c>
      <c r="D41" s="18">
        <v>625</v>
      </c>
    </row>
    <row r="42" spans="1:4" ht="18" customHeight="1" x14ac:dyDescent="0.15">
      <c r="A42" s="5">
        <v>30</v>
      </c>
      <c r="B42" s="22">
        <v>70</v>
      </c>
      <c r="C42" s="14">
        <v>78</v>
      </c>
      <c r="D42" s="18">
        <v>148</v>
      </c>
    </row>
    <row r="43" spans="1:4" ht="18" customHeight="1" x14ac:dyDescent="0.15">
      <c r="A43" s="5">
        <v>31</v>
      </c>
      <c r="B43" s="22">
        <v>91</v>
      </c>
      <c r="C43" s="14">
        <v>68</v>
      </c>
      <c r="D43" s="18">
        <v>159</v>
      </c>
    </row>
    <row r="44" spans="1:4" ht="18" customHeight="1" x14ac:dyDescent="0.15">
      <c r="A44" s="5">
        <v>32</v>
      </c>
      <c r="B44" s="22">
        <v>60</v>
      </c>
      <c r="C44" s="14">
        <v>75</v>
      </c>
      <c r="D44" s="18">
        <v>135</v>
      </c>
    </row>
    <row r="45" spans="1:4" ht="18" customHeight="1" x14ac:dyDescent="0.15">
      <c r="A45" s="5">
        <v>33</v>
      </c>
      <c r="B45" s="22">
        <v>72</v>
      </c>
      <c r="C45" s="14">
        <v>71</v>
      </c>
      <c r="D45" s="18">
        <v>143</v>
      </c>
    </row>
    <row r="46" spans="1:4" ht="18" customHeight="1" x14ac:dyDescent="0.15">
      <c r="A46" s="5">
        <v>34</v>
      </c>
      <c r="B46" s="22">
        <v>76</v>
      </c>
      <c r="C46" s="14">
        <v>73</v>
      </c>
      <c r="D46" s="18">
        <v>149</v>
      </c>
    </row>
    <row r="47" spans="1:4" ht="18" customHeight="1" x14ac:dyDescent="0.15">
      <c r="A47" s="5" t="s">
        <v>15</v>
      </c>
      <c r="B47" s="22">
        <v>369</v>
      </c>
      <c r="C47" s="14">
        <v>365</v>
      </c>
      <c r="D47" s="18">
        <v>734</v>
      </c>
    </row>
    <row r="48" spans="1:4" ht="18" customHeight="1" x14ac:dyDescent="0.15">
      <c r="A48" s="5">
        <v>35</v>
      </c>
      <c r="B48" s="22">
        <v>65</v>
      </c>
      <c r="C48" s="14">
        <v>58</v>
      </c>
      <c r="D48" s="18">
        <v>123</v>
      </c>
    </row>
    <row r="49" spans="1:4" ht="18" customHeight="1" x14ac:dyDescent="0.15">
      <c r="A49" s="5">
        <v>36</v>
      </c>
      <c r="B49" s="22">
        <v>62</v>
      </c>
      <c r="C49" s="14">
        <v>70</v>
      </c>
      <c r="D49" s="18">
        <v>132</v>
      </c>
    </row>
    <row r="50" spans="1:4" ht="18" customHeight="1" x14ac:dyDescent="0.15">
      <c r="A50" s="5">
        <v>37</v>
      </c>
      <c r="B50" s="22">
        <v>81</v>
      </c>
      <c r="C50" s="14">
        <v>51</v>
      </c>
      <c r="D50" s="18">
        <v>132</v>
      </c>
    </row>
    <row r="51" spans="1:4" ht="18" customHeight="1" x14ac:dyDescent="0.15">
      <c r="A51" s="5">
        <v>38</v>
      </c>
      <c r="B51" s="22">
        <v>64</v>
      </c>
      <c r="C51" s="14">
        <v>53</v>
      </c>
      <c r="D51" s="18">
        <v>117</v>
      </c>
    </row>
    <row r="52" spans="1:4" ht="18" customHeight="1" x14ac:dyDescent="0.15">
      <c r="A52" s="5">
        <v>39</v>
      </c>
      <c r="B52" s="22">
        <v>63</v>
      </c>
      <c r="C52" s="14">
        <v>53</v>
      </c>
      <c r="D52" s="18">
        <v>116</v>
      </c>
    </row>
    <row r="53" spans="1:4" ht="18" customHeight="1" x14ac:dyDescent="0.15">
      <c r="A53" s="5" t="s">
        <v>18</v>
      </c>
      <c r="B53" s="22">
        <v>335</v>
      </c>
      <c r="C53" s="14">
        <v>285</v>
      </c>
      <c r="D53" s="18">
        <v>620</v>
      </c>
    </row>
    <row r="54" spans="1:4" ht="18" customHeight="1" x14ac:dyDescent="0.15">
      <c r="A54" s="5">
        <v>40</v>
      </c>
      <c r="B54" s="22">
        <v>63</v>
      </c>
      <c r="C54" s="14">
        <v>64</v>
      </c>
      <c r="D54" s="18">
        <v>127</v>
      </c>
    </row>
    <row r="55" spans="1:4" ht="18" customHeight="1" x14ac:dyDescent="0.15">
      <c r="A55" s="5">
        <v>41</v>
      </c>
      <c r="B55" s="22">
        <v>70</v>
      </c>
      <c r="C55" s="14">
        <v>57</v>
      </c>
      <c r="D55" s="18">
        <v>127</v>
      </c>
    </row>
    <row r="56" spans="1:4" ht="18" customHeight="1" x14ac:dyDescent="0.15">
      <c r="A56" s="5">
        <v>42</v>
      </c>
      <c r="B56" s="22">
        <v>62</v>
      </c>
      <c r="C56" s="14">
        <v>58</v>
      </c>
      <c r="D56" s="18">
        <v>120</v>
      </c>
    </row>
    <row r="57" spans="1:4" ht="18" customHeight="1" x14ac:dyDescent="0.15">
      <c r="A57" s="5">
        <v>43</v>
      </c>
      <c r="B57" s="22">
        <v>61</v>
      </c>
      <c r="C57" s="14">
        <v>61</v>
      </c>
      <c r="D57" s="18">
        <v>122</v>
      </c>
    </row>
    <row r="58" spans="1:4" ht="18" customHeight="1" x14ac:dyDescent="0.15">
      <c r="A58" s="5">
        <v>44</v>
      </c>
      <c r="B58" s="22">
        <v>56</v>
      </c>
      <c r="C58" s="14">
        <v>56</v>
      </c>
      <c r="D58" s="18">
        <v>112</v>
      </c>
    </row>
    <row r="59" spans="1:4" ht="18" customHeight="1" x14ac:dyDescent="0.15">
      <c r="A59" s="5" t="s">
        <v>21</v>
      </c>
      <c r="B59" s="22">
        <v>312</v>
      </c>
      <c r="C59" s="14">
        <v>296</v>
      </c>
      <c r="D59" s="18">
        <v>608</v>
      </c>
    </row>
    <row r="60" spans="1:4" ht="18" customHeight="1" x14ac:dyDescent="0.15">
      <c r="A60" s="5">
        <v>45</v>
      </c>
      <c r="B60" s="22">
        <v>58</v>
      </c>
      <c r="C60" s="14">
        <v>48</v>
      </c>
      <c r="D60" s="18">
        <v>106</v>
      </c>
    </row>
    <row r="61" spans="1:4" ht="18" customHeight="1" x14ac:dyDescent="0.15">
      <c r="A61" s="5">
        <v>46</v>
      </c>
      <c r="B61" s="22">
        <v>71</v>
      </c>
      <c r="C61" s="14">
        <v>57</v>
      </c>
      <c r="D61" s="18">
        <v>128</v>
      </c>
    </row>
    <row r="62" spans="1:4" ht="18" customHeight="1" x14ac:dyDescent="0.15">
      <c r="A62" s="5">
        <v>47</v>
      </c>
      <c r="B62" s="22">
        <v>55</v>
      </c>
      <c r="C62" s="14">
        <v>57</v>
      </c>
      <c r="D62" s="18">
        <v>112</v>
      </c>
    </row>
    <row r="63" spans="1:4" ht="18" customHeight="1" x14ac:dyDescent="0.15">
      <c r="A63" s="5">
        <v>48</v>
      </c>
      <c r="B63" s="22">
        <v>86</v>
      </c>
      <c r="C63" s="14">
        <v>64</v>
      </c>
      <c r="D63" s="18">
        <v>150</v>
      </c>
    </row>
    <row r="64" spans="1:4" ht="18" customHeight="1" x14ac:dyDescent="0.15">
      <c r="A64" s="5">
        <v>49</v>
      </c>
      <c r="B64" s="22">
        <v>77</v>
      </c>
      <c r="C64" s="14">
        <v>55</v>
      </c>
      <c r="D64" s="18">
        <v>132</v>
      </c>
    </row>
    <row r="65" spans="1:4" ht="18" customHeight="1" x14ac:dyDescent="0.15">
      <c r="A65" s="5" t="s">
        <v>17</v>
      </c>
      <c r="B65" s="22">
        <v>347</v>
      </c>
      <c r="C65" s="14">
        <v>281</v>
      </c>
      <c r="D65" s="18">
        <v>628</v>
      </c>
    </row>
    <row r="66" spans="1:4" ht="18" customHeight="1" x14ac:dyDescent="0.15">
      <c r="A66" s="5">
        <v>50</v>
      </c>
      <c r="B66" s="22">
        <v>61</v>
      </c>
      <c r="C66" s="14">
        <v>65</v>
      </c>
      <c r="D66" s="18">
        <v>126</v>
      </c>
    </row>
    <row r="67" spans="1:4" ht="18" customHeight="1" x14ac:dyDescent="0.15">
      <c r="A67" s="5">
        <v>51</v>
      </c>
      <c r="B67" s="22">
        <v>69</v>
      </c>
      <c r="C67" s="14">
        <v>75</v>
      </c>
      <c r="D67" s="18">
        <v>144</v>
      </c>
    </row>
    <row r="68" spans="1:4" ht="18" customHeight="1" x14ac:dyDescent="0.15">
      <c r="A68" s="5">
        <v>52</v>
      </c>
      <c r="B68" s="22">
        <v>70</v>
      </c>
      <c r="C68" s="14">
        <v>86</v>
      </c>
      <c r="D68" s="18">
        <v>156</v>
      </c>
    </row>
    <row r="69" spans="1:4" ht="18" customHeight="1" x14ac:dyDescent="0.15">
      <c r="A69" s="5">
        <v>53</v>
      </c>
      <c r="B69" s="22">
        <v>105</v>
      </c>
      <c r="C69" s="14">
        <v>85</v>
      </c>
      <c r="D69" s="18">
        <v>190</v>
      </c>
    </row>
    <row r="70" spans="1:4" ht="18" customHeight="1" x14ac:dyDescent="0.15">
      <c r="A70" s="5">
        <v>54</v>
      </c>
      <c r="B70" s="22">
        <v>68</v>
      </c>
      <c r="C70" s="14">
        <v>87</v>
      </c>
      <c r="D70" s="18">
        <v>155</v>
      </c>
    </row>
    <row r="71" spans="1:4" ht="18" customHeight="1" x14ac:dyDescent="0.15">
      <c r="A71" s="5" t="s">
        <v>22</v>
      </c>
      <c r="B71" s="22">
        <v>373</v>
      </c>
      <c r="C71" s="14">
        <v>398</v>
      </c>
      <c r="D71" s="18">
        <v>771</v>
      </c>
    </row>
    <row r="72" spans="1:4" ht="18" customHeight="1" x14ac:dyDescent="0.15">
      <c r="A72" s="5">
        <v>55</v>
      </c>
      <c r="B72" s="22">
        <v>89</v>
      </c>
      <c r="C72" s="14">
        <v>82</v>
      </c>
      <c r="D72" s="18">
        <v>171</v>
      </c>
    </row>
    <row r="73" spans="1:4" ht="18" customHeight="1" x14ac:dyDescent="0.15">
      <c r="A73" s="5">
        <v>56</v>
      </c>
      <c r="B73" s="22">
        <v>63</v>
      </c>
      <c r="C73" s="14">
        <v>60</v>
      </c>
      <c r="D73" s="18">
        <v>123</v>
      </c>
    </row>
    <row r="74" spans="1:4" ht="18" customHeight="1" x14ac:dyDescent="0.15">
      <c r="A74" s="5">
        <v>57</v>
      </c>
      <c r="B74" s="22">
        <v>83</v>
      </c>
      <c r="C74" s="14">
        <v>64</v>
      </c>
      <c r="D74" s="18">
        <v>147</v>
      </c>
    </row>
    <row r="75" spans="1:4" ht="18" customHeight="1" x14ac:dyDescent="0.15">
      <c r="A75" s="5">
        <v>58</v>
      </c>
      <c r="B75" s="22">
        <v>68</v>
      </c>
      <c r="C75" s="14">
        <v>73</v>
      </c>
      <c r="D75" s="18">
        <v>141</v>
      </c>
    </row>
    <row r="76" spans="1:4" ht="18" customHeight="1" x14ac:dyDescent="0.15">
      <c r="A76" s="5">
        <v>59</v>
      </c>
      <c r="B76" s="22">
        <v>46</v>
      </c>
      <c r="C76" s="14">
        <v>46</v>
      </c>
      <c r="D76" s="18">
        <v>92</v>
      </c>
    </row>
    <row r="77" spans="1:4" ht="18" customHeight="1" x14ac:dyDescent="0.15">
      <c r="A77" s="5" t="s">
        <v>27</v>
      </c>
      <c r="B77" s="22">
        <v>349</v>
      </c>
      <c r="C77" s="14">
        <v>325</v>
      </c>
      <c r="D77" s="18">
        <v>674</v>
      </c>
    </row>
    <row r="78" spans="1:4" ht="18" customHeight="1" x14ac:dyDescent="0.15">
      <c r="A78" s="5">
        <v>60</v>
      </c>
      <c r="B78" s="22">
        <v>57</v>
      </c>
      <c r="C78" s="14">
        <v>50</v>
      </c>
      <c r="D78" s="18">
        <v>107</v>
      </c>
    </row>
    <row r="79" spans="1:4" ht="18" customHeight="1" x14ac:dyDescent="0.15">
      <c r="A79" s="5">
        <v>61</v>
      </c>
      <c r="B79" s="22">
        <v>50</v>
      </c>
      <c r="C79" s="14">
        <v>49</v>
      </c>
      <c r="D79" s="18">
        <v>99</v>
      </c>
    </row>
    <row r="80" spans="1:4" ht="18" customHeight="1" x14ac:dyDescent="0.15">
      <c r="A80" s="5">
        <v>62</v>
      </c>
      <c r="B80" s="22">
        <v>52</v>
      </c>
      <c r="C80" s="14">
        <v>54</v>
      </c>
      <c r="D80" s="18">
        <v>106</v>
      </c>
    </row>
    <row r="81" spans="1:4" ht="18" customHeight="1" x14ac:dyDescent="0.15">
      <c r="A81" s="5">
        <v>63</v>
      </c>
      <c r="B81" s="22">
        <v>52</v>
      </c>
      <c r="C81" s="14">
        <v>54</v>
      </c>
      <c r="D81" s="18">
        <v>106</v>
      </c>
    </row>
    <row r="82" spans="1:4" ht="18" customHeight="1" x14ac:dyDescent="0.15">
      <c r="A82" s="5">
        <v>64</v>
      </c>
      <c r="B82" s="22">
        <v>53</v>
      </c>
      <c r="C82" s="14">
        <v>65</v>
      </c>
      <c r="D82" s="18">
        <v>118</v>
      </c>
    </row>
    <row r="83" spans="1:4" ht="18" customHeight="1" x14ac:dyDescent="0.15">
      <c r="A83" s="5" t="s">
        <v>28</v>
      </c>
      <c r="B83" s="22">
        <v>264</v>
      </c>
      <c r="C83" s="14">
        <v>272</v>
      </c>
      <c r="D83" s="18">
        <v>536</v>
      </c>
    </row>
    <row r="84" spans="1:4" ht="18" customHeight="1" x14ac:dyDescent="0.15">
      <c r="A84" s="5" t="s">
        <v>31</v>
      </c>
      <c r="B84" s="22">
        <v>3079</v>
      </c>
      <c r="C84" s="14">
        <v>2902</v>
      </c>
      <c r="D84" s="18">
        <v>5981</v>
      </c>
    </row>
    <row r="85" spans="1:4" ht="18" customHeight="1" x14ac:dyDescent="0.15">
      <c r="A85" s="5">
        <v>65</v>
      </c>
      <c r="B85" s="22">
        <v>45</v>
      </c>
      <c r="C85" s="14">
        <v>61</v>
      </c>
      <c r="D85" s="18">
        <v>106</v>
      </c>
    </row>
    <row r="86" spans="1:4" ht="18" customHeight="1" x14ac:dyDescent="0.15">
      <c r="A86" s="5">
        <v>66</v>
      </c>
      <c r="B86" s="22">
        <v>54</v>
      </c>
      <c r="C86" s="14">
        <v>46</v>
      </c>
      <c r="D86" s="18">
        <v>100</v>
      </c>
    </row>
    <row r="87" spans="1:4" ht="18" customHeight="1" x14ac:dyDescent="0.15">
      <c r="A87" s="5">
        <v>67</v>
      </c>
      <c r="B87" s="22">
        <v>43</v>
      </c>
      <c r="C87" s="14">
        <v>55</v>
      </c>
      <c r="D87" s="18">
        <v>98</v>
      </c>
    </row>
    <row r="88" spans="1:4" ht="18" customHeight="1" x14ac:dyDescent="0.15">
      <c r="A88" s="5">
        <v>68</v>
      </c>
      <c r="B88" s="22">
        <v>37</v>
      </c>
      <c r="C88" s="14">
        <v>48</v>
      </c>
      <c r="D88" s="18">
        <v>85</v>
      </c>
    </row>
    <row r="89" spans="1:4" ht="18" customHeight="1" x14ac:dyDescent="0.15">
      <c r="A89" s="5">
        <v>69</v>
      </c>
      <c r="B89" s="22">
        <v>36</v>
      </c>
      <c r="C89" s="14">
        <v>54</v>
      </c>
      <c r="D89" s="18">
        <v>90</v>
      </c>
    </row>
    <row r="90" spans="1:4" ht="18" customHeight="1" x14ac:dyDescent="0.15">
      <c r="A90" s="5" t="s">
        <v>20</v>
      </c>
      <c r="B90" s="22">
        <v>215</v>
      </c>
      <c r="C90" s="14">
        <v>264</v>
      </c>
      <c r="D90" s="18">
        <v>479</v>
      </c>
    </row>
    <row r="91" spans="1:4" ht="18" customHeight="1" x14ac:dyDescent="0.15">
      <c r="A91" s="5">
        <v>70</v>
      </c>
      <c r="B91" s="22">
        <v>42</v>
      </c>
      <c r="C91" s="14">
        <v>71</v>
      </c>
      <c r="D91" s="18">
        <v>113</v>
      </c>
    </row>
    <row r="92" spans="1:4" ht="18" customHeight="1" x14ac:dyDescent="0.15">
      <c r="A92" s="5">
        <v>71</v>
      </c>
      <c r="B92" s="22">
        <v>58</v>
      </c>
      <c r="C92" s="14">
        <v>56</v>
      </c>
      <c r="D92" s="18">
        <v>114</v>
      </c>
    </row>
    <row r="93" spans="1:4" ht="18" customHeight="1" x14ac:dyDescent="0.15">
      <c r="A93" s="5">
        <v>72</v>
      </c>
      <c r="B93" s="22">
        <v>59</v>
      </c>
      <c r="C93" s="14">
        <v>65</v>
      </c>
      <c r="D93" s="18">
        <v>124</v>
      </c>
    </row>
    <row r="94" spans="1:4" ht="18" customHeight="1" x14ac:dyDescent="0.15">
      <c r="A94" s="5">
        <v>73</v>
      </c>
      <c r="B94" s="22">
        <v>50</v>
      </c>
      <c r="C94" s="14">
        <v>53</v>
      </c>
      <c r="D94" s="18">
        <v>103</v>
      </c>
    </row>
    <row r="95" spans="1:4" ht="18" customHeight="1" x14ac:dyDescent="0.15">
      <c r="A95" s="5">
        <v>74</v>
      </c>
      <c r="B95" s="22">
        <v>58</v>
      </c>
      <c r="C95" s="14">
        <v>72</v>
      </c>
      <c r="D95" s="18">
        <v>130</v>
      </c>
    </row>
    <row r="96" spans="1:4" ht="18" customHeight="1" x14ac:dyDescent="0.15">
      <c r="A96" s="5" t="s">
        <v>33</v>
      </c>
      <c r="B96" s="22">
        <v>267</v>
      </c>
      <c r="C96" s="14">
        <v>317</v>
      </c>
      <c r="D96" s="18">
        <v>584</v>
      </c>
    </row>
    <row r="97" spans="1:4" ht="18" customHeight="1" x14ac:dyDescent="0.15">
      <c r="A97" s="5">
        <v>75</v>
      </c>
      <c r="B97" s="22">
        <v>68</v>
      </c>
      <c r="C97" s="14">
        <v>84</v>
      </c>
      <c r="D97" s="18">
        <v>152</v>
      </c>
    </row>
    <row r="98" spans="1:4" ht="18" customHeight="1" x14ac:dyDescent="0.15">
      <c r="A98" s="5">
        <v>76</v>
      </c>
      <c r="B98" s="22">
        <v>65</v>
      </c>
      <c r="C98" s="14">
        <v>76</v>
      </c>
      <c r="D98" s="18">
        <v>141</v>
      </c>
    </row>
    <row r="99" spans="1:4" ht="18" customHeight="1" x14ac:dyDescent="0.15">
      <c r="A99" s="5">
        <v>77</v>
      </c>
      <c r="B99" s="22">
        <v>74</v>
      </c>
      <c r="C99" s="14">
        <v>95</v>
      </c>
      <c r="D99" s="18">
        <v>169</v>
      </c>
    </row>
    <row r="100" spans="1:4" ht="18" customHeight="1" x14ac:dyDescent="0.15">
      <c r="A100" s="5">
        <v>78</v>
      </c>
      <c r="B100" s="22">
        <v>63</v>
      </c>
      <c r="C100" s="14">
        <v>94</v>
      </c>
      <c r="D100" s="18">
        <v>157</v>
      </c>
    </row>
    <row r="101" spans="1:4" ht="18" customHeight="1" x14ac:dyDescent="0.15">
      <c r="A101" s="5">
        <v>79</v>
      </c>
      <c r="B101" s="22">
        <v>54</v>
      </c>
      <c r="C101" s="14">
        <v>64</v>
      </c>
      <c r="D101" s="18">
        <v>118</v>
      </c>
    </row>
    <row r="102" spans="1:4" ht="18" customHeight="1" x14ac:dyDescent="0.15">
      <c r="A102" s="5" t="s">
        <v>0</v>
      </c>
      <c r="B102" s="22">
        <v>324</v>
      </c>
      <c r="C102" s="14">
        <v>413</v>
      </c>
      <c r="D102" s="18">
        <v>737</v>
      </c>
    </row>
    <row r="103" spans="1:4" ht="18" customHeight="1" x14ac:dyDescent="0.15">
      <c r="A103" s="5">
        <v>80</v>
      </c>
      <c r="B103" s="22">
        <v>41</v>
      </c>
      <c r="C103" s="14">
        <v>45</v>
      </c>
      <c r="D103" s="18">
        <v>86</v>
      </c>
    </row>
    <row r="104" spans="1:4" ht="18" customHeight="1" x14ac:dyDescent="0.15">
      <c r="A104" s="5">
        <v>81</v>
      </c>
      <c r="B104" s="22">
        <v>48</v>
      </c>
      <c r="C104" s="14">
        <v>67</v>
      </c>
      <c r="D104" s="18">
        <v>115</v>
      </c>
    </row>
    <row r="105" spans="1:4" ht="18" customHeight="1" x14ac:dyDescent="0.15">
      <c r="A105" s="5">
        <v>82</v>
      </c>
      <c r="B105" s="22">
        <v>45</v>
      </c>
      <c r="C105" s="14">
        <v>57</v>
      </c>
      <c r="D105" s="18">
        <v>102</v>
      </c>
    </row>
    <row r="106" spans="1:4" ht="18" customHeight="1" x14ac:dyDescent="0.15">
      <c r="A106" s="5">
        <v>83</v>
      </c>
      <c r="B106" s="22">
        <v>30</v>
      </c>
      <c r="C106" s="14">
        <v>53</v>
      </c>
      <c r="D106" s="18">
        <v>83</v>
      </c>
    </row>
    <row r="107" spans="1:4" ht="18" customHeight="1" x14ac:dyDescent="0.15">
      <c r="A107" s="5">
        <v>84</v>
      </c>
      <c r="B107" s="22">
        <v>35</v>
      </c>
      <c r="C107" s="14">
        <v>64</v>
      </c>
      <c r="D107" s="18">
        <v>99</v>
      </c>
    </row>
    <row r="108" spans="1:4" ht="18" customHeight="1" x14ac:dyDescent="0.15">
      <c r="A108" s="5" t="s">
        <v>35</v>
      </c>
      <c r="B108" s="22">
        <v>199</v>
      </c>
      <c r="C108" s="14">
        <v>286</v>
      </c>
      <c r="D108" s="18">
        <v>485</v>
      </c>
    </row>
    <row r="109" spans="1:4" ht="18" customHeight="1" x14ac:dyDescent="0.15">
      <c r="A109" s="5">
        <v>85</v>
      </c>
      <c r="B109" s="22">
        <v>33</v>
      </c>
      <c r="C109" s="14">
        <v>39</v>
      </c>
      <c r="D109" s="18">
        <v>72</v>
      </c>
    </row>
    <row r="110" spans="1:4" ht="18" customHeight="1" x14ac:dyDescent="0.15">
      <c r="A110" s="5">
        <v>86</v>
      </c>
      <c r="B110" s="22">
        <v>23</v>
      </c>
      <c r="C110" s="14">
        <v>38</v>
      </c>
      <c r="D110" s="18">
        <v>61</v>
      </c>
    </row>
    <row r="111" spans="1:4" ht="18" customHeight="1" x14ac:dyDescent="0.15">
      <c r="A111" s="5">
        <v>87</v>
      </c>
      <c r="B111" s="22">
        <v>11</v>
      </c>
      <c r="C111" s="14">
        <v>34</v>
      </c>
      <c r="D111" s="18">
        <v>45</v>
      </c>
    </row>
    <row r="112" spans="1:4" ht="18" customHeight="1" x14ac:dyDescent="0.15">
      <c r="A112" s="5">
        <v>88</v>
      </c>
      <c r="B112" s="22">
        <v>18</v>
      </c>
      <c r="C112" s="14">
        <v>24</v>
      </c>
      <c r="D112" s="18">
        <v>42</v>
      </c>
    </row>
    <row r="113" spans="1:4" ht="18" customHeight="1" x14ac:dyDescent="0.15">
      <c r="A113" s="5">
        <v>89</v>
      </c>
      <c r="B113" s="22">
        <v>15</v>
      </c>
      <c r="C113" s="14">
        <v>42</v>
      </c>
      <c r="D113" s="18">
        <v>57</v>
      </c>
    </row>
    <row r="114" spans="1:4" ht="18" customHeight="1" x14ac:dyDescent="0.15">
      <c r="A114" s="5" t="s">
        <v>37</v>
      </c>
      <c r="B114" s="22">
        <v>100</v>
      </c>
      <c r="C114" s="14">
        <v>177</v>
      </c>
      <c r="D114" s="18">
        <v>277</v>
      </c>
    </row>
    <row r="115" spans="1:4" ht="18" customHeight="1" x14ac:dyDescent="0.15">
      <c r="A115" s="5">
        <v>90</v>
      </c>
      <c r="B115" s="22">
        <v>9</v>
      </c>
      <c r="C115" s="14">
        <v>34</v>
      </c>
      <c r="D115" s="18">
        <v>43</v>
      </c>
    </row>
    <row r="116" spans="1:4" ht="18" customHeight="1" x14ac:dyDescent="0.15">
      <c r="A116" s="5">
        <v>91</v>
      </c>
      <c r="B116" s="22">
        <v>14</v>
      </c>
      <c r="C116" s="14">
        <v>15</v>
      </c>
      <c r="D116" s="18">
        <v>29</v>
      </c>
    </row>
    <row r="117" spans="1:4" ht="18" customHeight="1" x14ac:dyDescent="0.15">
      <c r="A117" s="5">
        <v>92</v>
      </c>
      <c r="B117" s="22">
        <v>5</v>
      </c>
      <c r="C117" s="14">
        <v>17</v>
      </c>
      <c r="D117" s="18">
        <v>22</v>
      </c>
    </row>
    <row r="118" spans="1:4" ht="18" customHeight="1" x14ac:dyDescent="0.15">
      <c r="A118" s="5">
        <v>93</v>
      </c>
      <c r="B118" s="22">
        <v>9</v>
      </c>
      <c r="C118" s="14">
        <v>15</v>
      </c>
      <c r="D118" s="18">
        <v>24</v>
      </c>
    </row>
    <row r="119" spans="1:4" ht="18" customHeight="1" x14ac:dyDescent="0.15">
      <c r="A119" s="5">
        <v>94</v>
      </c>
      <c r="B119" s="22">
        <v>5</v>
      </c>
      <c r="C119" s="14">
        <v>16</v>
      </c>
      <c r="D119" s="18">
        <v>21</v>
      </c>
    </row>
    <row r="120" spans="1:4" ht="18" customHeight="1" x14ac:dyDescent="0.15">
      <c r="A120" s="5" t="s">
        <v>39</v>
      </c>
      <c r="B120" s="22">
        <v>42</v>
      </c>
      <c r="C120" s="14">
        <v>97</v>
      </c>
      <c r="D120" s="18">
        <v>139</v>
      </c>
    </row>
    <row r="121" spans="1:4" ht="18" customHeight="1" x14ac:dyDescent="0.15">
      <c r="A121" s="5">
        <v>95</v>
      </c>
      <c r="B121" s="22">
        <v>3</v>
      </c>
      <c r="C121" s="14">
        <v>10</v>
      </c>
      <c r="D121" s="18">
        <v>13</v>
      </c>
    </row>
    <row r="122" spans="1:4" ht="18" customHeight="1" x14ac:dyDescent="0.15">
      <c r="A122" s="5">
        <v>96</v>
      </c>
      <c r="B122" s="22">
        <v>1</v>
      </c>
      <c r="C122" s="14">
        <v>10</v>
      </c>
      <c r="D122" s="18">
        <v>11</v>
      </c>
    </row>
    <row r="123" spans="1:4" ht="18" customHeight="1" x14ac:dyDescent="0.15">
      <c r="A123" s="5">
        <v>97</v>
      </c>
      <c r="B123" s="22">
        <v>2</v>
      </c>
      <c r="C123" s="14">
        <v>6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11</v>
      </c>
      <c r="D124" s="18">
        <v>11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6</v>
      </c>
      <c r="C126" s="14">
        <v>42</v>
      </c>
      <c r="D126" s="18">
        <v>48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153</v>
      </c>
      <c r="C130" s="14">
        <v>1601</v>
      </c>
      <c r="D130" s="18">
        <v>2754</v>
      </c>
    </row>
    <row r="131" spans="1:4" ht="18" customHeight="1" x14ac:dyDescent="0.15">
      <c r="A131" s="7" t="s">
        <v>45</v>
      </c>
      <c r="B131" s="23">
        <v>4811</v>
      </c>
      <c r="C131" s="15">
        <v>5082</v>
      </c>
      <c r="D131" s="19">
        <v>989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3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42</v>
      </c>
      <c r="C5" s="13">
        <v>44</v>
      </c>
      <c r="D5" s="17">
        <v>86</v>
      </c>
    </row>
    <row r="6" spans="1:4" ht="18" customHeight="1" x14ac:dyDescent="0.15">
      <c r="A6" s="5">
        <v>1</v>
      </c>
      <c r="B6" s="22">
        <v>41</v>
      </c>
      <c r="C6" s="14">
        <v>35</v>
      </c>
      <c r="D6" s="18">
        <v>76</v>
      </c>
    </row>
    <row r="7" spans="1:4" ht="18" customHeight="1" x14ac:dyDescent="0.15">
      <c r="A7" s="5">
        <v>2</v>
      </c>
      <c r="B7" s="22">
        <v>42</v>
      </c>
      <c r="C7" s="14">
        <v>40</v>
      </c>
      <c r="D7" s="18">
        <v>82</v>
      </c>
    </row>
    <row r="8" spans="1:4" ht="18" customHeight="1" x14ac:dyDescent="0.15">
      <c r="A8" s="5">
        <v>3</v>
      </c>
      <c r="B8" s="22">
        <v>48</v>
      </c>
      <c r="C8" s="14">
        <v>42</v>
      </c>
      <c r="D8" s="18">
        <v>90</v>
      </c>
    </row>
    <row r="9" spans="1:4" ht="18" customHeight="1" x14ac:dyDescent="0.15">
      <c r="A9" s="5">
        <v>4</v>
      </c>
      <c r="B9" s="22">
        <v>55</v>
      </c>
      <c r="C9" s="14">
        <v>54</v>
      </c>
      <c r="D9" s="18">
        <v>109</v>
      </c>
    </row>
    <row r="10" spans="1:4" ht="18" customHeight="1" x14ac:dyDescent="0.15">
      <c r="A10" s="5" t="s">
        <v>7</v>
      </c>
      <c r="B10" s="22">
        <v>228</v>
      </c>
      <c r="C10" s="14">
        <v>215</v>
      </c>
      <c r="D10" s="18">
        <v>443</v>
      </c>
    </row>
    <row r="11" spans="1:4" ht="18" customHeight="1" x14ac:dyDescent="0.15">
      <c r="A11" s="5">
        <v>5</v>
      </c>
      <c r="B11" s="22">
        <v>63</v>
      </c>
      <c r="C11" s="14">
        <v>49</v>
      </c>
      <c r="D11" s="18">
        <v>112</v>
      </c>
    </row>
    <row r="12" spans="1:4" ht="18" customHeight="1" x14ac:dyDescent="0.15">
      <c r="A12" s="5">
        <v>6</v>
      </c>
      <c r="B12" s="22">
        <v>51</v>
      </c>
      <c r="C12" s="14">
        <v>57</v>
      </c>
      <c r="D12" s="18">
        <v>108</v>
      </c>
    </row>
    <row r="13" spans="1:4" ht="18" customHeight="1" x14ac:dyDescent="0.15">
      <c r="A13" s="5">
        <v>7</v>
      </c>
      <c r="B13" s="22">
        <v>71</v>
      </c>
      <c r="C13" s="14">
        <v>62</v>
      </c>
      <c r="D13" s="18">
        <v>133</v>
      </c>
    </row>
    <row r="14" spans="1:4" ht="18" customHeight="1" x14ac:dyDescent="0.15">
      <c r="A14" s="5">
        <v>8</v>
      </c>
      <c r="B14" s="22">
        <v>55</v>
      </c>
      <c r="C14" s="14">
        <v>54</v>
      </c>
      <c r="D14" s="18">
        <v>109</v>
      </c>
    </row>
    <row r="15" spans="1:4" ht="18" customHeight="1" x14ac:dyDescent="0.15">
      <c r="A15" s="5">
        <v>9</v>
      </c>
      <c r="B15" s="22">
        <v>50</v>
      </c>
      <c r="C15" s="14">
        <v>49</v>
      </c>
      <c r="D15" s="18">
        <v>99</v>
      </c>
    </row>
    <row r="16" spans="1:4" ht="18" customHeight="1" x14ac:dyDescent="0.15">
      <c r="A16" s="5" t="s">
        <v>11</v>
      </c>
      <c r="B16" s="22">
        <v>290</v>
      </c>
      <c r="C16" s="14">
        <v>271</v>
      </c>
      <c r="D16" s="18">
        <v>561</v>
      </c>
    </row>
    <row r="17" spans="1:4" ht="18" customHeight="1" x14ac:dyDescent="0.15">
      <c r="A17" s="5">
        <v>10</v>
      </c>
      <c r="B17" s="22">
        <v>64</v>
      </c>
      <c r="C17" s="14">
        <v>65</v>
      </c>
      <c r="D17" s="18">
        <v>129</v>
      </c>
    </row>
    <row r="18" spans="1:4" ht="18" customHeight="1" x14ac:dyDescent="0.15">
      <c r="A18" s="5">
        <v>11</v>
      </c>
      <c r="B18" s="22">
        <v>48</v>
      </c>
      <c r="C18" s="14">
        <v>56</v>
      </c>
      <c r="D18" s="18">
        <v>104</v>
      </c>
    </row>
    <row r="19" spans="1:4" ht="18" customHeight="1" x14ac:dyDescent="0.15">
      <c r="A19" s="5">
        <v>12</v>
      </c>
      <c r="B19" s="22">
        <v>47</v>
      </c>
      <c r="C19" s="14">
        <v>64</v>
      </c>
      <c r="D19" s="18">
        <v>111</v>
      </c>
    </row>
    <row r="20" spans="1:4" ht="18" customHeight="1" x14ac:dyDescent="0.15">
      <c r="A20" s="5">
        <v>13</v>
      </c>
      <c r="B20" s="22">
        <v>57</v>
      </c>
      <c r="C20" s="14">
        <v>68</v>
      </c>
      <c r="D20" s="18">
        <v>125</v>
      </c>
    </row>
    <row r="21" spans="1:4" ht="18" customHeight="1" x14ac:dyDescent="0.15">
      <c r="A21" s="5">
        <v>14</v>
      </c>
      <c r="B21" s="22">
        <v>39</v>
      </c>
      <c r="C21" s="14">
        <v>50</v>
      </c>
      <c r="D21" s="18">
        <v>89</v>
      </c>
    </row>
    <row r="22" spans="1:4" ht="18" customHeight="1" x14ac:dyDescent="0.15">
      <c r="A22" s="5" t="s">
        <v>12</v>
      </c>
      <c r="B22" s="22">
        <v>255</v>
      </c>
      <c r="C22" s="14">
        <v>303</v>
      </c>
      <c r="D22" s="18">
        <v>558</v>
      </c>
    </row>
    <row r="23" spans="1:4" ht="18" customHeight="1" x14ac:dyDescent="0.15">
      <c r="A23" s="5" t="s">
        <v>6</v>
      </c>
      <c r="B23" s="22">
        <v>773</v>
      </c>
      <c r="C23" s="14">
        <v>789</v>
      </c>
      <c r="D23" s="18">
        <v>1562</v>
      </c>
    </row>
    <row r="24" spans="1:4" ht="18" customHeight="1" x14ac:dyDescent="0.15">
      <c r="A24" s="5">
        <v>15</v>
      </c>
      <c r="B24" s="22">
        <v>51</v>
      </c>
      <c r="C24" s="14">
        <v>51</v>
      </c>
      <c r="D24" s="18">
        <v>102</v>
      </c>
    </row>
    <row r="25" spans="1:4" ht="18" customHeight="1" x14ac:dyDescent="0.15">
      <c r="A25" s="5">
        <v>16</v>
      </c>
      <c r="B25" s="22">
        <v>58</v>
      </c>
      <c r="C25" s="14">
        <v>63</v>
      </c>
      <c r="D25" s="18">
        <v>121</v>
      </c>
    </row>
    <row r="26" spans="1:4" ht="18" customHeight="1" x14ac:dyDescent="0.15">
      <c r="A26" s="5">
        <v>17</v>
      </c>
      <c r="B26" s="22">
        <v>44</v>
      </c>
      <c r="C26" s="14">
        <v>55</v>
      </c>
      <c r="D26" s="18">
        <v>99</v>
      </c>
    </row>
    <row r="27" spans="1:4" ht="18" customHeight="1" x14ac:dyDescent="0.15">
      <c r="A27" s="5">
        <v>18</v>
      </c>
      <c r="B27" s="22">
        <v>58</v>
      </c>
      <c r="C27" s="14">
        <v>48</v>
      </c>
      <c r="D27" s="18">
        <v>106</v>
      </c>
    </row>
    <row r="28" spans="1:4" ht="18" customHeight="1" x14ac:dyDescent="0.15">
      <c r="A28" s="5">
        <v>19</v>
      </c>
      <c r="B28" s="22">
        <v>60</v>
      </c>
      <c r="C28" s="14">
        <v>50</v>
      </c>
      <c r="D28" s="18">
        <v>110</v>
      </c>
    </row>
    <row r="29" spans="1:4" ht="18" customHeight="1" x14ac:dyDescent="0.15">
      <c r="A29" s="5" t="s">
        <v>14</v>
      </c>
      <c r="B29" s="22">
        <v>271</v>
      </c>
      <c r="C29" s="14">
        <v>267</v>
      </c>
      <c r="D29" s="18">
        <v>538</v>
      </c>
    </row>
    <row r="30" spans="1:4" ht="18" customHeight="1" x14ac:dyDescent="0.15">
      <c r="A30" s="5">
        <v>20</v>
      </c>
      <c r="B30" s="22">
        <v>54</v>
      </c>
      <c r="C30" s="14">
        <v>59</v>
      </c>
      <c r="D30" s="18">
        <v>113</v>
      </c>
    </row>
    <row r="31" spans="1:4" ht="18" customHeight="1" x14ac:dyDescent="0.15">
      <c r="A31" s="5">
        <v>21</v>
      </c>
      <c r="B31" s="22">
        <v>63</v>
      </c>
      <c r="C31" s="14">
        <v>51</v>
      </c>
      <c r="D31" s="18">
        <v>114</v>
      </c>
    </row>
    <row r="32" spans="1:4" ht="18" customHeight="1" x14ac:dyDescent="0.15">
      <c r="A32" s="5">
        <v>22</v>
      </c>
      <c r="B32" s="22">
        <v>53</v>
      </c>
      <c r="C32" s="14">
        <v>56</v>
      </c>
      <c r="D32" s="18">
        <v>109</v>
      </c>
    </row>
    <row r="33" spans="1:4" ht="18" customHeight="1" x14ac:dyDescent="0.15">
      <c r="A33" s="5">
        <v>23</v>
      </c>
      <c r="B33" s="22">
        <v>61</v>
      </c>
      <c r="C33" s="14">
        <v>73</v>
      </c>
      <c r="D33" s="18">
        <v>134</v>
      </c>
    </row>
    <row r="34" spans="1:4" ht="18" customHeight="1" x14ac:dyDescent="0.15">
      <c r="A34" s="5">
        <v>24</v>
      </c>
      <c r="B34" s="22">
        <v>81</v>
      </c>
      <c r="C34" s="14">
        <v>69</v>
      </c>
      <c r="D34" s="18">
        <v>150</v>
      </c>
    </row>
    <row r="35" spans="1:4" ht="18" customHeight="1" x14ac:dyDescent="0.15">
      <c r="A35" s="5" t="s">
        <v>9</v>
      </c>
      <c r="B35" s="22">
        <v>312</v>
      </c>
      <c r="C35" s="14">
        <v>308</v>
      </c>
      <c r="D35" s="18">
        <v>620</v>
      </c>
    </row>
    <row r="36" spans="1:4" ht="18" customHeight="1" x14ac:dyDescent="0.15">
      <c r="A36" s="5">
        <v>25</v>
      </c>
      <c r="B36" s="22">
        <v>74</v>
      </c>
      <c r="C36" s="14">
        <v>67</v>
      </c>
      <c r="D36" s="18">
        <v>141</v>
      </c>
    </row>
    <row r="37" spans="1:4" ht="18" customHeight="1" x14ac:dyDescent="0.15">
      <c r="A37" s="5">
        <v>26</v>
      </c>
      <c r="B37" s="22">
        <v>83</v>
      </c>
      <c r="C37" s="14">
        <v>82</v>
      </c>
      <c r="D37" s="18">
        <v>165</v>
      </c>
    </row>
    <row r="38" spans="1:4" ht="18" customHeight="1" x14ac:dyDescent="0.15">
      <c r="A38" s="5">
        <v>27</v>
      </c>
      <c r="B38" s="22">
        <v>87</v>
      </c>
      <c r="C38" s="14">
        <v>74</v>
      </c>
      <c r="D38" s="18">
        <v>161</v>
      </c>
    </row>
    <row r="39" spans="1:4" ht="18" customHeight="1" x14ac:dyDescent="0.15">
      <c r="A39" s="5">
        <v>28</v>
      </c>
      <c r="B39" s="22">
        <v>71</v>
      </c>
      <c r="C39" s="14">
        <v>71</v>
      </c>
      <c r="D39" s="18">
        <v>142</v>
      </c>
    </row>
    <row r="40" spans="1:4" ht="18" customHeight="1" x14ac:dyDescent="0.15">
      <c r="A40" s="5">
        <v>29</v>
      </c>
      <c r="B40" s="22">
        <v>81</v>
      </c>
      <c r="C40" s="14">
        <v>80</v>
      </c>
      <c r="D40" s="18">
        <v>161</v>
      </c>
    </row>
    <row r="41" spans="1:4" ht="18" customHeight="1" x14ac:dyDescent="0.15">
      <c r="A41" s="5" t="s">
        <v>2</v>
      </c>
      <c r="B41" s="22">
        <v>396</v>
      </c>
      <c r="C41" s="14">
        <v>374</v>
      </c>
      <c r="D41" s="18">
        <v>770</v>
      </c>
    </row>
    <row r="42" spans="1:4" ht="18" customHeight="1" x14ac:dyDescent="0.15">
      <c r="A42" s="5">
        <v>30</v>
      </c>
      <c r="B42" s="22">
        <v>97</v>
      </c>
      <c r="C42" s="14">
        <v>76</v>
      </c>
      <c r="D42" s="18">
        <v>173</v>
      </c>
    </row>
    <row r="43" spans="1:4" ht="18" customHeight="1" x14ac:dyDescent="0.15">
      <c r="A43" s="5">
        <v>31</v>
      </c>
      <c r="B43" s="22">
        <v>90</v>
      </c>
      <c r="C43" s="14">
        <v>82</v>
      </c>
      <c r="D43" s="18">
        <v>172</v>
      </c>
    </row>
    <row r="44" spans="1:4" ht="18" customHeight="1" x14ac:dyDescent="0.15">
      <c r="A44" s="5">
        <v>32</v>
      </c>
      <c r="B44" s="22">
        <v>82</v>
      </c>
      <c r="C44" s="14">
        <v>70</v>
      </c>
      <c r="D44" s="18">
        <v>152</v>
      </c>
    </row>
    <row r="45" spans="1:4" ht="18" customHeight="1" x14ac:dyDescent="0.15">
      <c r="A45" s="5">
        <v>33</v>
      </c>
      <c r="B45" s="22">
        <v>77</v>
      </c>
      <c r="C45" s="14">
        <v>67</v>
      </c>
      <c r="D45" s="18">
        <v>144</v>
      </c>
    </row>
    <row r="46" spans="1:4" ht="18" customHeight="1" x14ac:dyDescent="0.15">
      <c r="A46" s="5">
        <v>34</v>
      </c>
      <c r="B46" s="22">
        <v>86</v>
      </c>
      <c r="C46" s="14">
        <v>48</v>
      </c>
      <c r="D46" s="18">
        <v>134</v>
      </c>
    </row>
    <row r="47" spans="1:4" ht="18" customHeight="1" x14ac:dyDescent="0.15">
      <c r="A47" s="5" t="s">
        <v>15</v>
      </c>
      <c r="B47" s="22">
        <v>432</v>
      </c>
      <c r="C47" s="14">
        <v>343</v>
      </c>
      <c r="D47" s="18">
        <v>775</v>
      </c>
    </row>
    <row r="48" spans="1:4" ht="18" customHeight="1" x14ac:dyDescent="0.15">
      <c r="A48" s="5">
        <v>35</v>
      </c>
      <c r="B48" s="22">
        <v>66</v>
      </c>
      <c r="C48" s="14">
        <v>71</v>
      </c>
      <c r="D48" s="18">
        <v>137</v>
      </c>
    </row>
    <row r="49" spans="1:4" ht="18" customHeight="1" x14ac:dyDescent="0.15">
      <c r="A49" s="5">
        <v>36</v>
      </c>
      <c r="B49" s="22">
        <v>83</v>
      </c>
      <c r="C49" s="14">
        <v>69</v>
      </c>
      <c r="D49" s="18">
        <v>152</v>
      </c>
    </row>
    <row r="50" spans="1:4" ht="18" customHeight="1" x14ac:dyDescent="0.15">
      <c r="A50" s="5">
        <v>37</v>
      </c>
      <c r="B50" s="22">
        <v>78</v>
      </c>
      <c r="C50" s="14">
        <v>72</v>
      </c>
      <c r="D50" s="18">
        <v>150</v>
      </c>
    </row>
    <row r="51" spans="1:4" ht="18" customHeight="1" x14ac:dyDescent="0.15">
      <c r="A51" s="5">
        <v>38</v>
      </c>
      <c r="B51" s="22">
        <v>68</v>
      </c>
      <c r="C51" s="14">
        <v>69</v>
      </c>
      <c r="D51" s="18">
        <v>137</v>
      </c>
    </row>
    <row r="52" spans="1:4" ht="18" customHeight="1" x14ac:dyDescent="0.15">
      <c r="A52" s="5">
        <v>39</v>
      </c>
      <c r="B52" s="22">
        <v>79</v>
      </c>
      <c r="C52" s="14">
        <v>75</v>
      </c>
      <c r="D52" s="18">
        <v>154</v>
      </c>
    </row>
    <row r="53" spans="1:4" ht="18" customHeight="1" x14ac:dyDescent="0.15">
      <c r="A53" s="5" t="s">
        <v>18</v>
      </c>
      <c r="B53" s="22">
        <v>374</v>
      </c>
      <c r="C53" s="14">
        <v>356</v>
      </c>
      <c r="D53" s="18">
        <v>730</v>
      </c>
    </row>
    <row r="54" spans="1:4" ht="18" customHeight="1" x14ac:dyDescent="0.15">
      <c r="A54" s="5">
        <v>40</v>
      </c>
      <c r="B54" s="22">
        <v>86</v>
      </c>
      <c r="C54" s="14">
        <v>97</v>
      </c>
      <c r="D54" s="18">
        <v>183</v>
      </c>
    </row>
    <row r="55" spans="1:4" ht="18" customHeight="1" x14ac:dyDescent="0.15">
      <c r="A55" s="5">
        <v>41</v>
      </c>
      <c r="B55" s="22">
        <v>76</v>
      </c>
      <c r="C55" s="14">
        <v>73</v>
      </c>
      <c r="D55" s="18">
        <v>149</v>
      </c>
    </row>
    <row r="56" spans="1:4" ht="18" customHeight="1" x14ac:dyDescent="0.15">
      <c r="A56" s="5">
        <v>42</v>
      </c>
      <c r="B56" s="22">
        <v>93</v>
      </c>
      <c r="C56" s="14">
        <v>86</v>
      </c>
      <c r="D56" s="18">
        <v>179</v>
      </c>
    </row>
    <row r="57" spans="1:4" ht="18" customHeight="1" x14ac:dyDescent="0.15">
      <c r="A57" s="5">
        <v>43</v>
      </c>
      <c r="B57" s="22">
        <v>79</v>
      </c>
      <c r="C57" s="14">
        <v>81</v>
      </c>
      <c r="D57" s="18">
        <v>160</v>
      </c>
    </row>
    <row r="58" spans="1:4" ht="18" customHeight="1" x14ac:dyDescent="0.15">
      <c r="A58" s="5">
        <v>44</v>
      </c>
      <c r="B58" s="22">
        <v>94</v>
      </c>
      <c r="C58" s="14">
        <v>89</v>
      </c>
      <c r="D58" s="18">
        <v>183</v>
      </c>
    </row>
    <row r="59" spans="1:4" ht="18" customHeight="1" x14ac:dyDescent="0.15">
      <c r="A59" s="5" t="s">
        <v>21</v>
      </c>
      <c r="B59" s="22">
        <v>428</v>
      </c>
      <c r="C59" s="14">
        <v>426</v>
      </c>
      <c r="D59" s="18">
        <v>854</v>
      </c>
    </row>
    <row r="60" spans="1:4" ht="18" customHeight="1" x14ac:dyDescent="0.15">
      <c r="A60" s="5">
        <v>45</v>
      </c>
      <c r="B60" s="22">
        <v>84</v>
      </c>
      <c r="C60" s="14">
        <v>77</v>
      </c>
      <c r="D60" s="18">
        <v>161</v>
      </c>
    </row>
    <row r="61" spans="1:4" ht="18" customHeight="1" x14ac:dyDescent="0.15">
      <c r="A61" s="5">
        <v>46</v>
      </c>
      <c r="B61" s="22">
        <v>92</v>
      </c>
      <c r="C61" s="14">
        <v>95</v>
      </c>
      <c r="D61" s="18">
        <v>187</v>
      </c>
    </row>
    <row r="62" spans="1:4" ht="18" customHeight="1" x14ac:dyDescent="0.15">
      <c r="A62" s="5">
        <v>47</v>
      </c>
      <c r="B62" s="22">
        <v>93</v>
      </c>
      <c r="C62" s="14">
        <v>64</v>
      </c>
      <c r="D62" s="18">
        <v>157</v>
      </c>
    </row>
    <row r="63" spans="1:4" ht="18" customHeight="1" x14ac:dyDescent="0.15">
      <c r="A63" s="5">
        <v>48</v>
      </c>
      <c r="B63" s="22">
        <v>101</v>
      </c>
      <c r="C63" s="14">
        <v>73</v>
      </c>
      <c r="D63" s="18">
        <v>174</v>
      </c>
    </row>
    <row r="64" spans="1:4" ht="18" customHeight="1" x14ac:dyDescent="0.15">
      <c r="A64" s="5">
        <v>49</v>
      </c>
      <c r="B64" s="22">
        <v>87</v>
      </c>
      <c r="C64" s="14">
        <v>88</v>
      </c>
      <c r="D64" s="18">
        <v>175</v>
      </c>
    </row>
    <row r="65" spans="1:4" ht="18" customHeight="1" x14ac:dyDescent="0.15">
      <c r="A65" s="5" t="s">
        <v>17</v>
      </c>
      <c r="B65" s="22">
        <v>457</v>
      </c>
      <c r="C65" s="14">
        <v>397</v>
      </c>
      <c r="D65" s="18">
        <v>854</v>
      </c>
    </row>
    <row r="66" spans="1:4" ht="18" customHeight="1" x14ac:dyDescent="0.15">
      <c r="A66" s="5">
        <v>50</v>
      </c>
      <c r="B66" s="22">
        <v>103</v>
      </c>
      <c r="C66" s="14">
        <v>84</v>
      </c>
      <c r="D66" s="18">
        <v>187</v>
      </c>
    </row>
    <row r="67" spans="1:4" ht="18" customHeight="1" x14ac:dyDescent="0.15">
      <c r="A67" s="5">
        <v>51</v>
      </c>
      <c r="B67" s="22">
        <v>115</v>
      </c>
      <c r="C67" s="14">
        <v>114</v>
      </c>
      <c r="D67" s="18">
        <v>229</v>
      </c>
    </row>
    <row r="68" spans="1:4" ht="18" customHeight="1" x14ac:dyDescent="0.15">
      <c r="A68" s="5">
        <v>52</v>
      </c>
      <c r="B68" s="22">
        <v>109</v>
      </c>
      <c r="C68" s="14">
        <v>104</v>
      </c>
      <c r="D68" s="18">
        <v>213</v>
      </c>
    </row>
    <row r="69" spans="1:4" ht="18" customHeight="1" x14ac:dyDescent="0.15">
      <c r="A69" s="5">
        <v>53</v>
      </c>
      <c r="B69" s="22">
        <v>97</v>
      </c>
      <c r="C69" s="14">
        <v>104</v>
      </c>
      <c r="D69" s="18">
        <v>201</v>
      </c>
    </row>
    <row r="70" spans="1:4" ht="18" customHeight="1" x14ac:dyDescent="0.15">
      <c r="A70" s="5">
        <v>54</v>
      </c>
      <c r="B70" s="22">
        <v>98</v>
      </c>
      <c r="C70" s="14">
        <v>111</v>
      </c>
      <c r="D70" s="18">
        <v>209</v>
      </c>
    </row>
    <row r="71" spans="1:4" ht="18" customHeight="1" x14ac:dyDescent="0.15">
      <c r="A71" s="5" t="s">
        <v>22</v>
      </c>
      <c r="B71" s="22">
        <v>522</v>
      </c>
      <c r="C71" s="14">
        <v>517</v>
      </c>
      <c r="D71" s="18">
        <v>1039</v>
      </c>
    </row>
    <row r="72" spans="1:4" ht="18" customHeight="1" x14ac:dyDescent="0.15">
      <c r="A72" s="5">
        <v>55</v>
      </c>
      <c r="B72" s="22">
        <v>95</v>
      </c>
      <c r="C72" s="14">
        <v>101</v>
      </c>
      <c r="D72" s="18">
        <v>196</v>
      </c>
    </row>
    <row r="73" spans="1:4" ht="18" customHeight="1" x14ac:dyDescent="0.15">
      <c r="A73" s="5">
        <v>56</v>
      </c>
      <c r="B73" s="22">
        <v>117</v>
      </c>
      <c r="C73" s="14">
        <v>80</v>
      </c>
      <c r="D73" s="18">
        <v>197</v>
      </c>
    </row>
    <row r="74" spans="1:4" ht="18" customHeight="1" x14ac:dyDescent="0.15">
      <c r="A74" s="5">
        <v>57</v>
      </c>
      <c r="B74" s="22">
        <v>82</v>
      </c>
      <c r="C74" s="14">
        <v>105</v>
      </c>
      <c r="D74" s="18">
        <v>187</v>
      </c>
    </row>
    <row r="75" spans="1:4" ht="18" customHeight="1" x14ac:dyDescent="0.15">
      <c r="A75" s="5">
        <v>58</v>
      </c>
      <c r="B75" s="22">
        <v>83</v>
      </c>
      <c r="C75" s="14">
        <v>85</v>
      </c>
      <c r="D75" s="18">
        <v>168</v>
      </c>
    </row>
    <row r="76" spans="1:4" ht="18" customHeight="1" x14ac:dyDescent="0.15">
      <c r="A76" s="5">
        <v>59</v>
      </c>
      <c r="B76" s="22">
        <v>76</v>
      </c>
      <c r="C76" s="14">
        <v>62</v>
      </c>
      <c r="D76" s="18">
        <v>138</v>
      </c>
    </row>
    <row r="77" spans="1:4" ht="18" customHeight="1" x14ac:dyDescent="0.15">
      <c r="A77" s="5" t="s">
        <v>27</v>
      </c>
      <c r="B77" s="22">
        <v>453</v>
      </c>
      <c r="C77" s="14">
        <v>433</v>
      </c>
      <c r="D77" s="18">
        <v>886</v>
      </c>
    </row>
    <row r="78" spans="1:4" ht="18" customHeight="1" x14ac:dyDescent="0.15">
      <c r="A78" s="5">
        <v>60</v>
      </c>
      <c r="B78" s="22">
        <v>70</v>
      </c>
      <c r="C78" s="14">
        <v>71</v>
      </c>
      <c r="D78" s="18">
        <v>141</v>
      </c>
    </row>
    <row r="79" spans="1:4" ht="18" customHeight="1" x14ac:dyDescent="0.15">
      <c r="A79" s="5">
        <v>61</v>
      </c>
      <c r="B79" s="22">
        <v>65</v>
      </c>
      <c r="C79" s="14">
        <v>66</v>
      </c>
      <c r="D79" s="18">
        <v>131</v>
      </c>
    </row>
    <row r="80" spans="1:4" ht="18" customHeight="1" x14ac:dyDescent="0.15">
      <c r="A80" s="5">
        <v>62</v>
      </c>
      <c r="B80" s="22">
        <v>78</v>
      </c>
      <c r="C80" s="14">
        <v>71</v>
      </c>
      <c r="D80" s="18">
        <v>149</v>
      </c>
    </row>
    <row r="81" spans="1:4" ht="18" customHeight="1" x14ac:dyDescent="0.15">
      <c r="A81" s="5">
        <v>63</v>
      </c>
      <c r="B81" s="22">
        <v>72</v>
      </c>
      <c r="C81" s="14">
        <v>79</v>
      </c>
      <c r="D81" s="18">
        <v>151</v>
      </c>
    </row>
    <row r="82" spans="1:4" ht="18" customHeight="1" x14ac:dyDescent="0.15">
      <c r="A82" s="5">
        <v>64</v>
      </c>
      <c r="B82" s="22">
        <v>61</v>
      </c>
      <c r="C82" s="14">
        <v>65</v>
      </c>
      <c r="D82" s="18">
        <v>126</v>
      </c>
    </row>
    <row r="83" spans="1:4" ht="18" customHeight="1" x14ac:dyDescent="0.15">
      <c r="A83" s="5" t="s">
        <v>28</v>
      </c>
      <c r="B83" s="22">
        <v>346</v>
      </c>
      <c r="C83" s="14">
        <v>352</v>
      </c>
      <c r="D83" s="18">
        <v>698</v>
      </c>
    </row>
    <row r="84" spans="1:4" ht="18" customHeight="1" x14ac:dyDescent="0.15">
      <c r="A84" s="5" t="s">
        <v>31</v>
      </c>
      <c r="B84" s="22">
        <v>3991</v>
      </c>
      <c r="C84" s="14">
        <v>3773</v>
      </c>
      <c r="D84" s="18">
        <v>7764</v>
      </c>
    </row>
    <row r="85" spans="1:4" ht="18" customHeight="1" x14ac:dyDescent="0.15">
      <c r="A85" s="5">
        <v>65</v>
      </c>
      <c r="B85" s="22">
        <v>53</v>
      </c>
      <c r="C85" s="14">
        <v>66</v>
      </c>
      <c r="D85" s="18">
        <v>119</v>
      </c>
    </row>
    <row r="86" spans="1:4" ht="18" customHeight="1" x14ac:dyDescent="0.15">
      <c r="A86" s="5">
        <v>66</v>
      </c>
      <c r="B86" s="22">
        <v>57</v>
      </c>
      <c r="C86" s="14">
        <v>60</v>
      </c>
      <c r="D86" s="18">
        <v>117</v>
      </c>
    </row>
    <row r="87" spans="1:4" ht="18" customHeight="1" x14ac:dyDescent="0.15">
      <c r="A87" s="5">
        <v>67</v>
      </c>
      <c r="B87" s="22">
        <v>48</v>
      </c>
      <c r="C87" s="14">
        <v>74</v>
      </c>
      <c r="D87" s="18">
        <v>122</v>
      </c>
    </row>
    <row r="88" spans="1:4" ht="18" customHeight="1" x14ac:dyDescent="0.15">
      <c r="A88" s="5">
        <v>68</v>
      </c>
      <c r="B88" s="22">
        <v>56</v>
      </c>
      <c r="C88" s="14">
        <v>60</v>
      </c>
      <c r="D88" s="18">
        <v>116</v>
      </c>
    </row>
    <row r="89" spans="1:4" ht="18" customHeight="1" x14ac:dyDescent="0.15">
      <c r="A89" s="5">
        <v>69</v>
      </c>
      <c r="B89" s="22">
        <v>48</v>
      </c>
      <c r="C89" s="14">
        <v>59</v>
      </c>
      <c r="D89" s="18">
        <v>107</v>
      </c>
    </row>
    <row r="90" spans="1:4" ht="18" customHeight="1" x14ac:dyDescent="0.15">
      <c r="A90" s="5" t="s">
        <v>20</v>
      </c>
      <c r="B90" s="22">
        <v>262</v>
      </c>
      <c r="C90" s="14">
        <v>319</v>
      </c>
      <c r="D90" s="18">
        <v>581</v>
      </c>
    </row>
    <row r="91" spans="1:4" ht="18" customHeight="1" x14ac:dyDescent="0.15">
      <c r="A91" s="5">
        <v>70</v>
      </c>
      <c r="B91" s="22">
        <v>66</v>
      </c>
      <c r="C91" s="14">
        <v>56</v>
      </c>
      <c r="D91" s="18">
        <v>122</v>
      </c>
    </row>
    <row r="92" spans="1:4" ht="18" customHeight="1" x14ac:dyDescent="0.15">
      <c r="A92" s="5">
        <v>71</v>
      </c>
      <c r="B92" s="22">
        <v>58</v>
      </c>
      <c r="C92" s="14">
        <v>60</v>
      </c>
      <c r="D92" s="18">
        <v>118</v>
      </c>
    </row>
    <row r="93" spans="1:4" ht="18" customHeight="1" x14ac:dyDescent="0.15">
      <c r="A93" s="5">
        <v>72</v>
      </c>
      <c r="B93" s="22">
        <v>60</v>
      </c>
      <c r="C93" s="14">
        <v>59</v>
      </c>
      <c r="D93" s="18">
        <v>119</v>
      </c>
    </row>
    <row r="94" spans="1:4" ht="18" customHeight="1" x14ac:dyDescent="0.15">
      <c r="A94" s="5">
        <v>73</v>
      </c>
      <c r="B94" s="22">
        <v>66</v>
      </c>
      <c r="C94" s="14">
        <v>79</v>
      </c>
      <c r="D94" s="18">
        <v>145</v>
      </c>
    </row>
    <row r="95" spans="1:4" ht="18" customHeight="1" x14ac:dyDescent="0.15">
      <c r="A95" s="5">
        <v>74</v>
      </c>
      <c r="B95" s="22">
        <v>55</v>
      </c>
      <c r="C95" s="14">
        <v>75</v>
      </c>
      <c r="D95" s="18">
        <v>130</v>
      </c>
    </row>
    <row r="96" spans="1:4" ht="18" customHeight="1" x14ac:dyDescent="0.15">
      <c r="A96" s="5" t="s">
        <v>33</v>
      </c>
      <c r="B96" s="22">
        <v>305</v>
      </c>
      <c r="C96" s="14">
        <v>329</v>
      </c>
      <c r="D96" s="18">
        <v>634</v>
      </c>
    </row>
    <row r="97" spans="1:4" ht="18" customHeight="1" x14ac:dyDescent="0.15">
      <c r="A97" s="5">
        <v>75</v>
      </c>
      <c r="B97" s="22">
        <v>70</v>
      </c>
      <c r="C97" s="14">
        <v>88</v>
      </c>
      <c r="D97" s="18">
        <v>158</v>
      </c>
    </row>
    <row r="98" spans="1:4" ht="18" customHeight="1" x14ac:dyDescent="0.15">
      <c r="A98" s="5">
        <v>76</v>
      </c>
      <c r="B98" s="22">
        <v>74</v>
      </c>
      <c r="C98" s="14">
        <v>101</v>
      </c>
      <c r="D98" s="18">
        <v>175</v>
      </c>
    </row>
    <row r="99" spans="1:4" ht="18" customHeight="1" x14ac:dyDescent="0.15">
      <c r="A99" s="5">
        <v>77</v>
      </c>
      <c r="B99" s="22">
        <v>87</v>
      </c>
      <c r="C99" s="14">
        <v>90</v>
      </c>
      <c r="D99" s="18">
        <v>177</v>
      </c>
    </row>
    <row r="100" spans="1:4" ht="18" customHeight="1" x14ac:dyDescent="0.15">
      <c r="A100" s="5">
        <v>78</v>
      </c>
      <c r="B100" s="22">
        <v>53</v>
      </c>
      <c r="C100" s="14">
        <v>103</v>
      </c>
      <c r="D100" s="18">
        <v>156</v>
      </c>
    </row>
    <row r="101" spans="1:4" ht="18" customHeight="1" x14ac:dyDescent="0.15">
      <c r="A101" s="5">
        <v>79</v>
      </c>
      <c r="B101" s="22">
        <v>49</v>
      </c>
      <c r="C101" s="14">
        <v>77</v>
      </c>
      <c r="D101" s="18">
        <v>126</v>
      </c>
    </row>
    <row r="102" spans="1:4" ht="18" customHeight="1" x14ac:dyDescent="0.15">
      <c r="A102" s="5" t="s">
        <v>0</v>
      </c>
      <c r="B102" s="22">
        <v>333</v>
      </c>
      <c r="C102" s="14">
        <v>459</v>
      </c>
      <c r="D102" s="18">
        <v>792</v>
      </c>
    </row>
    <row r="103" spans="1:4" ht="18" customHeight="1" x14ac:dyDescent="0.15">
      <c r="A103" s="5">
        <v>80</v>
      </c>
      <c r="B103" s="22">
        <v>36</v>
      </c>
      <c r="C103" s="14">
        <v>52</v>
      </c>
      <c r="D103" s="18">
        <v>88</v>
      </c>
    </row>
    <row r="104" spans="1:4" ht="18" customHeight="1" x14ac:dyDescent="0.15">
      <c r="A104" s="5">
        <v>81</v>
      </c>
      <c r="B104" s="22">
        <v>47</v>
      </c>
      <c r="C104" s="14">
        <v>74</v>
      </c>
      <c r="D104" s="18">
        <v>121</v>
      </c>
    </row>
    <row r="105" spans="1:4" ht="18" customHeight="1" x14ac:dyDescent="0.15">
      <c r="A105" s="5">
        <v>82</v>
      </c>
      <c r="B105" s="22">
        <v>47</v>
      </c>
      <c r="C105" s="14">
        <v>77</v>
      </c>
      <c r="D105" s="18">
        <v>124</v>
      </c>
    </row>
    <row r="106" spans="1:4" ht="18" customHeight="1" x14ac:dyDescent="0.15">
      <c r="A106" s="5">
        <v>83</v>
      </c>
      <c r="B106" s="22">
        <v>42</v>
      </c>
      <c r="C106" s="14">
        <v>66</v>
      </c>
      <c r="D106" s="18">
        <v>108</v>
      </c>
    </row>
    <row r="107" spans="1:4" ht="18" customHeight="1" x14ac:dyDescent="0.15">
      <c r="A107" s="5">
        <v>84</v>
      </c>
      <c r="B107" s="22">
        <v>44</v>
      </c>
      <c r="C107" s="14">
        <v>75</v>
      </c>
      <c r="D107" s="18">
        <v>119</v>
      </c>
    </row>
    <row r="108" spans="1:4" ht="18" customHeight="1" x14ac:dyDescent="0.15">
      <c r="A108" s="5" t="s">
        <v>35</v>
      </c>
      <c r="B108" s="22">
        <v>216</v>
      </c>
      <c r="C108" s="14">
        <v>344</v>
      </c>
      <c r="D108" s="18">
        <v>560</v>
      </c>
    </row>
    <row r="109" spans="1:4" ht="18" customHeight="1" x14ac:dyDescent="0.15">
      <c r="A109" s="5">
        <v>85</v>
      </c>
      <c r="B109" s="22">
        <v>43</v>
      </c>
      <c r="C109" s="14">
        <v>57</v>
      </c>
      <c r="D109" s="18">
        <v>100</v>
      </c>
    </row>
    <row r="110" spans="1:4" ht="18" customHeight="1" x14ac:dyDescent="0.15">
      <c r="A110" s="5">
        <v>86</v>
      </c>
      <c r="B110" s="22">
        <v>20</v>
      </c>
      <c r="C110" s="14">
        <v>55</v>
      </c>
      <c r="D110" s="18">
        <v>75</v>
      </c>
    </row>
    <row r="111" spans="1:4" ht="18" customHeight="1" x14ac:dyDescent="0.15">
      <c r="A111" s="5">
        <v>87</v>
      </c>
      <c r="B111" s="22">
        <v>23</v>
      </c>
      <c r="C111" s="14">
        <v>42</v>
      </c>
      <c r="D111" s="18">
        <v>65</v>
      </c>
    </row>
    <row r="112" spans="1:4" ht="18" customHeight="1" x14ac:dyDescent="0.15">
      <c r="A112" s="5">
        <v>88</v>
      </c>
      <c r="B112" s="22">
        <v>26</v>
      </c>
      <c r="C112" s="14">
        <v>36</v>
      </c>
      <c r="D112" s="18">
        <v>62</v>
      </c>
    </row>
    <row r="113" spans="1:4" ht="18" customHeight="1" x14ac:dyDescent="0.15">
      <c r="A113" s="5">
        <v>89</v>
      </c>
      <c r="B113" s="22">
        <v>24</v>
      </c>
      <c r="C113" s="14">
        <v>38</v>
      </c>
      <c r="D113" s="18">
        <v>62</v>
      </c>
    </row>
    <row r="114" spans="1:4" ht="18" customHeight="1" x14ac:dyDescent="0.15">
      <c r="A114" s="5" t="s">
        <v>37</v>
      </c>
      <c r="B114" s="22">
        <v>136</v>
      </c>
      <c r="C114" s="14">
        <v>228</v>
      </c>
      <c r="D114" s="18">
        <v>364</v>
      </c>
    </row>
    <row r="115" spans="1:4" ht="18" customHeight="1" x14ac:dyDescent="0.15">
      <c r="A115" s="5">
        <v>90</v>
      </c>
      <c r="B115" s="22">
        <v>26</v>
      </c>
      <c r="C115" s="14">
        <v>44</v>
      </c>
      <c r="D115" s="18">
        <v>70</v>
      </c>
    </row>
    <row r="116" spans="1:4" ht="18" customHeight="1" x14ac:dyDescent="0.15">
      <c r="A116" s="5">
        <v>91</v>
      </c>
      <c r="B116" s="22">
        <v>15</v>
      </c>
      <c r="C116" s="14">
        <v>36</v>
      </c>
      <c r="D116" s="18">
        <v>51</v>
      </c>
    </row>
    <row r="117" spans="1:4" ht="18" customHeight="1" x14ac:dyDescent="0.15">
      <c r="A117" s="5">
        <v>92</v>
      </c>
      <c r="B117" s="22">
        <v>9</v>
      </c>
      <c r="C117" s="14">
        <v>33</v>
      </c>
      <c r="D117" s="18">
        <v>42</v>
      </c>
    </row>
    <row r="118" spans="1:4" ht="18" customHeight="1" x14ac:dyDescent="0.15">
      <c r="A118" s="5">
        <v>93</v>
      </c>
      <c r="B118" s="22">
        <v>8</v>
      </c>
      <c r="C118" s="14">
        <v>31</v>
      </c>
      <c r="D118" s="18">
        <v>39</v>
      </c>
    </row>
    <row r="119" spans="1:4" ht="18" customHeight="1" x14ac:dyDescent="0.15">
      <c r="A119" s="5">
        <v>94</v>
      </c>
      <c r="B119" s="22">
        <v>3</v>
      </c>
      <c r="C119" s="14">
        <v>25</v>
      </c>
      <c r="D119" s="18">
        <v>28</v>
      </c>
    </row>
    <row r="120" spans="1:4" ht="18" customHeight="1" x14ac:dyDescent="0.15">
      <c r="A120" s="5" t="s">
        <v>39</v>
      </c>
      <c r="B120" s="22">
        <v>61</v>
      </c>
      <c r="C120" s="14">
        <v>169</v>
      </c>
      <c r="D120" s="18">
        <v>230</v>
      </c>
    </row>
    <row r="121" spans="1:4" ht="18" customHeight="1" x14ac:dyDescent="0.15">
      <c r="A121" s="5">
        <v>95</v>
      </c>
      <c r="B121" s="22">
        <v>4</v>
      </c>
      <c r="C121" s="14">
        <v>12</v>
      </c>
      <c r="D121" s="18">
        <v>16</v>
      </c>
    </row>
    <row r="122" spans="1:4" ht="18" customHeight="1" x14ac:dyDescent="0.15">
      <c r="A122" s="5">
        <v>96</v>
      </c>
      <c r="B122" s="22">
        <v>1</v>
      </c>
      <c r="C122" s="14">
        <v>9</v>
      </c>
      <c r="D122" s="18">
        <v>10</v>
      </c>
    </row>
    <row r="123" spans="1:4" ht="18" customHeight="1" x14ac:dyDescent="0.15">
      <c r="A123" s="5">
        <v>97</v>
      </c>
      <c r="B123" s="22">
        <v>0</v>
      </c>
      <c r="C123" s="14">
        <v>11</v>
      </c>
      <c r="D123" s="18">
        <v>11</v>
      </c>
    </row>
    <row r="124" spans="1:4" ht="18" customHeight="1" x14ac:dyDescent="0.15">
      <c r="A124" s="5">
        <v>98</v>
      </c>
      <c r="B124" s="22">
        <v>1</v>
      </c>
      <c r="C124" s="14">
        <v>6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8</v>
      </c>
      <c r="D125" s="18">
        <v>8</v>
      </c>
    </row>
    <row r="126" spans="1:4" ht="18" customHeight="1" x14ac:dyDescent="0.15">
      <c r="A126" s="5" t="s">
        <v>40</v>
      </c>
      <c r="B126" s="22">
        <v>6</v>
      </c>
      <c r="C126" s="14">
        <v>46</v>
      </c>
      <c r="D126" s="18">
        <v>52</v>
      </c>
    </row>
    <row r="127" spans="1:4" ht="18" customHeight="1" x14ac:dyDescent="0.15">
      <c r="A127" s="5">
        <v>100</v>
      </c>
      <c r="B127" s="22">
        <v>1</v>
      </c>
      <c r="C127" s="14">
        <v>6</v>
      </c>
      <c r="D127" s="18">
        <v>7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10</v>
      </c>
      <c r="D129" s="18">
        <v>12</v>
      </c>
    </row>
    <row r="130" spans="1:4" ht="18" customHeight="1" x14ac:dyDescent="0.15">
      <c r="A130" s="5" t="s">
        <v>46</v>
      </c>
      <c r="B130" s="22">
        <v>1321</v>
      </c>
      <c r="C130" s="14">
        <v>1904</v>
      </c>
      <c r="D130" s="18">
        <v>3225</v>
      </c>
    </row>
    <row r="131" spans="1:4" ht="18" customHeight="1" x14ac:dyDescent="0.15">
      <c r="A131" s="7" t="s">
        <v>45</v>
      </c>
      <c r="B131" s="23">
        <v>6085</v>
      </c>
      <c r="C131" s="15">
        <v>6466</v>
      </c>
      <c r="D131" s="19">
        <v>1255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65</v>
      </c>
      <c r="C5" s="13">
        <v>66</v>
      </c>
      <c r="D5" s="17">
        <v>131</v>
      </c>
    </row>
    <row r="6" spans="1:4" ht="18" customHeight="1" x14ac:dyDescent="0.15">
      <c r="A6" s="5">
        <v>1</v>
      </c>
      <c r="B6" s="22">
        <v>64</v>
      </c>
      <c r="C6" s="14">
        <v>74</v>
      </c>
      <c r="D6" s="18">
        <v>138</v>
      </c>
    </row>
    <row r="7" spans="1:4" ht="18" customHeight="1" x14ac:dyDescent="0.15">
      <c r="A7" s="5">
        <v>2</v>
      </c>
      <c r="B7" s="22">
        <v>81</v>
      </c>
      <c r="C7" s="14">
        <v>77</v>
      </c>
      <c r="D7" s="18">
        <v>158</v>
      </c>
    </row>
    <row r="8" spans="1:4" ht="18" customHeight="1" x14ac:dyDescent="0.15">
      <c r="A8" s="5">
        <v>3</v>
      </c>
      <c r="B8" s="22">
        <v>89</v>
      </c>
      <c r="C8" s="14">
        <v>85</v>
      </c>
      <c r="D8" s="18">
        <v>174</v>
      </c>
    </row>
    <row r="9" spans="1:4" ht="18" customHeight="1" x14ac:dyDescent="0.15">
      <c r="A9" s="5">
        <v>4</v>
      </c>
      <c r="B9" s="22">
        <v>83</v>
      </c>
      <c r="C9" s="14">
        <v>78</v>
      </c>
      <c r="D9" s="18">
        <v>161</v>
      </c>
    </row>
    <row r="10" spans="1:4" ht="18" customHeight="1" x14ac:dyDescent="0.15">
      <c r="A10" s="5" t="s">
        <v>7</v>
      </c>
      <c r="B10" s="22">
        <v>382</v>
      </c>
      <c r="C10" s="14">
        <v>380</v>
      </c>
      <c r="D10" s="18">
        <v>762</v>
      </c>
    </row>
    <row r="11" spans="1:4" ht="18" customHeight="1" x14ac:dyDescent="0.15">
      <c r="A11" s="5">
        <v>5</v>
      </c>
      <c r="B11" s="22">
        <v>76</v>
      </c>
      <c r="C11" s="14">
        <v>94</v>
      </c>
      <c r="D11" s="18">
        <v>170</v>
      </c>
    </row>
    <row r="12" spans="1:4" ht="18" customHeight="1" x14ac:dyDescent="0.15">
      <c r="A12" s="5">
        <v>6</v>
      </c>
      <c r="B12" s="22">
        <v>83</v>
      </c>
      <c r="C12" s="14">
        <v>88</v>
      </c>
      <c r="D12" s="18">
        <v>171</v>
      </c>
    </row>
    <row r="13" spans="1:4" ht="18" customHeight="1" x14ac:dyDescent="0.15">
      <c r="A13" s="5">
        <v>7</v>
      </c>
      <c r="B13" s="22">
        <v>81</v>
      </c>
      <c r="C13" s="14">
        <v>69</v>
      </c>
      <c r="D13" s="18">
        <v>150</v>
      </c>
    </row>
    <row r="14" spans="1:4" ht="18" customHeight="1" x14ac:dyDescent="0.15">
      <c r="A14" s="5">
        <v>8</v>
      </c>
      <c r="B14" s="22">
        <v>103</v>
      </c>
      <c r="C14" s="14">
        <v>82</v>
      </c>
      <c r="D14" s="18">
        <v>185</v>
      </c>
    </row>
    <row r="15" spans="1:4" ht="18" customHeight="1" x14ac:dyDescent="0.15">
      <c r="A15" s="5">
        <v>9</v>
      </c>
      <c r="B15" s="22">
        <v>92</v>
      </c>
      <c r="C15" s="14">
        <v>79</v>
      </c>
      <c r="D15" s="18">
        <v>171</v>
      </c>
    </row>
    <row r="16" spans="1:4" ht="18" customHeight="1" x14ac:dyDescent="0.15">
      <c r="A16" s="5" t="s">
        <v>11</v>
      </c>
      <c r="B16" s="22">
        <v>435</v>
      </c>
      <c r="C16" s="14">
        <v>412</v>
      </c>
      <c r="D16" s="18">
        <v>847</v>
      </c>
    </row>
    <row r="17" spans="1:4" ht="18" customHeight="1" x14ac:dyDescent="0.15">
      <c r="A17" s="5">
        <v>10</v>
      </c>
      <c r="B17" s="22">
        <v>106</v>
      </c>
      <c r="C17" s="14">
        <v>81</v>
      </c>
      <c r="D17" s="18">
        <v>187</v>
      </c>
    </row>
    <row r="18" spans="1:4" ht="18" customHeight="1" x14ac:dyDescent="0.15">
      <c r="A18" s="5">
        <v>11</v>
      </c>
      <c r="B18" s="22">
        <v>88</v>
      </c>
      <c r="C18" s="14">
        <v>84</v>
      </c>
      <c r="D18" s="18">
        <v>172</v>
      </c>
    </row>
    <row r="19" spans="1:4" ht="18" customHeight="1" x14ac:dyDescent="0.15">
      <c r="A19" s="5">
        <v>12</v>
      </c>
      <c r="B19" s="22">
        <v>95</v>
      </c>
      <c r="C19" s="14">
        <v>98</v>
      </c>
      <c r="D19" s="18">
        <v>193</v>
      </c>
    </row>
    <row r="20" spans="1:4" ht="18" customHeight="1" x14ac:dyDescent="0.15">
      <c r="A20" s="5">
        <v>13</v>
      </c>
      <c r="B20" s="22">
        <v>84</v>
      </c>
      <c r="C20" s="14">
        <v>81</v>
      </c>
      <c r="D20" s="18">
        <v>165</v>
      </c>
    </row>
    <row r="21" spans="1:4" ht="18" customHeight="1" x14ac:dyDescent="0.15">
      <c r="A21" s="5">
        <v>14</v>
      </c>
      <c r="B21" s="22">
        <v>96</v>
      </c>
      <c r="C21" s="14">
        <v>92</v>
      </c>
      <c r="D21" s="18">
        <v>188</v>
      </c>
    </row>
    <row r="22" spans="1:4" ht="18" customHeight="1" x14ac:dyDescent="0.15">
      <c r="A22" s="5" t="s">
        <v>12</v>
      </c>
      <c r="B22" s="22">
        <v>469</v>
      </c>
      <c r="C22" s="14">
        <v>436</v>
      </c>
      <c r="D22" s="18">
        <v>905</v>
      </c>
    </row>
    <row r="23" spans="1:4" ht="18" customHeight="1" x14ac:dyDescent="0.15">
      <c r="A23" s="5" t="s">
        <v>6</v>
      </c>
      <c r="B23" s="22">
        <v>1286</v>
      </c>
      <c r="C23" s="14">
        <v>1228</v>
      </c>
      <c r="D23" s="18">
        <v>2514</v>
      </c>
    </row>
    <row r="24" spans="1:4" ht="18" customHeight="1" x14ac:dyDescent="0.15">
      <c r="A24" s="5">
        <v>15</v>
      </c>
      <c r="B24" s="22">
        <v>88</v>
      </c>
      <c r="C24" s="14">
        <v>80</v>
      </c>
      <c r="D24" s="18">
        <v>168</v>
      </c>
    </row>
    <row r="25" spans="1:4" ht="18" customHeight="1" x14ac:dyDescent="0.15">
      <c r="A25" s="5">
        <v>16</v>
      </c>
      <c r="B25" s="22">
        <v>90</v>
      </c>
      <c r="C25" s="14">
        <v>85</v>
      </c>
      <c r="D25" s="18">
        <v>175</v>
      </c>
    </row>
    <row r="26" spans="1:4" ht="18" customHeight="1" x14ac:dyDescent="0.15">
      <c r="A26" s="5">
        <v>17</v>
      </c>
      <c r="B26" s="22">
        <v>97</v>
      </c>
      <c r="C26" s="14">
        <v>94</v>
      </c>
      <c r="D26" s="18">
        <v>191</v>
      </c>
    </row>
    <row r="27" spans="1:4" ht="18" customHeight="1" x14ac:dyDescent="0.15">
      <c r="A27" s="5">
        <v>18</v>
      </c>
      <c r="B27" s="22">
        <v>76</v>
      </c>
      <c r="C27" s="14">
        <v>93</v>
      </c>
      <c r="D27" s="18">
        <v>169</v>
      </c>
    </row>
    <row r="28" spans="1:4" ht="18" customHeight="1" x14ac:dyDescent="0.15">
      <c r="A28" s="5">
        <v>19</v>
      </c>
      <c r="B28" s="22">
        <v>71</v>
      </c>
      <c r="C28" s="14">
        <v>87</v>
      </c>
      <c r="D28" s="18">
        <v>158</v>
      </c>
    </row>
    <row r="29" spans="1:4" ht="18" customHeight="1" x14ac:dyDescent="0.15">
      <c r="A29" s="5" t="s">
        <v>14</v>
      </c>
      <c r="B29" s="22">
        <v>422</v>
      </c>
      <c r="C29" s="14">
        <v>439</v>
      </c>
      <c r="D29" s="18">
        <v>861</v>
      </c>
    </row>
    <row r="30" spans="1:4" ht="18" customHeight="1" x14ac:dyDescent="0.15">
      <c r="A30" s="5">
        <v>20</v>
      </c>
      <c r="B30" s="22">
        <v>87</v>
      </c>
      <c r="C30" s="14">
        <v>65</v>
      </c>
      <c r="D30" s="18">
        <v>152</v>
      </c>
    </row>
    <row r="31" spans="1:4" ht="18" customHeight="1" x14ac:dyDescent="0.15">
      <c r="A31" s="5">
        <v>21</v>
      </c>
      <c r="B31" s="22">
        <v>73</v>
      </c>
      <c r="C31" s="14">
        <v>62</v>
      </c>
      <c r="D31" s="18">
        <v>135</v>
      </c>
    </row>
    <row r="32" spans="1:4" ht="18" customHeight="1" x14ac:dyDescent="0.15">
      <c r="A32" s="5">
        <v>22</v>
      </c>
      <c r="B32" s="22">
        <v>73</v>
      </c>
      <c r="C32" s="14">
        <v>80</v>
      </c>
      <c r="D32" s="18">
        <v>153</v>
      </c>
    </row>
    <row r="33" spans="1:4" ht="18" customHeight="1" x14ac:dyDescent="0.15">
      <c r="A33" s="5">
        <v>23</v>
      </c>
      <c r="B33" s="22">
        <v>85</v>
      </c>
      <c r="C33" s="14">
        <v>60</v>
      </c>
      <c r="D33" s="18">
        <v>145</v>
      </c>
    </row>
    <row r="34" spans="1:4" ht="18" customHeight="1" x14ac:dyDescent="0.15">
      <c r="A34" s="5">
        <v>24</v>
      </c>
      <c r="B34" s="22">
        <v>70</v>
      </c>
      <c r="C34" s="14">
        <v>74</v>
      </c>
      <c r="D34" s="18">
        <v>144</v>
      </c>
    </row>
    <row r="35" spans="1:4" ht="18" customHeight="1" x14ac:dyDescent="0.15">
      <c r="A35" s="5" t="s">
        <v>9</v>
      </c>
      <c r="B35" s="22">
        <v>388</v>
      </c>
      <c r="C35" s="14">
        <v>341</v>
      </c>
      <c r="D35" s="18">
        <v>729</v>
      </c>
    </row>
    <row r="36" spans="1:4" ht="18" customHeight="1" x14ac:dyDescent="0.15">
      <c r="A36" s="5">
        <v>25</v>
      </c>
      <c r="B36" s="22">
        <v>84</v>
      </c>
      <c r="C36" s="14">
        <v>64</v>
      </c>
      <c r="D36" s="18">
        <v>148</v>
      </c>
    </row>
    <row r="37" spans="1:4" ht="18" customHeight="1" x14ac:dyDescent="0.15">
      <c r="A37" s="5">
        <v>26</v>
      </c>
      <c r="B37" s="22">
        <v>81</v>
      </c>
      <c r="C37" s="14">
        <v>75</v>
      </c>
      <c r="D37" s="18">
        <v>156</v>
      </c>
    </row>
    <row r="38" spans="1:4" ht="18" customHeight="1" x14ac:dyDescent="0.15">
      <c r="A38" s="5">
        <v>27</v>
      </c>
      <c r="B38" s="22">
        <v>71</v>
      </c>
      <c r="C38" s="14">
        <v>83</v>
      </c>
      <c r="D38" s="18">
        <v>154</v>
      </c>
    </row>
    <row r="39" spans="1:4" ht="18" customHeight="1" x14ac:dyDescent="0.15">
      <c r="A39" s="5">
        <v>28</v>
      </c>
      <c r="B39" s="22">
        <v>85</v>
      </c>
      <c r="C39" s="14">
        <v>111</v>
      </c>
      <c r="D39" s="18">
        <v>196</v>
      </c>
    </row>
    <row r="40" spans="1:4" ht="18" customHeight="1" x14ac:dyDescent="0.15">
      <c r="A40" s="5">
        <v>29</v>
      </c>
      <c r="B40" s="22">
        <v>83</v>
      </c>
      <c r="C40" s="14">
        <v>98</v>
      </c>
      <c r="D40" s="18">
        <v>181</v>
      </c>
    </row>
    <row r="41" spans="1:4" ht="18" customHeight="1" x14ac:dyDescent="0.15">
      <c r="A41" s="5" t="s">
        <v>2</v>
      </c>
      <c r="B41" s="22">
        <v>404</v>
      </c>
      <c r="C41" s="14">
        <v>431</v>
      </c>
      <c r="D41" s="18">
        <v>835</v>
      </c>
    </row>
    <row r="42" spans="1:4" ht="18" customHeight="1" x14ac:dyDescent="0.15">
      <c r="A42" s="5">
        <v>30</v>
      </c>
      <c r="B42" s="22">
        <v>81</v>
      </c>
      <c r="C42" s="14">
        <v>77</v>
      </c>
      <c r="D42" s="18">
        <v>158</v>
      </c>
    </row>
    <row r="43" spans="1:4" ht="18" customHeight="1" x14ac:dyDescent="0.15">
      <c r="A43" s="5">
        <v>31</v>
      </c>
      <c r="B43" s="22">
        <v>104</v>
      </c>
      <c r="C43" s="14">
        <v>95</v>
      </c>
      <c r="D43" s="18">
        <v>199</v>
      </c>
    </row>
    <row r="44" spans="1:4" ht="18" customHeight="1" x14ac:dyDescent="0.15">
      <c r="A44" s="5">
        <v>32</v>
      </c>
      <c r="B44" s="22">
        <v>84</v>
      </c>
      <c r="C44" s="14">
        <v>101</v>
      </c>
      <c r="D44" s="18">
        <v>185</v>
      </c>
    </row>
    <row r="45" spans="1:4" ht="18" customHeight="1" x14ac:dyDescent="0.15">
      <c r="A45" s="5">
        <v>33</v>
      </c>
      <c r="B45" s="22">
        <v>74</v>
      </c>
      <c r="C45" s="14">
        <v>99</v>
      </c>
      <c r="D45" s="18">
        <v>173</v>
      </c>
    </row>
    <row r="46" spans="1:4" ht="18" customHeight="1" x14ac:dyDescent="0.15">
      <c r="A46" s="5">
        <v>34</v>
      </c>
      <c r="B46" s="22">
        <v>92</v>
      </c>
      <c r="C46" s="14">
        <v>102</v>
      </c>
      <c r="D46" s="18">
        <v>194</v>
      </c>
    </row>
    <row r="47" spans="1:4" ht="18" customHeight="1" x14ac:dyDescent="0.15">
      <c r="A47" s="5" t="s">
        <v>15</v>
      </c>
      <c r="B47" s="22">
        <v>435</v>
      </c>
      <c r="C47" s="14">
        <v>474</v>
      </c>
      <c r="D47" s="18">
        <v>909</v>
      </c>
    </row>
    <row r="48" spans="1:4" ht="18" customHeight="1" x14ac:dyDescent="0.15">
      <c r="A48" s="5">
        <v>35</v>
      </c>
      <c r="B48" s="22">
        <v>103</v>
      </c>
      <c r="C48" s="14">
        <v>105</v>
      </c>
      <c r="D48" s="18">
        <v>208</v>
      </c>
    </row>
    <row r="49" spans="1:4" ht="18" customHeight="1" x14ac:dyDescent="0.15">
      <c r="A49" s="5">
        <v>36</v>
      </c>
      <c r="B49" s="22">
        <v>95</v>
      </c>
      <c r="C49" s="14">
        <v>99</v>
      </c>
      <c r="D49" s="18">
        <v>194</v>
      </c>
    </row>
    <row r="50" spans="1:4" ht="18" customHeight="1" x14ac:dyDescent="0.15">
      <c r="A50" s="5">
        <v>37</v>
      </c>
      <c r="B50" s="22">
        <v>107</v>
      </c>
      <c r="C50" s="14">
        <v>98</v>
      </c>
      <c r="D50" s="18">
        <v>205</v>
      </c>
    </row>
    <row r="51" spans="1:4" ht="18" customHeight="1" x14ac:dyDescent="0.15">
      <c r="A51" s="5">
        <v>38</v>
      </c>
      <c r="B51" s="22">
        <v>94</v>
      </c>
      <c r="C51" s="14">
        <v>88</v>
      </c>
      <c r="D51" s="18">
        <v>182</v>
      </c>
    </row>
    <row r="52" spans="1:4" ht="18" customHeight="1" x14ac:dyDescent="0.15">
      <c r="A52" s="5">
        <v>39</v>
      </c>
      <c r="B52" s="22">
        <v>108</v>
      </c>
      <c r="C52" s="14">
        <v>109</v>
      </c>
      <c r="D52" s="18">
        <v>217</v>
      </c>
    </row>
    <row r="53" spans="1:4" ht="18" customHeight="1" x14ac:dyDescent="0.15">
      <c r="A53" s="5" t="s">
        <v>18</v>
      </c>
      <c r="B53" s="22">
        <v>507</v>
      </c>
      <c r="C53" s="14">
        <v>499</v>
      </c>
      <c r="D53" s="18">
        <v>1006</v>
      </c>
    </row>
    <row r="54" spans="1:4" ht="18" customHeight="1" x14ac:dyDescent="0.15">
      <c r="A54" s="5">
        <v>40</v>
      </c>
      <c r="B54" s="22">
        <v>125</v>
      </c>
      <c r="C54" s="14">
        <v>127</v>
      </c>
      <c r="D54" s="18">
        <v>252</v>
      </c>
    </row>
    <row r="55" spans="1:4" ht="18" customHeight="1" x14ac:dyDescent="0.15">
      <c r="A55" s="5">
        <v>41</v>
      </c>
      <c r="B55" s="22">
        <v>138</v>
      </c>
      <c r="C55" s="14">
        <v>108</v>
      </c>
      <c r="D55" s="18">
        <v>246</v>
      </c>
    </row>
    <row r="56" spans="1:4" ht="18" customHeight="1" x14ac:dyDescent="0.15">
      <c r="A56" s="5">
        <v>42</v>
      </c>
      <c r="B56" s="22">
        <v>134</v>
      </c>
      <c r="C56" s="14">
        <v>107</v>
      </c>
      <c r="D56" s="18">
        <v>241</v>
      </c>
    </row>
    <row r="57" spans="1:4" ht="18" customHeight="1" x14ac:dyDescent="0.15">
      <c r="A57" s="5">
        <v>43</v>
      </c>
      <c r="B57" s="22">
        <v>143</v>
      </c>
      <c r="C57" s="14">
        <v>118</v>
      </c>
      <c r="D57" s="18">
        <v>261</v>
      </c>
    </row>
    <row r="58" spans="1:4" ht="18" customHeight="1" x14ac:dyDescent="0.15">
      <c r="A58" s="5">
        <v>44</v>
      </c>
      <c r="B58" s="22">
        <v>127</v>
      </c>
      <c r="C58" s="14">
        <v>131</v>
      </c>
      <c r="D58" s="18">
        <v>258</v>
      </c>
    </row>
    <row r="59" spans="1:4" ht="18" customHeight="1" x14ac:dyDescent="0.15">
      <c r="A59" s="5" t="s">
        <v>21</v>
      </c>
      <c r="B59" s="22">
        <v>667</v>
      </c>
      <c r="C59" s="14">
        <v>591</v>
      </c>
      <c r="D59" s="18">
        <v>1258</v>
      </c>
    </row>
    <row r="60" spans="1:4" ht="18" customHeight="1" x14ac:dyDescent="0.15">
      <c r="A60" s="5">
        <v>45</v>
      </c>
      <c r="B60" s="22">
        <v>136</v>
      </c>
      <c r="C60" s="14">
        <v>121</v>
      </c>
      <c r="D60" s="18">
        <v>257</v>
      </c>
    </row>
    <row r="61" spans="1:4" ht="18" customHeight="1" x14ac:dyDescent="0.15">
      <c r="A61" s="5">
        <v>46</v>
      </c>
      <c r="B61" s="22">
        <v>134</v>
      </c>
      <c r="C61" s="14">
        <v>124</v>
      </c>
      <c r="D61" s="18">
        <v>258</v>
      </c>
    </row>
    <row r="62" spans="1:4" ht="18" customHeight="1" x14ac:dyDescent="0.15">
      <c r="A62" s="5">
        <v>47</v>
      </c>
      <c r="B62" s="22">
        <v>125</v>
      </c>
      <c r="C62" s="14">
        <v>118</v>
      </c>
      <c r="D62" s="18">
        <v>243</v>
      </c>
    </row>
    <row r="63" spans="1:4" ht="18" customHeight="1" x14ac:dyDescent="0.15">
      <c r="A63" s="5">
        <v>48</v>
      </c>
      <c r="B63" s="22">
        <v>131</v>
      </c>
      <c r="C63" s="14">
        <v>126</v>
      </c>
      <c r="D63" s="18">
        <v>257</v>
      </c>
    </row>
    <row r="64" spans="1:4" ht="18" customHeight="1" x14ac:dyDescent="0.15">
      <c r="A64" s="5">
        <v>49</v>
      </c>
      <c r="B64" s="22">
        <v>138</v>
      </c>
      <c r="C64" s="14">
        <v>127</v>
      </c>
      <c r="D64" s="18">
        <v>265</v>
      </c>
    </row>
    <row r="65" spans="1:4" ht="18" customHeight="1" x14ac:dyDescent="0.15">
      <c r="A65" s="5" t="s">
        <v>17</v>
      </c>
      <c r="B65" s="22">
        <v>664</v>
      </c>
      <c r="C65" s="14">
        <v>616</v>
      </c>
      <c r="D65" s="18">
        <v>1280</v>
      </c>
    </row>
    <row r="66" spans="1:4" ht="18" customHeight="1" x14ac:dyDescent="0.15">
      <c r="A66" s="5">
        <v>50</v>
      </c>
      <c r="B66" s="22">
        <v>149</v>
      </c>
      <c r="C66" s="14">
        <v>125</v>
      </c>
      <c r="D66" s="18">
        <v>274</v>
      </c>
    </row>
    <row r="67" spans="1:4" ht="18" customHeight="1" x14ac:dyDescent="0.15">
      <c r="A67" s="5">
        <v>51</v>
      </c>
      <c r="B67" s="22">
        <v>159</v>
      </c>
      <c r="C67" s="14">
        <v>167</v>
      </c>
      <c r="D67" s="18">
        <v>326</v>
      </c>
    </row>
    <row r="68" spans="1:4" ht="18" customHeight="1" x14ac:dyDescent="0.15">
      <c r="A68" s="5">
        <v>52</v>
      </c>
      <c r="B68" s="22">
        <v>143</v>
      </c>
      <c r="C68" s="14">
        <v>150</v>
      </c>
      <c r="D68" s="18">
        <v>293</v>
      </c>
    </row>
    <row r="69" spans="1:4" ht="18" customHeight="1" x14ac:dyDescent="0.15">
      <c r="A69" s="5">
        <v>53</v>
      </c>
      <c r="B69" s="22">
        <v>137</v>
      </c>
      <c r="C69" s="14">
        <v>141</v>
      </c>
      <c r="D69" s="18">
        <v>278</v>
      </c>
    </row>
    <row r="70" spans="1:4" ht="18" customHeight="1" x14ac:dyDescent="0.15">
      <c r="A70" s="5">
        <v>54</v>
      </c>
      <c r="B70" s="22">
        <v>143</v>
      </c>
      <c r="C70" s="14">
        <v>120</v>
      </c>
      <c r="D70" s="18">
        <v>263</v>
      </c>
    </row>
    <row r="71" spans="1:4" ht="18" customHeight="1" x14ac:dyDescent="0.15">
      <c r="A71" s="5" t="s">
        <v>22</v>
      </c>
      <c r="B71" s="22">
        <v>731</v>
      </c>
      <c r="C71" s="14">
        <v>703</v>
      </c>
      <c r="D71" s="18">
        <v>1434</v>
      </c>
    </row>
    <row r="72" spans="1:4" ht="18" customHeight="1" x14ac:dyDescent="0.15">
      <c r="A72" s="5">
        <v>55</v>
      </c>
      <c r="B72" s="22">
        <v>105</v>
      </c>
      <c r="C72" s="14">
        <v>112</v>
      </c>
      <c r="D72" s="18">
        <v>217</v>
      </c>
    </row>
    <row r="73" spans="1:4" ht="18" customHeight="1" x14ac:dyDescent="0.15">
      <c r="A73" s="5">
        <v>56</v>
      </c>
      <c r="B73" s="22">
        <v>88</v>
      </c>
      <c r="C73" s="14">
        <v>97</v>
      </c>
      <c r="D73" s="18">
        <v>185</v>
      </c>
    </row>
    <row r="74" spans="1:4" ht="18" customHeight="1" x14ac:dyDescent="0.15">
      <c r="A74" s="5">
        <v>57</v>
      </c>
      <c r="B74" s="22">
        <v>101</v>
      </c>
      <c r="C74" s="14">
        <v>100</v>
      </c>
      <c r="D74" s="18">
        <v>201</v>
      </c>
    </row>
    <row r="75" spans="1:4" ht="18" customHeight="1" x14ac:dyDescent="0.15">
      <c r="A75" s="5">
        <v>58</v>
      </c>
      <c r="B75" s="22">
        <v>105</v>
      </c>
      <c r="C75" s="14">
        <v>93</v>
      </c>
      <c r="D75" s="18">
        <v>198</v>
      </c>
    </row>
    <row r="76" spans="1:4" ht="18" customHeight="1" x14ac:dyDescent="0.15">
      <c r="A76" s="5">
        <v>59</v>
      </c>
      <c r="B76" s="22">
        <v>69</v>
      </c>
      <c r="C76" s="14">
        <v>78</v>
      </c>
      <c r="D76" s="18">
        <v>147</v>
      </c>
    </row>
    <row r="77" spans="1:4" ht="18" customHeight="1" x14ac:dyDescent="0.15">
      <c r="A77" s="5" t="s">
        <v>27</v>
      </c>
      <c r="B77" s="22">
        <v>468</v>
      </c>
      <c r="C77" s="14">
        <v>480</v>
      </c>
      <c r="D77" s="18">
        <v>948</v>
      </c>
    </row>
    <row r="78" spans="1:4" ht="18" customHeight="1" x14ac:dyDescent="0.15">
      <c r="A78" s="5">
        <v>60</v>
      </c>
      <c r="B78" s="22">
        <v>84</v>
      </c>
      <c r="C78" s="14">
        <v>79</v>
      </c>
      <c r="D78" s="18">
        <v>163</v>
      </c>
    </row>
    <row r="79" spans="1:4" ht="18" customHeight="1" x14ac:dyDescent="0.15">
      <c r="A79" s="5">
        <v>61</v>
      </c>
      <c r="B79" s="22">
        <v>87</v>
      </c>
      <c r="C79" s="14">
        <v>100</v>
      </c>
      <c r="D79" s="18">
        <v>187</v>
      </c>
    </row>
    <row r="80" spans="1:4" ht="18" customHeight="1" x14ac:dyDescent="0.15">
      <c r="A80" s="5">
        <v>62</v>
      </c>
      <c r="B80" s="22">
        <v>76</v>
      </c>
      <c r="C80" s="14">
        <v>75</v>
      </c>
      <c r="D80" s="18">
        <v>151</v>
      </c>
    </row>
    <row r="81" spans="1:4" ht="18" customHeight="1" x14ac:dyDescent="0.15">
      <c r="A81" s="5">
        <v>63</v>
      </c>
      <c r="B81" s="22">
        <v>73</v>
      </c>
      <c r="C81" s="14">
        <v>79</v>
      </c>
      <c r="D81" s="18">
        <v>152</v>
      </c>
    </row>
    <row r="82" spans="1:4" ht="18" customHeight="1" x14ac:dyDescent="0.15">
      <c r="A82" s="5">
        <v>64</v>
      </c>
      <c r="B82" s="22">
        <v>71</v>
      </c>
      <c r="C82" s="14">
        <v>61</v>
      </c>
      <c r="D82" s="18">
        <v>132</v>
      </c>
    </row>
    <row r="83" spans="1:4" ht="18" customHeight="1" x14ac:dyDescent="0.15">
      <c r="A83" s="5" t="s">
        <v>28</v>
      </c>
      <c r="B83" s="22">
        <v>391</v>
      </c>
      <c r="C83" s="14">
        <v>394</v>
      </c>
      <c r="D83" s="18">
        <v>785</v>
      </c>
    </row>
    <row r="84" spans="1:4" ht="18" customHeight="1" x14ac:dyDescent="0.15">
      <c r="A84" s="5" t="s">
        <v>31</v>
      </c>
      <c r="B84" s="22">
        <v>5077</v>
      </c>
      <c r="C84" s="14">
        <v>4968</v>
      </c>
      <c r="D84" s="18">
        <v>10045</v>
      </c>
    </row>
    <row r="85" spans="1:4" ht="18" customHeight="1" x14ac:dyDescent="0.15">
      <c r="A85" s="5">
        <v>65</v>
      </c>
      <c r="B85" s="22">
        <v>64</v>
      </c>
      <c r="C85" s="14">
        <v>87</v>
      </c>
      <c r="D85" s="18">
        <v>151</v>
      </c>
    </row>
    <row r="86" spans="1:4" ht="18" customHeight="1" x14ac:dyDescent="0.15">
      <c r="A86" s="5">
        <v>66</v>
      </c>
      <c r="B86" s="22">
        <v>67</v>
      </c>
      <c r="C86" s="14">
        <v>71</v>
      </c>
      <c r="D86" s="18">
        <v>138</v>
      </c>
    </row>
    <row r="87" spans="1:4" ht="18" customHeight="1" x14ac:dyDescent="0.15">
      <c r="A87" s="5">
        <v>67</v>
      </c>
      <c r="B87" s="22">
        <v>75</v>
      </c>
      <c r="C87" s="14">
        <v>89</v>
      </c>
      <c r="D87" s="18">
        <v>164</v>
      </c>
    </row>
    <row r="88" spans="1:4" ht="18" customHeight="1" x14ac:dyDescent="0.15">
      <c r="A88" s="5">
        <v>68</v>
      </c>
      <c r="B88" s="22">
        <v>68</v>
      </c>
      <c r="C88" s="14">
        <v>72</v>
      </c>
      <c r="D88" s="18">
        <v>140</v>
      </c>
    </row>
    <row r="89" spans="1:4" ht="18" customHeight="1" x14ac:dyDescent="0.15">
      <c r="A89" s="5">
        <v>69</v>
      </c>
      <c r="B89" s="22">
        <v>65</v>
      </c>
      <c r="C89" s="14">
        <v>66</v>
      </c>
      <c r="D89" s="18">
        <v>131</v>
      </c>
    </row>
    <row r="90" spans="1:4" ht="18" customHeight="1" x14ac:dyDescent="0.15">
      <c r="A90" s="5" t="s">
        <v>20</v>
      </c>
      <c r="B90" s="22">
        <v>339</v>
      </c>
      <c r="C90" s="14">
        <v>385</v>
      </c>
      <c r="D90" s="18">
        <v>724</v>
      </c>
    </row>
    <row r="91" spans="1:4" ht="18" customHeight="1" x14ac:dyDescent="0.15">
      <c r="A91" s="5">
        <v>70</v>
      </c>
      <c r="B91" s="22">
        <v>65</v>
      </c>
      <c r="C91" s="14">
        <v>79</v>
      </c>
      <c r="D91" s="18">
        <v>144</v>
      </c>
    </row>
    <row r="92" spans="1:4" ht="18" customHeight="1" x14ac:dyDescent="0.15">
      <c r="A92" s="5">
        <v>71</v>
      </c>
      <c r="B92" s="22">
        <v>84</v>
      </c>
      <c r="C92" s="14">
        <v>69</v>
      </c>
      <c r="D92" s="18">
        <v>153</v>
      </c>
    </row>
    <row r="93" spans="1:4" ht="18" customHeight="1" x14ac:dyDescent="0.15">
      <c r="A93" s="5">
        <v>72</v>
      </c>
      <c r="B93" s="22">
        <v>72</v>
      </c>
      <c r="C93" s="14">
        <v>95</v>
      </c>
      <c r="D93" s="18">
        <v>167</v>
      </c>
    </row>
    <row r="94" spans="1:4" ht="18" customHeight="1" x14ac:dyDescent="0.15">
      <c r="A94" s="5">
        <v>73</v>
      </c>
      <c r="B94" s="22">
        <v>84</v>
      </c>
      <c r="C94" s="14">
        <v>93</v>
      </c>
      <c r="D94" s="18">
        <v>177</v>
      </c>
    </row>
    <row r="95" spans="1:4" ht="18" customHeight="1" x14ac:dyDescent="0.15">
      <c r="A95" s="5">
        <v>74</v>
      </c>
      <c r="B95" s="22">
        <v>70</v>
      </c>
      <c r="C95" s="14">
        <v>89</v>
      </c>
      <c r="D95" s="18">
        <v>159</v>
      </c>
    </row>
    <row r="96" spans="1:4" ht="18" customHeight="1" x14ac:dyDescent="0.15">
      <c r="A96" s="5" t="s">
        <v>33</v>
      </c>
      <c r="B96" s="22">
        <v>375</v>
      </c>
      <c r="C96" s="14">
        <v>425</v>
      </c>
      <c r="D96" s="18">
        <v>800</v>
      </c>
    </row>
    <row r="97" spans="1:4" ht="18" customHeight="1" x14ac:dyDescent="0.15">
      <c r="A97" s="5">
        <v>75</v>
      </c>
      <c r="B97" s="22">
        <v>81</v>
      </c>
      <c r="C97" s="14">
        <v>107</v>
      </c>
      <c r="D97" s="18">
        <v>188</v>
      </c>
    </row>
    <row r="98" spans="1:4" ht="18" customHeight="1" x14ac:dyDescent="0.15">
      <c r="A98" s="5">
        <v>76</v>
      </c>
      <c r="B98" s="22">
        <v>97</v>
      </c>
      <c r="C98" s="14">
        <v>112</v>
      </c>
      <c r="D98" s="18">
        <v>209</v>
      </c>
    </row>
    <row r="99" spans="1:4" ht="18" customHeight="1" x14ac:dyDescent="0.15">
      <c r="A99" s="5">
        <v>77</v>
      </c>
      <c r="B99" s="22">
        <v>76</v>
      </c>
      <c r="C99" s="14">
        <v>129</v>
      </c>
      <c r="D99" s="18">
        <v>205</v>
      </c>
    </row>
    <row r="100" spans="1:4" ht="18" customHeight="1" x14ac:dyDescent="0.15">
      <c r="A100" s="5">
        <v>78</v>
      </c>
      <c r="B100" s="22">
        <v>107</v>
      </c>
      <c r="C100" s="14">
        <v>163</v>
      </c>
      <c r="D100" s="18">
        <v>270</v>
      </c>
    </row>
    <row r="101" spans="1:4" ht="18" customHeight="1" x14ac:dyDescent="0.15">
      <c r="A101" s="5">
        <v>79</v>
      </c>
      <c r="B101" s="22">
        <v>74</v>
      </c>
      <c r="C101" s="14">
        <v>98</v>
      </c>
      <c r="D101" s="18">
        <v>172</v>
      </c>
    </row>
    <row r="102" spans="1:4" ht="18" customHeight="1" x14ac:dyDescent="0.15">
      <c r="A102" s="5" t="s">
        <v>0</v>
      </c>
      <c r="B102" s="22">
        <v>435</v>
      </c>
      <c r="C102" s="14">
        <v>609</v>
      </c>
      <c r="D102" s="18">
        <v>1044</v>
      </c>
    </row>
    <row r="103" spans="1:4" ht="18" customHeight="1" x14ac:dyDescent="0.15">
      <c r="A103" s="5">
        <v>80</v>
      </c>
      <c r="B103" s="22">
        <v>60</v>
      </c>
      <c r="C103" s="14">
        <v>74</v>
      </c>
      <c r="D103" s="18">
        <v>134</v>
      </c>
    </row>
    <row r="104" spans="1:4" ht="18" customHeight="1" x14ac:dyDescent="0.15">
      <c r="A104" s="5">
        <v>81</v>
      </c>
      <c r="B104" s="22">
        <v>69</v>
      </c>
      <c r="C104" s="14">
        <v>96</v>
      </c>
      <c r="D104" s="18">
        <v>165</v>
      </c>
    </row>
    <row r="105" spans="1:4" ht="18" customHeight="1" x14ac:dyDescent="0.15">
      <c r="A105" s="5">
        <v>82</v>
      </c>
      <c r="B105" s="22">
        <v>74</v>
      </c>
      <c r="C105" s="14">
        <v>98</v>
      </c>
      <c r="D105" s="18">
        <v>172</v>
      </c>
    </row>
    <row r="106" spans="1:4" ht="18" customHeight="1" x14ac:dyDescent="0.15">
      <c r="A106" s="5">
        <v>83</v>
      </c>
      <c r="B106" s="22">
        <v>50</v>
      </c>
      <c r="C106" s="14">
        <v>90</v>
      </c>
      <c r="D106" s="18">
        <v>140</v>
      </c>
    </row>
    <row r="107" spans="1:4" ht="18" customHeight="1" x14ac:dyDescent="0.15">
      <c r="A107" s="5">
        <v>84</v>
      </c>
      <c r="B107" s="22">
        <v>62</v>
      </c>
      <c r="C107" s="14">
        <v>84</v>
      </c>
      <c r="D107" s="18">
        <v>146</v>
      </c>
    </row>
    <row r="108" spans="1:4" ht="18" customHeight="1" x14ac:dyDescent="0.15">
      <c r="A108" s="5" t="s">
        <v>35</v>
      </c>
      <c r="B108" s="22">
        <v>315</v>
      </c>
      <c r="C108" s="14">
        <v>442</v>
      </c>
      <c r="D108" s="18">
        <v>757</v>
      </c>
    </row>
    <row r="109" spans="1:4" ht="18" customHeight="1" x14ac:dyDescent="0.15">
      <c r="A109" s="5">
        <v>85</v>
      </c>
      <c r="B109" s="22">
        <v>49</v>
      </c>
      <c r="C109" s="14">
        <v>76</v>
      </c>
      <c r="D109" s="18">
        <v>125</v>
      </c>
    </row>
    <row r="110" spans="1:4" ht="18" customHeight="1" x14ac:dyDescent="0.15">
      <c r="A110" s="5">
        <v>86</v>
      </c>
      <c r="B110" s="22">
        <v>35</v>
      </c>
      <c r="C110" s="14">
        <v>54</v>
      </c>
      <c r="D110" s="18">
        <v>89</v>
      </c>
    </row>
    <row r="111" spans="1:4" ht="18" customHeight="1" x14ac:dyDescent="0.15">
      <c r="A111" s="5">
        <v>87</v>
      </c>
      <c r="B111" s="22">
        <v>33</v>
      </c>
      <c r="C111" s="14">
        <v>49</v>
      </c>
      <c r="D111" s="18">
        <v>82</v>
      </c>
    </row>
    <row r="112" spans="1:4" ht="18" customHeight="1" x14ac:dyDescent="0.15">
      <c r="A112" s="5">
        <v>88</v>
      </c>
      <c r="B112" s="22">
        <v>38</v>
      </c>
      <c r="C112" s="14">
        <v>49</v>
      </c>
      <c r="D112" s="18">
        <v>87</v>
      </c>
    </row>
    <row r="113" spans="1:4" ht="18" customHeight="1" x14ac:dyDescent="0.15">
      <c r="A113" s="5">
        <v>89</v>
      </c>
      <c r="B113" s="22">
        <v>19</v>
      </c>
      <c r="C113" s="14">
        <v>43</v>
      </c>
      <c r="D113" s="18">
        <v>62</v>
      </c>
    </row>
    <row r="114" spans="1:4" ht="18" customHeight="1" x14ac:dyDescent="0.15">
      <c r="A114" s="5" t="s">
        <v>37</v>
      </c>
      <c r="B114" s="22">
        <v>174</v>
      </c>
      <c r="C114" s="14">
        <v>271</v>
      </c>
      <c r="D114" s="18">
        <v>445</v>
      </c>
    </row>
    <row r="115" spans="1:4" ht="18" customHeight="1" x14ac:dyDescent="0.15">
      <c r="A115" s="5">
        <v>90</v>
      </c>
      <c r="B115" s="22">
        <v>24</v>
      </c>
      <c r="C115" s="14">
        <v>39</v>
      </c>
      <c r="D115" s="18">
        <v>63</v>
      </c>
    </row>
    <row r="116" spans="1:4" ht="18" customHeight="1" x14ac:dyDescent="0.15">
      <c r="A116" s="5">
        <v>91</v>
      </c>
      <c r="B116" s="22">
        <v>13</v>
      </c>
      <c r="C116" s="14">
        <v>34</v>
      </c>
      <c r="D116" s="18">
        <v>47</v>
      </c>
    </row>
    <row r="117" spans="1:4" ht="18" customHeight="1" x14ac:dyDescent="0.15">
      <c r="A117" s="5">
        <v>92</v>
      </c>
      <c r="B117" s="22">
        <v>16</v>
      </c>
      <c r="C117" s="14">
        <v>22</v>
      </c>
      <c r="D117" s="18">
        <v>38</v>
      </c>
    </row>
    <row r="118" spans="1:4" ht="18" customHeight="1" x14ac:dyDescent="0.15">
      <c r="A118" s="5">
        <v>93</v>
      </c>
      <c r="B118" s="22">
        <v>3</v>
      </c>
      <c r="C118" s="14">
        <v>26</v>
      </c>
      <c r="D118" s="18">
        <v>29</v>
      </c>
    </row>
    <row r="119" spans="1:4" ht="18" customHeight="1" x14ac:dyDescent="0.15">
      <c r="A119" s="5">
        <v>94</v>
      </c>
      <c r="B119" s="22">
        <v>9</v>
      </c>
      <c r="C119" s="14">
        <v>15</v>
      </c>
      <c r="D119" s="18">
        <v>24</v>
      </c>
    </row>
    <row r="120" spans="1:4" ht="18" customHeight="1" x14ac:dyDescent="0.15">
      <c r="A120" s="5" t="s">
        <v>39</v>
      </c>
      <c r="B120" s="22">
        <v>65</v>
      </c>
      <c r="C120" s="14">
        <v>136</v>
      </c>
      <c r="D120" s="18">
        <v>201</v>
      </c>
    </row>
    <row r="121" spans="1:4" ht="18" customHeight="1" x14ac:dyDescent="0.15">
      <c r="A121" s="5">
        <v>95</v>
      </c>
      <c r="B121" s="22">
        <v>4</v>
      </c>
      <c r="C121" s="14">
        <v>12</v>
      </c>
      <c r="D121" s="18">
        <v>16</v>
      </c>
    </row>
    <row r="122" spans="1:4" ht="18" customHeight="1" x14ac:dyDescent="0.15">
      <c r="A122" s="5">
        <v>96</v>
      </c>
      <c r="B122" s="22">
        <v>2</v>
      </c>
      <c r="C122" s="14">
        <v>10</v>
      </c>
      <c r="D122" s="18">
        <v>12</v>
      </c>
    </row>
    <row r="123" spans="1:4" ht="18" customHeight="1" x14ac:dyDescent="0.15">
      <c r="A123" s="5">
        <v>97</v>
      </c>
      <c r="B123" s="22">
        <v>0</v>
      </c>
      <c r="C123" s="14">
        <v>10</v>
      </c>
      <c r="D123" s="18">
        <v>10</v>
      </c>
    </row>
    <row r="124" spans="1:4" ht="18" customHeight="1" x14ac:dyDescent="0.15">
      <c r="A124" s="5">
        <v>98</v>
      </c>
      <c r="B124" s="22">
        <v>1</v>
      </c>
      <c r="C124" s="14">
        <v>7</v>
      </c>
      <c r="D124" s="18">
        <v>8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7</v>
      </c>
      <c r="C126" s="14">
        <v>40</v>
      </c>
      <c r="D126" s="18">
        <v>47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0</v>
      </c>
      <c r="C129" s="14">
        <v>9</v>
      </c>
      <c r="D129" s="18">
        <v>9</v>
      </c>
    </row>
    <row r="130" spans="1:4" ht="18" customHeight="1" x14ac:dyDescent="0.15">
      <c r="A130" s="5" t="s">
        <v>46</v>
      </c>
      <c r="B130" s="22">
        <v>1710</v>
      </c>
      <c r="C130" s="14">
        <v>2317</v>
      </c>
      <c r="D130" s="18">
        <v>4027</v>
      </c>
    </row>
    <row r="131" spans="1:4" ht="18" customHeight="1" x14ac:dyDescent="0.15">
      <c r="A131" s="7" t="s">
        <v>45</v>
      </c>
      <c r="B131" s="23">
        <v>8073</v>
      </c>
      <c r="C131" s="15">
        <v>8513</v>
      </c>
      <c r="D131" s="19">
        <v>1658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40</v>
      </c>
      <c r="C5" s="13">
        <v>32</v>
      </c>
      <c r="D5" s="17">
        <v>72</v>
      </c>
    </row>
    <row r="6" spans="1:4" ht="18" customHeight="1" x14ac:dyDescent="0.15">
      <c r="A6" s="5">
        <v>1</v>
      </c>
      <c r="B6" s="22">
        <v>47</v>
      </c>
      <c r="C6" s="14">
        <v>40</v>
      </c>
      <c r="D6" s="18">
        <v>87</v>
      </c>
    </row>
    <row r="7" spans="1:4" ht="18" customHeight="1" x14ac:dyDescent="0.15">
      <c r="A7" s="5">
        <v>2</v>
      </c>
      <c r="B7" s="22">
        <v>53</v>
      </c>
      <c r="C7" s="14">
        <v>36</v>
      </c>
      <c r="D7" s="18">
        <v>89</v>
      </c>
    </row>
    <row r="8" spans="1:4" ht="18" customHeight="1" x14ac:dyDescent="0.15">
      <c r="A8" s="5">
        <v>3</v>
      </c>
      <c r="B8" s="22">
        <v>45</v>
      </c>
      <c r="C8" s="14">
        <v>47</v>
      </c>
      <c r="D8" s="18">
        <v>92</v>
      </c>
    </row>
    <row r="9" spans="1:4" ht="18" customHeight="1" x14ac:dyDescent="0.15">
      <c r="A9" s="5">
        <v>4</v>
      </c>
      <c r="B9" s="22">
        <v>40</v>
      </c>
      <c r="C9" s="14">
        <v>24</v>
      </c>
      <c r="D9" s="18">
        <v>64</v>
      </c>
    </row>
    <row r="10" spans="1:4" ht="18" customHeight="1" x14ac:dyDescent="0.15">
      <c r="A10" s="5" t="s">
        <v>7</v>
      </c>
      <c r="B10" s="22">
        <v>225</v>
      </c>
      <c r="C10" s="14">
        <v>179</v>
      </c>
      <c r="D10" s="18">
        <v>404</v>
      </c>
    </row>
    <row r="11" spans="1:4" ht="18" customHeight="1" x14ac:dyDescent="0.15">
      <c r="A11" s="5">
        <v>5</v>
      </c>
      <c r="B11" s="22">
        <v>50</v>
      </c>
      <c r="C11" s="14">
        <v>41</v>
      </c>
      <c r="D11" s="18">
        <v>91</v>
      </c>
    </row>
    <row r="12" spans="1:4" ht="18" customHeight="1" x14ac:dyDescent="0.15">
      <c r="A12" s="5">
        <v>6</v>
      </c>
      <c r="B12" s="22">
        <v>36</v>
      </c>
      <c r="C12" s="14">
        <v>43</v>
      </c>
      <c r="D12" s="18">
        <v>79</v>
      </c>
    </row>
    <row r="13" spans="1:4" ht="18" customHeight="1" x14ac:dyDescent="0.15">
      <c r="A13" s="5">
        <v>7</v>
      </c>
      <c r="B13" s="22">
        <v>51</v>
      </c>
      <c r="C13" s="14">
        <v>44</v>
      </c>
      <c r="D13" s="18">
        <v>95</v>
      </c>
    </row>
    <row r="14" spans="1:4" ht="18" customHeight="1" x14ac:dyDescent="0.15">
      <c r="A14" s="5">
        <v>8</v>
      </c>
      <c r="B14" s="22">
        <v>48</v>
      </c>
      <c r="C14" s="14">
        <v>46</v>
      </c>
      <c r="D14" s="18">
        <v>94</v>
      </c>
    </row>
    <row r="15" spans="1:4" ht="18" customHeight="1" x14ac:dyDescent="0.15">
      <c r="A15" s="5">
        <v>9</v>
      </c>
      <c r="B15" s="22">
        <v>63</v>
      </c>
      <c r="C15" s="14">
        <v>56</v>
      </c>
      <c r="D15" s="18">
        <v>119</v>
      </c>
    </row>
    <row r="16" spans="1:4" ht="18" customHeight="1" x14ac:dyDescent="0.15">
      <c r="A16" s="5" t="s">
        <v>11</v>
      </c>
      <c r="B16" s="22">
        <v>248</v>
      </c>
      <c r="C16" s="14">
        <v>230</v>
      </c>
      <c r="D16" s="18">
        <v>478</v>
      </c>
    </row>
    <row r="17" spans="1:4" ht="18" customHeight="1" x14ac:dyDescent="0.15">
      <c r="A17" s="5">
        <v>10</v>
      </c>
      <c r="B17" s="22">
        <v>35</v>
      </c>
      <c r="C17" s="14">
        <v>55</v>
      </c>
      <c r="D17" s="18">
        <v>90</v>
      </c>
    </row>
    <row r="18" spans="1:4" ht="18" customHeight="1" x14ac:dyDescent="0.15">
      <c r="A18" s="5">
        <v>11</v>
      </c>
      <c r="B18" s="22">
        <v>46</v>
      </c>
      <c r="C18" s="14">
        <v>63</v>
      </c>
      <c r="D18" s="18">
        <v>109</v>
      </c>
    </row>
    <row r="19" spans="1:4" ht="18" customHeight="1" x14ac:dyDescent="0.15">
      <c r="A19" s="5">
        <v>12</v>
      </c>
      <c r="B19" s="22">
        <v>51</v>
      </c>
      <c r="C19" s="14">
        <v>43</v>
      </c>
      <c r="D19" s="18">
        <v>94</v>
      </c>
    </row>
    <row r="20" spans="1:4" ht="18" customHeight="1" x14ac:dyDescent="0.15">
      <c r="A20" s="5">
        <v>13</v>
      </c>
      <c r="B20" s="22">
        <v>50</v>
      </c>
      <c r="C20" s="14">
        <v>56</v>
      </c>
      <c r="D20" s="18">
        <v>106</v>
      </c>
    </row>
    <row r="21" spans="1:4" ht="18" customHeight="1" x14ac:dyDescent="0.15">
      <c r="A21" s="5">
        <v>14</v>
      </c>
      <c r="B21" s="22">
        <v>47</v>
      </c>
      <c r="C21" s="14">
        <v>35</v>
      </c>
      <c r="D21" s="18">
        <v>82</v>
      </c>
    </row>
    <row r="22" spans="1:4" ht="18" customHeight="1" x14ac:dyDescent="0.15">
      <c r="A22" s="5" t="s">
        <v>12</v>
      </c>
      <c r="B22" s="22">
        <v>229</v>
      </c>
      <c r="C22" s="14">
        <v>252</v>
      </c>
      <c r="D22" s="18">
        <v>481</v>
      </c>
    </row>
    <row r="23" spans="1:4" ht="18" customHeight="1" x14ac:dyDescent="0.15">
      <c r="A23" s="5" t="s">
        <v>6</v>
      </c>
      <c r="B23" s="22">
        <v>702</v>
      </c>
      <c r="C23" s="14">
        <v>661</v>
      </c>
      <c r="D23" s="18">
        <v>1363</v>
      </c>
    </row>
    <row r="24" spans="1:4" ht="18" customHeight="1" x14ac:dyDescent="0.15">
      <c r="A24" s="5">
        <v>15</v>
      </c>
      <c r="B24" s="22">
        <v>48</v>
      </c>
      <c r="C24" s="14">
        <v>48</v>
      </c>
      <c r="D24" s="18">
        <v>96</v>
      </c>
    </row>
    <row r="25" spans="1:4" ht="18" customHeight="1" x14ac:dyDescent="0.15">
      <c r="A25" s="5">
        <v>16</v>
      </c>
      <c r="B25" s="22">
        <v>43</v>
      </c>
      <c r="C25" s="14">
        <v>49</v>
      </c>
      <c r="D25" s="18">
        <v>92</v>
      </c>
    </row>
    <row r="26" spans="1:4" ht="18" customHeight="1" x14ac:dyDescent="0.15">
      <c r="A26" s="5">
        <v>17</v>
      </c>
      <c r="B26" s="22">
        <v>61</v>
      </c>
      <c r="C26" s="14">
        <v>34</v>
      </c>
      <c r="D26" s="18">
        <v>95</v>
      </c>
    </row>
    <row r="27" spans="1:4" ht="18" customHeight="1" x14ac:dyDescent="0.15">
      <c r="A27" s="5">
        <v>18</v>
      </c>
      <c r="B27" s="22">
        <v>38</v>
      </c>
      <c r="C27" s="14">
        <v>51</v>
      </c>
      <c r="D27" s="18">
        <v>89</v>
      </c>
    </row>
    <row r="28" spans="1:4" ht="18" customHeight="1" x14ac:dyDescent="0.15">
      <c r="A28" s="5">
        <v>19</v>
      </c>
      <c r="B28" s="22">
        <v>46</v>
      </c>
      <c r="C28" s="14">
        <v>51</v>
      </c>
      <c r="D28" s="18">
        <v>97</v>
      </c>
    </row>
    <row r="29" spans="1:4" ht="18" customHeight="1" x14ac:dyDescent="0.15">
      <c r="A29" s="5" t="s">
        <v>14</v>
      </c>
      <c r="B29" s="22">
        <v>236</v>
      </c>
      <c r="C29" s="14">
        <v>233</v>
      </c>
      <c r="D29" s="18">
        <v>469</v>
      </c>
    </row>
    <row r="30" spans="1:4" ht="18" customHeight="1" x14ac:dyDescent="0.15">
      <c r="A30" s="5">
        <v>20</v>
      </c>
      <c r="B30" s="22">
        <v>49</v>
      </c>
      <c r="C30" s="14">
        <v>42</v>
      </c>
      <c r="D30" s="18">
        <v>91</v>
      </c>
    </row>
    <row r="31" spans="1:4" ht="18" customHeight="1" x14ac:dyDescent="0.15">
      <c r="A31" s="5">
        <v>21</v>
      </c>
      <c r="B31" s="22">
        <v>40</v>
      </c>
      <c r="C31" s="14">
        <v>59</v>
      </c>
      <c r="D31" s="18">
        <v>99</v>
      </c>
    </row>
    <row r="32" spans="1:4" ht="18" customHeight="1" x14ac:dyDescent="0.15">
      <c r="A32" s="5">
        <v>22</v>
      </c>
      <c r="B32" s="22">
        <v>52</v>
      </c>
      <c r="C32" s="14">
        <v>36</v>
      </c>
      <c r="D32" s="18">
        <v>88</v>
      </c>
    </row>
    <row r="33" spans="1:4" ht="18" customHeight="1" x14ac:dyDescent="0.15">
      <c r="A33" s="5">
        <v>23</v>
      </c>
      <c r="B33" s="22">
        <v>58</v>
      </c>
      <c r="C33" s="14">
        <v>61</v>
      </c>
      <c r="D33" s="18">
        <v>119</v>
      </c>
    </row>
    <row r="34" spans="1:4" ht="18" customHeight="1" x14ac:dyDescent="0.15">
      <c r="A34" s="5">
        <v>24</v>
      </c>
      <c r="B34" s="22">
        <v>57</v>
      </c>
      <c r="C34" s="14">
        <v>68</v>
      </c>
      <c r="D34" s="18">
        <v>125</v>
      </c>
    </row>
    <row r="35" spans="1:4" ht="18" customHeight="1" x14ac:dyDescent="0.15">
      <c r="A35" s="5" t="s">
        <v>9</v>
      </c>
      <c r="B35" s="22">
        <v>256</v>
      </c>
      <c r="C35" s="14">
        <v>266</v>
      </c>
      <c r="D35" s="18">
        <v>522</v>
      </c>
    </row>
    <row r="36" spans="1:4" ht="18" customHeight="1" x14ac:dyDescent="0.15">
      <c r="A36" s="5">
        <v>25</v>
      </c>
      <c r="B36" s="22">
        <v>46</v>
      </c>
      <c r="C36" s="14">
        <v>51</v>
      </c>
      <c r="D36" s="18">
        <v>97</v>
      </c>
    </row>
    <row r="37" spans="1:4" ht="18" customHeight="1" x14ac:dyDescent="0.15">
      <c r="A37" s="5">
        <v>26</v>
      </c>
      <c r="B37" s="22">
        <v>55</v>
      </c>
      <c r="C37" s="14">
        <v>58</v>
      </c>
      <c r="D37" s="18">
        <v>113</v>
      </c>
    </row>
    <row r="38" spans="1:4" ht="18" customHeight="1" x14ac:dyDescent="0.15">
      <c r="A38" s="5">
        <v>27</v>
      </c>
      <c r="B38" s="22">
        <v>43</v>
      </c>
      <c r="C38" s="14">
        <v>54</v>
      </c>
      <c r="D38" s="18">
        <v>97</v>
      </c>
    </row>
    <row r="39" spans="1:4" ht="18" customHeight="1" x14ac:dyDescent="0.15">
      <c r="A39" s="5">
        <v>28</v>
      </c>
      <c r="B39" s="22">
        <v>71</v>
      </c>
      <c r="C39" s="14">
        <v>74</v>
      </c>
      <c r="D39" s="18">
        <v>145</v>
      </c>
    </row>
    <row r="40" spans="1:4" ht="18" customHeight="1" x14ac:dyDescent="0.15">
      <c r="A40" s="5">
        <v>29</v>
      </c>
      <c r="B40" s="22">
        <v>69</v>
      </c>
      <c r="C40" s="14">
        <v>81</v>
      </c>
      <c r="D40" s="18">
        <v>150</v>
      </c>
    </row>
    <row r="41" spans="1:4" ht="18" customHeight="1" x14ac:dyDescent="0.15">
      <c r="A41" s="5" t="s">
        <v>2</v>
      </c>
      <c r="B41" s="22">
        <v>284</v>
      </c>
      <c r="C41" s="14">
        <v>318</v>
      </c>
      <c r="D41" s="18">
        <v>602</v>
      </c>
    </row>
    <row r="42" spans="1:4" ht="18" customHeight="1" x14ac:dyDescent="0.15">
      <c r="A42" s="5">
        <v>30</v>
      </c>
      <c r="B42" s="22">
        <v>74</v>
      </c>
      <c r="C42" s="14">
        <v>77</v>
      </c>
      <c r="D42" s="18">
        <v>151</v>
      </c>
    </row>
    <row r="43" spans="1:4" ht="18" customHeight="1" x14ac:dyDescent="0.15">
      <c r="A43" s="5">
        <v>31</v>
      </c>
      <c r="B43" s="22">
        <v>75</v>
      </c>
      <c r="C43" s="14">
        <v>71</v>
      </c>
      <c r="D43" s="18">
        <v>146</v>
      </c>
    </row>
    <row r="44" spans="1:4" ht="18" customHeight="1" x14ac:dyDescent="0.15">
      <c r="A44" s="5">
        <v>32</v>
      </c>
      <c r="B44" s="22">
        <v>70</v>
      </c>
      <c r="C44" s="14">
        <v>66</v>
      </c>
      <c r="D44" s="18">
        <v>136</v>
      </c>
    </row>
    <row r="45" spans="1:4" ht="18" customHeight="1" x14ac:dyDescent="0.15">
      <c r="A45" s="5">
        <v>33</v>
      </c>
      <c r="B45" s="22">
        <v>62</v>
      </c>
      <c r="C45" s="14">
        <v>57</v>
      </c>
      <c r="D45" s="18">
        <v>119</v>
      </c>
    </row>
    <row r="46" spans="1:4" ht="18" customHeight="1" x14ac:dyDescent="0.15">
      <c r="A46" s="5">
        <v>34</v>
      </c>
      <c r="B46" s="22">
        <v>70</v>
      </c>
      <c r="C46" s="14">
        <v>63</v>
      </c>
      <c r="D46" s="18">
        <v>133</v>
      </c>
    </row>
    <row r="47" spans="1:4" ht="18" customHeight="1" x14ac:dyDescent="0.15">
      <c r="A47" s="5" t="s">
        <v>15</v>
      </c>
      <c r="B47" s="22">
        <v>351</v>
      </c>
      <c r="C47" s="14">
        <v>334</v>
      </c>
      <c r="D47" s="18">
        <v>685</v>
      </c>
    </row>
    <row r="48" spans="1:4" ht="18" customHeight="1" x14ac:dyDescent="0.15">
      <c r="A48" s="5">
        <v>35</v>
      </c>
      <c r="B48" s="22">
        <v>58</v>
      </c>
      <c r="C48" s="14">
        <v>59</v>
      </c>
      <c r="D48" s="18">
        <v>117</v>
      </c>
    </row>
    <row r="49" spans="1:4" ht="18" customHeight="1" x14ac:dyDescent="0.15">
      <c r="A49" s="5">
        <v>36</v>
      </c>
      <c r="B49" s="22">
        <v>72</v>
      </c>
      <c r="C49" s="14">
        <v>64</v>
      </c>
      <c r="D49" s="18">
        <v>136</v>
      </c>
    </row>
    <row r="50" spans="1:4" ht="18" customHeight="1" x14ac:dyDescent="0.15">
      <c r="A50" s="5">
        <v>37</v>
      </c>
      <c r="B50" s="22">
        <v>73</v>
      </c>
      <c r="C50" s="14">
        <v>68</v>
      </c>
      <c r="D50" s="18">
        <v>141</v>
      </c>
    </row>
    <row r="51" spans="1:4" ht="18" customHeight="1" x14ac:dyDescent="0.15">
      <c r="A51" s="5">
        <v>38</v>
      </c>
      <c r="B51" s="22">
        <v>67</v>
      </c>
      <c r="C51" s="14">
        <v>69</v>
      </c>
      <c r="D51" s="18">
        <v>136</v>
      </c>
    </row>
    <row r="52" spans="1:4" ht="18" customHeight="1" x14ac:dyDescent="0.15">
      <c r="A52" s="5">
        <v>39</v>
      </c>
      <c r="B52" s="22">
        <v>69</v>
      </c>
      <c r="C52" s="14">
        <v>69</v>
      </c>
      <c r="D52" s="18">
        <v>138</v>
      </c>
    </row>
    <row r="53" spans="1:4" ht="18" customHeight="1" x14ac:dyDescent="0.15">
      <c r="A53" s="5" t="s">
        <v>18</v>
      </c>
      <c r="B53" s="22">
        <v>339</v>
      </c>
      <c r="C53" s="14">
        <v>329</v>
      </c>
      <c r="D53" s="18">
        <v>668</v>
      </c>
    </row>
    <row r="54" spans="1:4" ht="18" customHeight="1" x14ac:dyDescent="0.15">
      <c r="A54" s="5">
        <v>40</v>
      </c>
      <c r="B54" s="22">
        <v>81</v>
      </c>
      <c r="C54" s="14">
        <v>72</v>
      </c>
      <c r="D54" s="18">
        <v>153</v>
      </c>
    </row>
    <row r="55" spans="1:4" ht="18" customHeight="1" x14ac:dyDescent="0.15">
      <c r="A55" s="5">
        <v>41</v>
      </c>
      <c r="B55" s="22">
        <v>87</v>
      </c>
      <c r="C55" s="14">
        <v>66</v>
      </c>
      <c r="D55" s="18">
        <v>153</v>
      </c>
    </row>
    <row r="56" spans="1:4" ht="18" customHeight="1" x14ac:dyDescent="0.15">
      <c r="A56" s="5">
        <v>42</v>
      </c>
      <c r="B56" s="22">
        <v>61</v>
      </c>
      <c r="C56" s="14">
        <v>67</v>
      </c>
      <c r="D56" s="18">
        <v>128</v>
      </c>
    </row>
    <row r="57" spans="1:4" ht="18" customHeight="1" x14ac:dyDescent="0.15">
      <c r="A57" s="5">
        <v>43</v>
      </c>
      <c r="B57" s="22">
        <v>77</v>
      </c>
      <c r="C57" s="14">
        <v>70</v>
      </c>
      <c r="D57" s="18">
        <v>147</v>
      </c>
    </row>
    <row r="58" spans="1:4" ht="18" customHeight="1" x14ac:dyDescent="0.15">
      <c r="A58" s="5">
        <v>44</v>
      </c>
      <c r="B58" s="22">
        <v>72</v>
      </c>
      <c r="C58" s="14">
        <v>73</v>
      </c>
      <c r="D58" s="18">
        <v>145</v>
      </c>
    </row>
    <row r="59" spans="1:4" ht="18" customHeight="1" x14ac:dyDescent="0.15">
      <c r="A59" s="5" t="s">
        <v>21</v>
      </c>
      <c r="B59" s="22">
        <v>378</v>
      </c>
      <c r="C59" s="14">
        <v>348</v>
      </c>
      <c r="D59" s="18">
        <v>726</v>
      </c>
    </row>
    <row r="60" spans="1:4" ht="18" customHeight="1" x14ac:dyDescent="0.15">
      <c r="A60" s="5">
        <v>45</v>
      </c>
      <c r="B60" s="22">
        <v>81</v>
      </c>
      <c r="C60" s="14">
        <v>81</v>
      </c>
      <c r="D60" s="18">
        <v>162</v>
      </c>
    </row>
    <row r="61" spans="1:4" ht="18" customHeight="1" x14ac:dyDescent="0.15">
      <c r="A61" s="5">
        <v>46</v>
      </c>
      <c r="B61" s="22">
        <v>67</v>
      </c>
      <c r="C61" s="14">
        <v>60</v>
      </c>
      <c r="D61" s="18">
        <v>127</v>
      </c>
    </row>
    <row r="62" spans="1:4" ht="18" customHeight="1" x14ac:dyDescent="0.15">
      <c r="A62" s="5">
        <v>47</v>
      </c>
      <c r="B62" s="22">
        <v>92</v>
      </c>
      <c r="C62" s="14">
        <v>96</v>
      </c>
      <c r="D62" s="18">
        <v>188</v>
      </c>
    </row>
    <row r="63" spans="1:4" ht="18" customHeight="1" x14ac:dyDescent="0.15">
      <c r="A63" s="5">
        <v>48</v>
      </c>
      <c r="B63" s="22">
        <v>72</v>
      </c>
      <c r="C63" s="14">
        <v>86</v>
      </c>
      <c r="D63" s="18">
        <v>158</v>
      </c>
    </row>
    <row r="64" spans="1:4" ht="18" customHeight="1" x14ac:dyDescent="0.15">
      <c r="A64" s="5">
        <v>49</v>
      </c>
      <c r="B64" s="22">
        <v>95</v>
      </c>
      <c r="C64" s="14">
        <v>84</v>
      </c>
      <c r="D64" s="18">
        <v>179</v>
      </c>
    </row>
    <row r="65" spans="1:4" ht="18" customHeight="1" x14ac:dyDescent="0.15">
      <c r="A65" s="5" t="s">
        <v>17</v>
      </c>
      <c r="B65" s="22">
        <v>407</v>
      </c>
      <c r="C65" s="14">
        <v>407</v>
      </c>
      <c r="D65" s="18">
        <v>814</v>
      </c>
    </row>
    <row r="66" spans="1:4" ht="18" customHeight="1" x14ac:dyDescent="0.15">
      <c r="A66" s="5">
        <v>50</v>
      </c>
      <c r="B66" s="22">
        <v>113</v>
      </c>
      <c r="C66" s="14">
        <v>88</v>
      </c>
      <c r="D66" s="18">
        <v>201</v>
      </c>
    </row>
    <row r="67" spans="1:4" ht="18" customHeight="1" x14ac:dyDescent="0.15">
      <c r="A67" s="5">
        <v>51</v>
      </c>
      <c r="B67" s="22">
        <v>106</v>
      </c>
      <c r="C67" s="14">
        <v>94</v>
      </c>
      <c r="D67" s="18">
        <v>200</v>
      </c>
    </row>
    <row r="68" spans="1:4" ht="18" customHeight="1" x14ac:dyDescent="0.15">
      <c r="A68" s="5">
        <v>52</v>
      </c>
      <c r="B68" s="22">
        <v>87</v>
      </c>
      <c r="C68" s="14">
        <v>79</v>
      </c>
      <c r="D68" s="18">
        <v>166</v>
      </c>
    </row>
    <row r="69" spans="1:4" ht="18" customHeight="1" x14ac:dyDescent="0.15">
      <c r="A69" s="5">
        <v>53</v>
      </c>
      <c r="B69" s="22">
        <v>95</v>
      </c>
      <c r="C69" s="14">
        <v>89</v>
      </c>
      <c r="D69" s="18">
        <v>184</v>
      </c>
    </row>
    <row r="70" spans="1:4" ht="18" customHeight="1" x14ac:dyDescent="0.15">
      <c r="A70" s="5">
        <v>54</v>
      </c>
      <c r="B70" s="22">
        <v>97</v>
      </c>
      <c r="C70" s="14">
        <v>86</v>
      </c>
      <c r="D70" s="18">
        <v>183</v>
      </c>
    </row>
    <row r="71" spans="1:4" ht="18" customHeight="1" x14ac:dyDescent="0.15">
      <c r="A71" s="5" t="s">
        <v>22</v>
      </c>
      <c r="B71" s="22">
        <v>498</v>
      </c>
      <c r="C71" s="14">
        <v>436</v>
      </c>
      <c r="D71" s="18">
        <v>934</v>
      </c>
    </row>
    <row r="72" spans="1:4" ht="18" customHeight="1" x14ac:dyDescent="0.15">
      <c r="A72" s="5">
        <v>55</v>
      </c>
      <c r="B72" s="22">
        <v>89</v>
      </c>
      <c r="C72" s="14">
        <v>76</v>
      </c>
      <c r="D72" s="18">
        <v>165</v>
      </c>
    </row>
    <row r="73" spans="1:4" ht="18" customHeight="1" x14ac:dyDescent="0.15">
      <c r="A73" s="5">
        <v>56</v>
      </c>
      <c r="B73" s="22">
        <v>83</v>
      </c>
      <c r="C73" s="14">
        <v>79</v>
      </c>
      <c r="D73" s="18">
        <v>162</v>
      </c>
    </row>
    <row r="74" spans="1:4" ht="18" customHeight="1" x14ac:dyDescent="0.15">
      <c r="A74" s="5">
        <v>57</v>
      </c>
      <c r="B74" s="22">
        <v>68</v>
      </c>
      <c r="C74" s="14">
        <v>75</v>
      </c>
      <c r="D74" s="18">
        <v>143</v>
      </c>
    </row>
    <row r="75" spans="1:4" ht="18" customHeight="1" x14ac:dyDescent="0.15">
      <c r="A75" s="5">
        <v>58</v>
      </c>
      <c r="B75" s="22">
        <v>85</v>
      </c>
      <c r="C75" s="14">
        <v>79</v>
      </c>
      <c r="D75" s="18">
        <v>164</v>
      </c>
    </row>
    <row r="76" spans="1:4" ht="18" customHeight="1" x14ac:dyDescent="0.15">
      <c r="A76" s="5">
        <v>59</v>
      </c>
      <c r="B76" s="22">
        <v>46</v>
      </c>
      <c r="C76" s="14">
        <v>60</v>
      </c>
      <c r="D76" s="18">
        <v>106</v>
      </c>
    </row>
    <row r="77" spans="1:4" ht="18" customHeight="1" x14ac:dyDescent="0.15">
      <c r="A77" s="5" t="s">
        <v>27</v>
      </c>
      <c r="B77" s="22">
        <v>371</v>
      </c>
      <c r="C77" s="14">
        <v>369</v>
      </c>
      <c r="D77" s="18">
        <v>740</v>
      </c>
    </row>
    <row r="78" spans="1:4" ht="18" customHeight="1" x14ac:dyDescent="0.15">
      <c r="A78" s="5">
        <v>60</v>
      </c>
      <c r="B78" s="22">
        <v>62</v>
      </c>
      <c r="C78" s="14">
        <v>71</v>
      </c>
      <c r="D78" s="18">
        <v>133</v>
      </c>
    </row>
    <row r="79" spans="1:4" ht="18" customHeight="1" x14ac:dyDescent="0.15">
      <c r="A79" s="5">
        <v>61</v>
      </c>
      <c r="B79" s="22">
        <v>55</v>
      </c>
      <c r="C79" s="14">
        <v>69</v>
      </c>
      <c r="D79" s="18">
        <v>124</v>
      </c>
    </row>
    <row r="80" spans="1:4" ht="18" customHeight="1" x14ac:dyDescent="0.15">
      <c r="A80" s="5">
        <v>62</v>
      </c>
      <c r="B80" s="22">
        <v>75</v>
      </c>
      <c r="C80" s="14">
        <v>62</v>
      </c>
      <c r="D80" s="18">
        <v>137</v>
      </c>
    </row>
    <row r="81" spans="1:4" ht="18" customHeight="1" x14ac:dyDescent="0.15">
      <c r="A81" s="5">
        <v>63</v>
      </c>
      <c r="B81" s="22">
        <v>60</v>
      </c>
      <c r="C81" s="14">
        <v>71</v>
      </c>
      <c r="D81" s="18">
        <v>131</v>
      </c>
    </row>
    <row r="82" spans="1:4" ht="18" customHeight="1" x14ac:dyDescent="0.15">
      <c r="A82" s="5">
        <v>64</v>
      </c>
      <c r="B82" s="22">
        <v>54</v>
      </c>
      <c r="C82" s="14">
        <v>57</v>
      </c>
      <c r="D82" s="18">
        <v>111</v>
      </c>
    </row>
    <row r="83" spans="1:4" ht="18" customHeight="1" x14ac:dyDescent="0.15">
      <c r="A83" s="5" t="s">
        <v>28</v>
      </c>
      <c r="B83" s="22">
        <v>306</v>
      </c>
      <c r="C83" s="14">
        <v>330</v>
      </c>
      <c r="D83" s="18">
        <v>636</v>
      </c>
    </row>
    <row r="84" spans="1:4" ht="18" customHeight="1" x14ac:dyDescent="0.15">
      <c r="A84" s="5" t="s">
        <v>31</v>
      </c>
      <c r="B84" s="22">
        <v>3426</v>
      </c>
      <c r="C84" s="14">
        <v>3370</v>
      </c>
      <c r="D84" s="18">
        <v>6796</v>
      </c>
    </row>
    <row r="85" spans="1:4" ht="18" customHeight="1" x14ac:dyDescent="0.15">
      <c r="A85" s="5">
        <v>65</v>
      </c>
      <c r="B85" s="22">
        <v>66</v>
      </c>
      <c r="C85" s="14">
        <v>54</v>
      </c>
      <c r="D85" s="18">
        <v>120</v>
      </c>
    </row>
    <row r="86" spans="1:4" ht="18" customHeight="1" x14ac:dyDescent="0.15">
      <c r="A86" s="5">
        <v>66</v>
      </c>
      <c r="B86" s="22">
        <v>64</v>
      </c>
      <c r="C86" s="14">
        <v>58</v>
      </c>
      <c r="D86" s="18">
        <v>122</v>
      </c>
    </row>
    <row r="87" spans="1:4" ht="18" customHeight="1" x14ac:dyDescent="0.15">
      <c r="A87" s="5">
        <v>67</v>
      </c>
      <c r="B87" s="22">
        <v>64</v>
      </c>
      <c r="C87" s="14">
        <v>63</v>
      </c>
      <c r="D87" s="18">
        <v>127</v>
      </c>
    </row>
    <row r="88" spans="1:4" ht="18" customHeight="1" x14ac:dyDescent="0.15">
      <c r="A88" s="5">
        <v>68</v>
      </c>
      <c r="B88" s="22">
        <v>53</v>
      </c>
      <c r="C88" s="14">
        <v>60</v>
      </c>
      <c r="D88" s="18">
        <v>113</v>
      </c>
    </row>
    <row r="89" spans="1:4" ht="18" customHeight="1" x14ac:dyDescent="0.15">
      <c r="A89" s="5">
        <v>69</v>
      </c>
      <c r="B89" s="22">
        <v>43</v>
      </c>
      <c r="C89" s="14">
        <v>73</v>
      </c>
      <c r="D89" s="18">
        <v>116</v>
      </c>
    </row>
    <row r="90" spans="1:4" ht="18" customHeight="1" x14ac:dyDescent="0.15">
      <c r="A90" s="5" t="s">
        <v>20</v>
      </c>
      <c r="B90" s="22">
        <v>290</v>
      </c>
      <c r="C90" s="14">
        <v>308</v>
      </c>
      <c r="D90" s="18">
        <v>598</v>
      </c>
    </row>
    <row r="91" spans="1:4" ht="18" customHeight="1" x14ac:dyDescent="0.15">
      <c r="A91" s="5">
        <v>70</v>
      </c>
      <c r="B91" s="22">
        <v>61</v>
      </c>
      <c r="C91" s="14">
        <v>64</v>
      </c>
      <c r="D91" s="18">
        <v>125</v>
      </c>
    </row>
    <row r="92" spans="1:4" ht="18" customHeight="1" x14ac:dyDescent="0.15">
      <c r="A92" s="5">
        <v>71</v>
      </c>
      <c r="B92" s="22">
        <v>70</v>
      </c>
      <c r="C92" s="14">
        <v>71</v>
      </c>
      <c r="D92" s="18">
        <v>141</v>
      </c>
    </row>
    <row r="93" spans="1:4" ht="18" customHeight="1" x14ac:dyDescent="0.15">
      <c r="A93" s="5">
        <v>72</v>
      </c>
      <c r="B93" s="22">
        <v>53</v>
      </c>
      <c r="C93" s="14">
        <v>64</v>
      </c>
      <c r="D93" s="18">
        <v>117</v>
      </c>
    </row>
    <row r="94" spans="1:4" ht="18" customHeight="1" x14ac:dyDescent="0.15">
      <c r="A94" s="5">
        <v>73</v>
      </c>
      <c r="B94" s="22">
        <v>64</v>
      </c>
      <c r="C94" s="14">
        <v>63</v>
      </c>
      <c r="D94" s="18">
        <v>127</v>
      </c>
    </row>
    <row r="95" spans="1:4" ht="18" customHeight="1" x14ac:dyDescent="0.15">
      <c r="A95" s="5">
        <v>74</v>
      </c>
      <c r="B95" s="22">
        <v>48</v>
      </c>
      <c r="C95" s="14">
        <v>91</v>
      </c>
      <c r="D95" s="18">
        <v>139</v>
      </c>
    </row>
    <row r="96" spans="1:4" ht="18" customHeight="1" x14ac:dyDescent="0.15">
      <c r="A96" s="5" t="s">
        <v>33</v>
      </c>
      <c r="B96" s="22">
        <v>296</v>
      </c>
      <c r="C96" s="14">
        <v>353</v>
      </c>
      <c r="D96" s="18">
        <v>649</v>
      </c>
    </row>
    <row r="97" spans="1:4" ht="18" customHeight="1" x14ac:dyDescent="0.15">
      <c r="A97" s="5">
        <v>75</v>
      </c>
      <c r="B97" s="22">
        <v>68</v>
      </c>
      <c r="C97" s="14">
        <v>99</v>
      </c>
      <c r="D97" s="18">
        <v>167</v>
      </c>
    </row>
    <row r="98" spans="1:4" ht="18" customHeight="1" x14ac:dyDescent="0.15">
      <c r="A98" s="5">
        <v>76</v>
      </c>
      <c r="B98" s="22">
        <v>66</v>
      </c>
      <c r="C98" s="14">
        <v>97</v>
      </c>
      <c r="D98" s="18">
        <v>163</v>
      </c>
    </row>
    <row r="99" spans="1:4" ht="18" customHeight="1" x14ac:dyDescent="0.15">
      <c r="A99" s="5">
        <v>77</v>
      </c>
      <c r="B99" s="22">
        <v>74</v>
      </c>
      <c r="C99" s="14">
        <v>103</v>
      </c>
      <c r="D99" s="18">
        <v>177</v>
      </c>
    </row>
    <row r="100" spans="1:4" ht="18" customHeight="1" x14ac:dyDescent="0.15">
      <c r="A100" s="5">
        <v>78</v>
      </c>
      <c r="B100" s="22">
        <v>65</v>
      </c>
      <c r="C100" s="14">
        <v>90</v>
      </c>
      <c r="D100" s="18">
        <v>155</v>
      </c>
    </row>
    <row r="101" spans="1:4" ht="18" customHeight="1" x14ac:dyDescent="0.15">
      <c r="A101" s="5">
        <v>79</v>
      </c>
      <c r="B101" s="22">
        <v>53</v>
      </c>
      <c r="C101" s="14">
        <v>88</v>
      </c>
      <c r="D101" s="18">
        <v>141</v>
      </c>
    </row>
    <row r="102" spans="1:4" ht="18" customHeight="1" x14ac:dyDescent="0.15">
      <c r="A102" s="5" t="s">
        <v>0</v>
      </c>
      <c r="B102" s="22">
        <v>326</v>
      </c>
      <c r="C102" s="14">
        <v>477</v>
      </c>
      <c r="D102" s="18">
        <v>803</v>
      </c>
    </row>
    <row r="103" spans="1:4" ht="18" customHeight="1" x14ac:dyDescent="0.15">
      <c r="A103" s="5">
        <v>80</v>
      </c>
      <c r="B103" s="22">
        <v>36</v>
      </c>
      <c r="C103" s="14">
        <v>62</v>
      </c>
      <c r="D103" s="18">
        <v>98</v>
      </c>
    </row>
    <row r="104" spans="1:4" ht="18" customHeight="1" x14ac:dyDescent="0.15">
      <c r="A104" s="5">
        <v>81</v>
      </c>
      <c r="B104" s="22">
        <v>56</v>
      </c>
      <c r="C104" s="14">
        <v>73</v>
      </c>
      <c r="D104" s="18">
        <v>129</v>
      </c>
    </row>
    <row r="105" spans="1:4" ht="18" customHeight="1" x14ac:dyDescent="0.15">
      <c r="A105" s="5">
        <v>82</v>
      </c>
      <c r="B105" s="22">
        <v>58</v>
      </c>
      <c r="C105" s="14">
        <v>82</v>
      </c>
      <c r="D105" s="18">
        <v>140</v>
      </c>
    </row>
    <row r="106" spans="1:4" ht="18" customHeight="1" x14ac:dyDescent="0.15">
      <c r="A106" s="5">
        <v>83</v>
      </c>
      <c r="B106" s="22">
        <v>43</v>
      </c>
      <c r="C106" s="14">
        <v>85</v>
      </c>
      <c r="D106" s="18">
        <v>128</v>
      </c>
    </row>
    <row r="107" spans="1:4" ht="18" customHeight="1" x14ac:dyDescent="0.15">
      <c r="A107" s="5">
        <v>84</v>
      </c>
      <c r="B107" s="22">
        <v>54</v>
      </c>
      <c r="C107" s="14">
        <v>83</v>
      </c>
      <c r="D107" s="18">
        <v>137</v>
      </c>
    </row>
    <row r="108" spans="1:4" ht="18" customHeight="1" x14ac:dyDescent="0.15">
      <c r="A108" s="5" t="s">
        <v>35</v>
      </c>
      <c r="B108" s="22">
        <v>247</v>
      </c>
      <c r="C108" s="14">
        <v>385</v>
      </c>
      <c r="D108" s="18">
        <v>632</v>
      </c>
    </row>
    <row r="109" spans="1:4" ht="18" customHeight="1" x14ac:dyDescent="0.15">
      <c r="A109" s="5">
        <v>85</v>
      </c>
      <c r="B109" s="22">
        <v>37</v>
      </c>
      <c r="C109" s="14">
        <v>55</v>
      </c>
      <c r="D109" s="18">
        <v>92</v>
      </c>
    </row>
    <row r="110" spans="1:4" ht="18" customHeight="1" x14ac:dyDescent="0.15">
      <c r="A110" s="5">
        <v>86</v>
      </c>
      <c r="B110" s="22">
        <v>36</v>
      </c>
      <c r="C110" s="14">
        <v>48</v>
      </c>
      <c r="D110" s="18">
        <v>84</v>
      </c>
    </row>
    <row r="111" spans="1:4" ht="18" customHeight="1" x14ac:dyDescent="0.15">
      <c r="A111" s="5">
        <v>87</v>
      </c>
      <c r="B111" s="22">
        <v>21</v>
      </c>
      <c r="C111" s="14">
        <v>44</v>
      </c>
      <c r="D111" s="18">
        <v>65</v>
      </c>
    </row>
    <row r="112" spans="1:4" ht="18" customHeight="1" x14ac:dyDescent="0.15">
      <c r="A112" s="5">
        <v>88</v>
      </c>
      <c r="B112" s="22">
        <v>16</v>
      </c>
      <c r="C112" s="14">
        <v>57</v>
      </c>
      <c r="D112" s="18">
        <v>73</v>
      </c>
    </row>
    <row r="113" spans="1:4" ht="18" customHeight="1" x14ac:dyDescent="0.15">
      <c r="A113" s="5">
        <v>89</v>
      </c>
      <c r="B113" s="22">
        <v>23</v>
      </c>
      <c r="C113" s="14">
        <v>38</v>
      </c>
      <c r="D113" s="18">
        <v>61</v>
      </c>
    </row>
    <row r="114" spans="1:4" ht="18" customHeight="1" x14ac:dyDescent="0.15">
      <c r="A114" s="5" t="s">
        <v>37</v>
      </c>
      <c r="B114" s="22">
        <v>133</v>
      </c>
      <c r="C114" s="14">
        <v>242</v>
      </c>
      <c r="D114" s="18">
        <v>375</v>
      </c>
    </row>
    <row r="115" spans="1:4" ht="18" customHeight="1" x14ac:dyDescent="0.15">
      <c r="A115" s="5">
        <v>90</v>
      </c>
      <c r="B115" s="22">
        <v>25</v>
      </c>
      <c r="C115" s="14">
        <v>42</v>
      </c>
      <c r="D115" s="18">
        <v>67</v>
      </c>
    </row>
    <row r="116" spans="1:4" ht="18" customHeight="1" x14ac:dyDescent="0.15">
      <c r="A116" s="5">
        <v>91</v>
      </c>
      <c r="B116" s="22">
        <v>13</v>
      </c>
      <c r="C116" s="14">
        <v>27</v>
      </c>
      <c r="D116" s="18">
        <v>40</v>
      </c>
    </row>
    <row r="117" spans="1:4" ht="18" customHeight="1" x14ac:dyDescent="0.15">
      <c r="A117" s="5">
        <v>92</v>
      </c>
      <c r="B117" s="22">
        <v>15</v>
      </c>
      <c r="C117" s="14">
        <v>24</v>
      </c>
      <c r="D117" s="18">
        <v>39</v>
      </c>
    </row>
    <row r="118" spans="1:4" ht="18" customHeight="1" x14ac:dyDescent="0.15">
      <c r="A118" s="5">
        <v>93</v>
      </c>
      <c r="B118" s="22">
        <v>11</v>
      </c>
      <c r="C118" s="14">
        <v>27</v>
      </c>
      <c r="D118" s="18">
        <v>38</v>
      </c>
    </row>
    <row r="119" spans="1:4" ht="18" customHeight="1" x14ac:dyDescent="0.15">
      <c r="A119" s="5">
        <v>94</v>
      </c>
      <c r="B119" s="22">
        <v>4</v>
      </c>
      <c r="C119" s="14">
        <v>27</v>
      </c>
      <c r="D119" s="18">
        <v>31</v>
      </c>
    </row>
    <row r="120" spans="1:4" ht="18" customHeight="1" x14ac:dyDescent="0.15">
      <c r="A120" s="5" t="s">
        <v>39</v>
      </c>
      <c r="B120" s="22">
        <v>68</v>
      </c>
      <c r="C120" s="14">
        <v>147</v>
      </c>
      <c r="D120" s="18">
        <v>215</v>
      </c>
    </row>
    <row r="121" spans="1:4" ht="18" customHeight="1" x14ac:dyDescent="0.15">
      <c r="A121" s="5">
        <v>95</v>
      </c>
      <c r="B121" s="22">
        <v>5</v>
      </c>
      <c r="C121" s="14">
        <v>20</v>
      </c>
      <c r="D121" s="18">
        <v>25</v>
      </c>
    </row>
    <row r="122" spans="1:4" ht="18" customHeight="1" x14ac:dyDescent="0.15">
      <c r="A122" s="5">
        <v>96</v>
      </c>
      <c r="B122" s="22">
        <v>4</v>
      </c>
      <c r="C122" s="14">
        <v>9</v>
      </c>
      <c r="D122" s="18">
        <v>13</v>
      </c>
    </row>
    <row r="123" spans="1:4" ht="18" customHeight="1" x14ac:dyDescent="0.15">
      <c r="A123" s="5">
        <v>97</v>
      </c>
      <c r="B123" s="22">
        <v>4</v>
      </c>
      <c r="C123" s="14">
        <v>10</v>
      </c>
      <c r="D123" s="18">
        <v>14</v>
      </c>
    </row>
    <row r="124" spans="1:4" ht="18" customHeight="1" x14ac:dyDescent="0.15">
      <c r="A124" s="5">
        <v>98</v>
      </c>
      <c r="B124" s="22">
        <v>4</v>
      </c>
      <c r="C124" s="14">
        <v>8</v>
      </c>
      <c r="D124" s="18">
        <v>12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17</v>
      </c>
      <c r="C126" s="14">
        <v>50</v>
      </c>
      <c r="D126" s="18">
        <v>67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1377</v>
      </c>
      <c r="C130" s="14">
        <v>1965</v>
      </c>
      <c r="D130" s="18">
        <v>3342</v>
      </c>
    </row>
    <row r="131" spans="1:4" ht="18" customHeight="1" x14ac:dyDescent="0.15">
      <c r="A131" s="7" t="s">
        <v>45</v>
      </c>
      <c r="B131" s="23">
        <v>5505</v>
      </c>
      <c r="C131" s="15">
        <v>5996</v>
      </c>
      <c r="D131" s="19">
        <v>1150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35</v>
      </c>
      <c r="C5" s="13">
        <v>44</v>
      </c>
      <c r="D5" s="17">
        <v>79</v>
      </c>
    </row>
    <row r="6" spans="1:4" ht="18" customHeight="1" x14ac:dyDescent="0.15">
      <c r="A6" s="5">
        <v>1</v>
      </c>
      <c r="B6" s="22">
        <v>38</v>
      </c>
      <c r="C6" s="14">
        <v>33</v>
      </c>
      <c r="D6" s="18">
        <v>71</v>
      </c>
    </row>
    <row r="7" spans="1:4" ht="18" customHeight="1" x14ac:dyDescent="0.15">
      <c r="A7" s="5">
        <v>2</v>
      </c>
      <c r="B7" s="22">
        <v>44</v>
      </c>
      <c r="C7" s="14">
        <v>27</v>
      </c>
      <c r="D7" s="18">
        <v>71</v>
      </c>
    </row>
    <row r="8" spans="1:4" ht="18" customHeight="1" x14ac:dyDescent="0.15">
      <c r="A8" s="5">
        <v>3</v>
      </c>
      <c r="B8" s="22">
        <v>36</v>
      </c>
      <c r="C8" s="14">
        <v>29</v>
      </c>
      <c r="D8" s="18">
        <v>65</v>
      </c>
    </row>
    <row r="9" spans="1:4" ht="18" customHeight="1" x14ac:dyDescent="0.15">
      <c r="A9" s="5">
        <v>4</v>
      </c>
      <c r="B9" s="22">
        <v>29</v>
      </c>
      <c r="C9" s="14">
        <v>41</v>
      </c>
      <c r="D9" s="18">
        <v>70</v>
      </c>
    </row>
    <row r="10" spans="1:4" ht="18" customHeight="1" x14ac:dyDescent="0.15">
      <c r="A10" s="5" t="s">
        <v>7</v>
      </c>
      <c r="B10" s="22">
        <v>182</v>
      </c>
      <c r="C10" s="14">
        <v>174</v>
      </c>
      <c r="D10" s="18">
        <v>356</v>
      </c>
    </row>
    <row r="11" spans="1:4" ht="18" customHeight="1" x14ac:dyDescent="0.15">
      <c r="A11" s="5">
        <v>5</v>
      </c>
      <c r="B11" s="22">
        <v>32</v>
      </c>
      <c r="C11" s="14">
        <v>43</v>
      </c>
      <c r="D11" s="18">
        <v>75</v>
      </c>
    </row>
    <row r="12" spans="1:4" ht="18" customHeight="1" x14ac:dyDescent="0.15">
      <c r="A12" s="5">
        <v>6</v>
      </c>
      <c r="B12" s="22">
        <v>30</v>
      </c>
      <c r="C12" s="14">
        <v>39</v>
      </c>
      <c r="D12" s="18">
        <v>69</v>
      </c>
    </row>
    <row r="13" spans="1:4" ht="18" customHeight="1" x14ac:dyDescent="0.15">
      <c r="A13" s="5">
        <v>7</v>
      </c>
      <c r="B13" s="22">
        <v>36</v>
      </c>
      <c r="C13" s="14">
        <v>43</v>
      </c>
      <c r="D13" s="18">
        <v>79</v>
      </c>
    </row>
    <row r="14" spans="1:4" ht="18" customHeight="1" x14ac:dyDescent="0.15">
      <c r="A14" s="5">
        <v>8</v>
      </c>
      <c r="B14" s="22">
        <v>55</v>
      </c>
      <c r="C14" s="14">
        <v>38</v>
      </c>
      <c r="D14" s="18">
        <v>93</v>
      </c>
    </row>
    <row r="15" spans="1:4" ht="18" customHeight="1" x14ac:dyDescent="0.15">
      <c r="A15" s="5">
        <v>9</v>
      </c>
      <c r="B15" s="22">
        <v>40</v>
      </c>
      <c r="C15" s="14">
        <v>35</v>
      </c>
      <c r="D15" s="18">
        <v>75</v>
      </c>
    </row>
    <row r="16" spans="1:4" ht="18" customHeight="1" x14ac:dyDescent="0.15">
      <c r="A16" s="5" t="s">
        <v>11</v>
      </c>
      <c r="B16" s="22">
        <v>193</v>
      </c>
      <c r="C16" s="14">
        <v>198</v>
      </c>
      <c r="D16" s="18">
        <v>391</v>
      </c>
    </row>
    <row r="17" spans="1:4" ht="18" customHeight="1" x14ac:dyDescent="0.15">
      <c r="A17" s="5">
        <v>10</v>
      </c>
      <c r="B17" s="22">
        <v>39</v>
      </c>
      <c r="C17" s="14">
        <v>39</v>
      </c>
      <c r="D17" s="18">
        <v>78</v>
      </c>
    </row>
    <row r="18" spans="1:4" ht="18" customHeight="1" x14ac:dyDescent="0.15">
      <c r="A18" s="5">
        <v>11</v>
      </c>
      <c r="B18" s="22">
        <v>37</v>
      </c>
      <c r="C18" s="14">
        <v>43</v>
      </c>
      <c r="D18" s="18">
        <v>80</v>
      </c>
    </row>
    <row r="19" spans="1:4" ht="18" customHeight="1" x14ac:dyDescent="0.15">
      <c r="A19" s="5">
        <v>12</v>
      </c>
      <c r="B19" s="22">
        <v>49</v>
      </c>
      <c r="C19" s="14">
        <v>45</v>
      </c>
      <c r="D19" s="18">
        <v>94</v>
      </c>
    </row>
    <row r="20" spans="1:4" ht="18" customHeight="1" x14ac:dyDescent="0.15">
      <c r="A20" s="5">
        <v>13</v>
      </c>
      <c r="B20" s="22">
        <v>50</v>
      </c>
      <c r="C20" s="14">
        <v>43</v>
      </c>
      <c r="D20" s="18">
        <v>93</v>
      </c>
    </row>
    <row r="21" spans="1:4" ht="18" customHeight="1" x14ac:dyDescent="0.15">
      <c r="A21" s="5">
        <v>14</v>
      </c>
      <c r="B21" s="22">
        <v>44</v>
      </c>
      <c r="C21" s="14">
        <v>51</v>
      </c>
      <c r="D21" s="18">
        <v>95</v>
      </c>
    </row>
    <row r="22" spans="1:4" ht="18" customHeight="1" x14ac:dyDescent="0.15">
      <c r="A22" s="5" t="s">
        <v>12</v>
      </c>
      <c r="B22" s="22">
        <v>219</v>
      </c>
      <c r="C22" s="14">
        <v>221</v>
      </c>
      <c r="D22" s="18">
        <v>440</v>
      </c>
    </row>
    <row r="23" spans="1:4" ht="18" customHeight="1" x14ac:dyDescent="0.15">
      <c r="A23" s="5" t="s">
        <v>6</v>
      </c>
      <c r="B23" s="22">
        <v>594</v>
      </c>
      <c r="C23" s="14">
        <v>593</v>
      </c>
      <c r="D23" s="18">
        <v>1187</v>
      </c>
    </row>
    <row r="24" spans="1:4" ht="18" customHeight="1" x14ac:dyDescent="0.15">
      <c r="A24" s="5">
        <v>15</v>
      </c>
      <c r="B24" s="22">
        <v>46</v>
      </c>
      <c r="C24" s="14">
        <v>48</v>
      </c>
      <c r="D24" s="18">
        <v>94</v>
      </c>
    </row>
    <row r="25" spans="1:4" ht="18" customHeight="1" x14ac:dyDescent="0.15">
      <c r="A25" s="5">
        <v>16</v>
      </c>
      <c r="B25" s="22">
        <v>50</v>
      </c>
      <c r="C25" s="14">
        <v>53</v>
      </c>
      <c r="D25" s="18">
        <v>103</v>
      </c>
    </row>
    <row r="26" spans="1:4" ht="18" customHeight="1" x14ac:dyDescent="0.15">
      <c r="A26" s="5">
        <v>17</v>
      </c>
      <c r="B26" s="22">
        <v>54</v>
      </c>
      <c r="C26" s="14">
        <v>47</v>
      </c>
      <c r="D26" s="18">
        <v>101</v>
      </c>
    </row>
    <row r="27" spans="1:4" ht="18" customHeight="1" x14ac:dyDescent="0.15">
      <c r="A27" s="5">
        <v>18</v>
      </c>
      <c r="B27" s="22">
        <v>63</v>
      </c>
      <c r="C27" s="14">
        <v>52</v>
      </c>
      <c r="D27" s="18">
        <v>115</v>
      </c>
    </row>
    <row r="28" spans="1:4" ht="18" customHeight="1" x14ac:dyDescent="0.15">
      <c r="A28" s="5">
        <v>19</v>
      </c>
      <c r="B28" s="22">
        <v>65</v>
      </c>
      <c r="C28" s="14">
        <v>44</v>
      </c>
      <c r="D28" s="18">
        <v>109</v>
      </c>
    </row>
    <row r="29" spans="1:4" ht="18" customHeight="1" x14ac:dyDescent="0.15">
      <c r="A29" s="5" t="s">
        <v>14</v>
      </c>
      <c r="B29" s="22">
        <v>278</v>
      </c>
      <c r="C29" s="14">
        <v>244</v>
      </c>
      <c r="D29" s="18">
        <v>522</v>
      </c>
    </row>
    <row r="30" spans="1:4" ht="18" customHeight="1" x14ac:dyDescent="0.15">
      <c r="A30" s="5">
        <v>20</v>
      </c>
      <c r="B30" s="22">
        <v>42</v>
      </c>
      <c r="C30" s="14">
        <v>64</v>
      </c>
      <c r="D30" s="18">
        <v>106</v>
      </c>
    </row>
    <row r="31" spans="1:4" ht="18" customHeight="1" x14ac:dyDescent="0.15">
      <c r="A31" s="5">
        <v>21</v>
      </c>
      <c r="B31" s="22">
        <v>72</v>
      </c>
      <c r="C31" s="14">
        <v>60</v>
      </c>
      <c r="D31" s="18">
        <v>132</v>
      </c>
    </row>
    <row r="32" spans="1:4" ht="18" customHeight="1" x14ac:dyDescent="0.15">
      <c r="A32" s="5">
        <v>22</v>
      </c>
      <c r="B32" s="22">
        <v>61</v>
      </c>
      <c r="C32" s="14">
        <v>46</v>
      </c>
      <c r="D32" s="18">
        <v>107</v>
      </c>
    </row>
    <row r="33" spans="1:4" ht="18" customHeight="1" x14ac:dyDescent="0.15">
      <c r="A33" s="5">
        <v>23</v>
      </c>
      <c r="B33" s="22">
        <v>51</v>
      </c>
      <c r="C33" s="14">
        <v>54</v>
      </c>
      <c r="D33" s="18">
        <v>105</v>
      </c>
    </row>
    <row r="34" spans="1:4" ht="18" customHeight="1" x14ac:dyDescent="0.15">
      <c r="A34" s="5">
        <v>24</v>
      </c>
      <c r="B34" s="22">
        <v>63</v>
      </c>
      <c r="C34" s="14">
        <v>60</v>
      </c>
      <c r="D34" s="18">
        <v>123</v>
      </c>
    </row>
    <row r="35" spans="1:4" ht="18" customHeight="1" x14ac:dyDescent="0.15">
      <c r="A35" s="5" t="s">
        <v>9</v>
      </c>
      <c r="B35" s="22">
        <v>289</v>
      </c>
      <c r="C35" s="14">
        <v>284</v>
      </c>
      <c r="D35" s="18">
        <v>573</v>
      </c>
    </row>
    <row r="36" spans="1:4" ht="18" customHeight="1" x14ac:dyDescent="0.15">
      <c r="A36" s="5">
        <v>25</v>
      </c>
      <c r="B36" s="22">
        <v>57</v>
      </c>
      <c r="C36" s="14">
        <v>57</v>
      </c>
      <c r="D36" s="18">
        <v>114</v>
      </c>
    </row>
    <row r="37" spans="1:4" ht="18" customHeight="1" x14ac:dyDescent="0.15">
      <c r="A37" s="5">
        <v>26</v>
      </c>
      <c r="B37" s="22">
        <v>62</v>
      </c>
      <c r="C37" s="14">
        <v>53</v>
      </c>
      <c r="D37" s="18">
        <v>115</v>
      </c>
    </row>
    <row r="38" spans="1:4" ht="18" customHeight="1" x14ac:dyDescent="0.15">
      <c r="A38" s="5">
        <v>27</v>
      </c>
      <c r="B38" s="22">
        <v>60</v>
      </c>
      <c r="C38" s="14">
        <v>51</v>
      </c>
      <c r="D38" s="18">
        <v>111</v>
      </c>
    </row>
    <row r="39" spans="1:4" ht="18" customHeight="1" x14ac:dyDescent="0.15">
      <c r="A39" s="5">
        <v>28</v>
      </c>
      <c r="B39" s="22">
        <v>64</v>
      </c>
      <c r="C39" s="14">
        <v>62</v>
      </c>
      <c r="D39" s="18">
        <v>126</v>
      </c>
    </row>
    <row r="40" spans="1:4" ht="18" customHeight="1" x14ac:dyDescent="0.15">
      <c r="A40" s="5">
        <v>29</v>
      </c>
      <c r="B40" s="22">
        <v>58</v>
      </c>
      <c r="C40" s="14">
        <v>54</v>
      </c>
      <c r="D40" s="18">
        <v>112</v>
      </c>
    </row>
    <row r="41" spans="1:4" ht="18" customHeight="1" x14ac:dyDescent="0.15">
      <c r="A41" s="5" t="s">
        <v>2</v>
      </c>
      <c r="B41" s="22">
        <v>301</v>
      </c>
      <c r="C41" s="14">
        <v>277</v>
      </c>
      <c r="D41" s="18">
        <v>578</v>
      </c>
    </row>
    <row r="42" spans="1:4" ht="18" customHeight="1" x14ac:dyDescent="0.15">
      <c r="A42" s="5">
        <v>30</v>
      </c>
      <c r="B42" s="22">
        <v>63</v>
      </c>
      <c r="C42" s="14">
        <v>71</v>
      </c>
      <c r="D42" s="18">
        <v>134</v>
      </c>
    </row>
    <row r="43" spans="1:4" ht="18" customHeight="1" x14ac:dyDescent="0.15">
      <c r="A43" s="5">
        <v>31</v>
      </c>
      <c r="B43" s="22">
        <v>68</v>
      </c>
      <c r="C43" s="14">
        <v>58</v>
      </c>
      <c r="D43" s="18">
        <v>126</v>
      </c>
    </row>
    <row r="44" spans="1:4" ht="18" customHeight="1" x14ac:dyDescent="0.15">
      <c r="A44" s="5">
        <v>32</v>
      </c>
      <c r="B44" s="22">
        <v>63</v>
      </c>
      <c r="C44" s="14">
        <v>50</v>
      </c>
      <c r="D44" s="18">
        <v>113</v>
      </c>
    </row>
    <row r="45" spans="1:4" ht="18" customHeight="1" x14ac:dyDescent="0.15">
      <c r="A45" s="5">
        <v>33</v>
      </c>
      <c r="B45" s="22">
        <v>56</v>
      </c>
      <c r="C45" s="14">
        <v>51</v>
      </c>
      <c r="D45" s="18">
        <v>107</v>
      </c>
    </row>
    <row r="46" spans="1:4" ht="18" customHeight="1" x14ac:dyDescent="0.15">
      <c r="A46" s="5">
        <v>34</v>
      </c>
      <c r="B46" s="22">
        <v>60</v>
      </c>
      <c r="C46" s="14">
        <v>53</v>
      </c>
      <c r="D46" s="18">
        <v>113</v>
      </c>
    </row>
    <row r="47" spans="1:4" ht="18" customHeight="1" x14ac:dyDescent="0.15">
      <c r="A47" s="5" t="s">
        <v>15</v>
      </c>
      <c r="B47" s="22">
        <v>310</v>
      </c>
      <c r="C47" s="14">
        <v>283</v>
      </c>
      <c r="D47" s="18">
        <v>593</v>
      </c>
    </row>
    <row r="48" spans="1:4" ht="18" customHeight="1" x14ac:dyDescent="0.15">
      <c r="A48" s="5">
        <v>35</v>
      </c>
      <c r="B48" s="22">
        <v>52</v>
      </c>
      <c r="C48" s="14">
        <v>48</v>
      </c>
      <c r="D48" s="18">
        <v>100</v>
      </c>
    </row>
    <row r="49" spans="1:4" ht="18" customHeight="1" x14ac:dyDescent="0.15">
      <c r="A49" s="5">
        <v>36</v>
      </c>
      <c r="B49" s="22">
        <v>61</v>
      </c>
      <c r="C49" s="14">
        <v>60</v>
      </c>
      <c r="D49" s="18">
        <v>121</v>
      </c>
    </row>
    <row r="50" spans="1:4" ht="18" customHeight="1" x14ac:dyDescent="0.15">
      <c r="A50" s="5">
        <v>37</v>
      </c>
      <c r="B50" s="22">
        <v>52</v>
      </c>
      <c r="C50" s="14">
        <v>51</v>
      </c>
      <c r="D50" s="18">
        <v>103</v>
      </c>
    </row>
    <row r="51" spans="1:4" ht="18" customHeight="1" x14ac:dyDescent="0.15">
      <c r="A51" s="5">
        <v>38</v>
      </c>
      <c r="B51" s="22">
        <v>66</v>
      </c>
      <c r="C51" s="14">
        <v>59</v>
      </c>
      <c r="D51" s="18">
        <v>125</v>
      </c>
    </row>
    <row r="52" spans="1:4" ht="18" customHeight="1" x14ac:dyDescent="0.15">
      <c r="A52" s="5">
        <v>39</v>
      </c>
      <c r="B52" s="22">
        <v>57</v>
      </c>
      <c r="C52" s="14">
        <v>67</v>
      </c>
      <c r="D52" s="18">
        <v>124</v>
      </c>
    </row>
    <row r="53" spans="1:4" ht="18" customHeight="1" x14ac:dyDescent="0.15">
      <c r="A53" s="5" t="s">
        <v>18</v>
      </c>
      <c r="B53" s="22">
        <v>288</v>
      </c>
      <c r="C53" s="14">
        <v>285</v>
      </c>
      <c r="D53" s="18">
        <v>573</v>
      </c>
    </row>
    <row r="54" spans="1:4" ht="18" customHeight="1" x14ac:dyDescent="0.15">
      <c r="A54" s="5">
        <v>40</v>
      </c>
      <c r="B54" s="22">
        <v>54</v>
      </c>
      <c r="C54" s="14">
        <v>51</v>
      </c>
      <c r="D54" s="18">
        <v>105</v>
      </c>
    </row>
    <row r="55" spans="1:4" ht="18" customHeight="1" x14ac:dyDescent="0.15">
      <c r="A55" s="5">
        <v>41</v>
      </c>
      <c r="B55" s="22">
        <v>64</v>
      </c>
      <c r="C55" s="14">
        <v>62</v>
      </c>
      <c r="D55" s="18">
        <v>126</v>
      </c>
    </row>
    <row r="56" spans="1:4" ht="18" customHeight="1" x14ac:dyDescent="0.15">
      <c r="A56" s="5">
        <v>42</v>
      </c>
      <c r="B56" s="22">
        <v>54</v>
      </c>
      <c r="C56" s="14">
        <v>59</v>
      </c>
      <c r="D56" s="18">
        <v>113</v>
      </c>
    </row>
    <row r="57" spans="1:4" ht="18" customHeight="1" x14ac:dyDescent="0.15">
      <c r="A57" s="5">
        <v>43</v>
      </c>
      <c r="B57" s="22">
        <v>76</v>
      </c>
      <c r="C57" s="14">
        <v>51</v>
      </c>
      <c r="D57" s="18">
        <v>127</v>
      </c>
    </row>
    <row r="58" spans="1:4" ht="18" customHeight="1" x14ac:dyDescent="0.15">
      <c r="A58" s="5">
        <v>44</v>
      </c>
      <c r="B58" s="22">
        <v>67</v>
      </c>
      <c r="C58" s="14">
        <v>75</v>
      </c>
      <c r="D58" s="18">
        <v>142</v>
      </c>
    </row>
    <row r="59" spans="1:4" ht="18" customHeight="1" x14ac:dyDescent="0.15">
      <c r="A59" s="5" t="s">
        <v>21</v>
      </c>
      <c r="B59" s="22">
        <v>315</v>
      </c>
      <c r="C59" s="14">
        <v>298</v>
      </c>
      <c r="D59" s="18">
        <v>613</v>
      </c>
    </row>
    <row r="60" spans="1:4" ht="18" customHeight="1" x14ac:dyDescent="0.15">
      <c r="A60" s="5">
        <v>45</v>
      </c>
      <c r="B60" s="22">
        <v>62</v>
      </c>
      <c r="C60" s="14">
        <v>54</v>
      </c>
      <c r="D60" s="18">
        <v>116</v>
      </c>
    </row>
    <row r="61" spans="1:4" ht="18" customHeight="1" x14ac:dyDescent="0.15">
      <c r="A61" s="5">
        <v>46</v>
      </c>
      <c r="B61" s="22">
        <v>76</v>
      </c>
      <c r="C61" s="14">
        <v>64</v>
      </c>
      <c r="D61" s="18">
        <v>140</v>
      </c>
    </row>
    <row r="62" spans="1:4" ht="18" customHeight="1" x14ac:dyDescent="0.15">
      <c r="A62" s="5">
        <v>47</v>
      </c>
      <c r="B62" s="22">
        <v>93</v>
      </c>
      <c r="C62" s="14">
        <v>87</v>
      </c>
      <c r="D62" s="18">
        <v>180</v>
      </c>
    </row>
    <row r="63" spans="1:4" ht="18" customHeight="1" x14ac:dyDescent="0.15">
      <c r="A63" s="5">
        <v>48</v>
      </c>
      <c r="B63" s="22">
        <v>87</v>
      </c>
      <c r="C63" s="14">
        <v>95</v>
      </c>
      <c r="D63" s="18">
        <v>182</v>
      </c>
    </row>
    <row r="64" spans="1:4" ht="18" customHeight="1" x14ac:dyDescent="0.15">
      <c r="A64" s="5">
        <v>49</v>
      </c>
      <c r="B64" s="22">
        <v>78</v>
      </c>
      <c r="C64" s="14">
        <v>84</v>
      </c>
      <c r="D64" s="18">
        <v>162</v>
      </c>
    </row>
    <row r="65" spans="1:4" ht="18" customHeight="1" x14ac:dyDescent="0.15">
      <c r="A65" s="5" t="s">
        <v>17</v>
      </c>
      <c r="B65" s="22">
        <v>396</v>
      </c>
      <c r="C65" s="14">
        <v>384</v>
      </c>
      <c r="D65" s="18">
        <v>780</v>
      </c>
    </row>
    <row r="66" spans="1:4" ht="18" customHeight="1" x14ac:dyDescent="0.15">
      <c r="A66" s="5">
        <v>50</v>
      </c>
      <c r="B66" s="22">
        <v>96</v>
      </c>
      <c r="C66" s="14">
        <v>99</v>
      </c>
      <c r="D66" s="18">
        <v>195</v>
      </c>
    </row>
    <row r="67" spans="1:4" ht="18" customHeight="1" x14ac:dyDescent="0.15">
      <c r="A67" s="5">
        <v>51</v>
      </c>
      <c r="B67" s="22">
        <v>111</v>
      </c>
      <c r="C67" s="14">
        <v>93</v>
      </c>
      <c r="D67" s="18">
        <v>204</v>
      </c>
    </row>
    <row r="68" spans="1:4" ht="18" customHeight="1" x14ac:dyDescent="0.15">
      <c r="A68" s="5">
        <v>52</v>
      </c>
      <c r="B68" s="22">
        <v>96</v>
      </c>
      <c r="C68" s="14">
        <v>110</v>
      </c>
      <c r="D68" s="18">
        <v>206</v>
      </c>
    </row>
    <row r="69" spans="1:4" ht="18" customHeight="1" x14ac:dyDescent="0.15">
      <c r="A69" s="5">
        <v>53</v>
      </c>
      <c r="B69" s="22">
        <v>125</v>
      </c>
      <c r="C69" s="14">
        <v>99</v>
      </c>
      <c r="D69" s="18">
        <v>224</v>
      </c>
    </row>
    <row r="70" spans="1:4" ht="18" customHeight="1" x14ac:dyDescent="0.15">
      <c r="A70" s="5">
        <v>54</v>
      </c>
      <c r="B70" s="22">
        <v>87</v>
      </c>
      <c r="C70" s="14">
        <v>98</v>
      </c>
      <c r="D70" s="18">
        <v>185</v>
      </c>
    </row>
    <row r="71" spans="1:4" ht="18" customHeight="1" x14ac:dyDescent="0.15">
      <c r="A71" s="5" t="s">
        <v>22</v>
      </c>
      <c r="B71" s="22">
        <v>515</v>
      </c>
      <c r="C71" s="14">
        <v>499</v>
      </c>
      <c r="D71" s="18">
        <v>1014</v>
      </c>
    </row>
    <row r="72" spans="1:4" ht="18" customHeight="1" x14ac:dyDescent="0.15">
      <c r="A72" s="5">
        <v>55</v>
      </c>
      <c r="B72" s="22">
        <v>110</v>
      </c>
      <c r="C72" s="14">
        <v>87</v>
      </c>
      <c r="D72" s="18">
        <v>197</v>
      </c>
    </row>
    <row r="73" spans="1:4" ht="18" customHeight="1" x14ac:dyDescent="0.15">
      <c r="A73" s="5">
        <v>56</v>
      </c>
      <c r="B73" s="22">
        <v>90</v>
      </c>
      <c r="C73" s="14">
        <v>91</v>
      </c>
      <c r="D73" s="18">
        <v>181</v>
      </c>
    </row>
    <row r="74" spans="1:4" ht="18" customHeight="1" x14ac:dyDescent="0.15">
      <c r="A74" s="5">
        <v>57</v>
      </c>
      <c r="B74" s="22">
        <v>91</v>
      </c>
      <c r="C74" s="14">
        <v>87</v>
      </c>
      <c r="D74" s="18">
        <v>178</v>
      </c>
    </row>
    <row r="75" spans="1:4" ht="18" customHeight="1" x14ac:dyDescent="0.15">
      <c r="A75" s="5">
        <v>58</v>
      </c>
      <c r="B75" s="22">
        <v>80</v>
      </c>
      <c r="C75" s="14">
        <v>97</v>
      </c>
      <c r="D75" s="18">
        <v>177</v>
      </c>
    </row>
    <row r="76" spans="1:4" ht="18" customHeight="1" x14ac:dyDescent="0.15">
      <c r="A76" s="5">
        <v>59</v>
      </c>
      <c r="B76" s="22">
        <v>56</v>
      </c>
      <c r="C76" s="14">
        <v>85</v>
      </c>
      <c r="D76" s="18">
        <v>141</v>
      </c>
    </row>
    <row r="77" spans="1:4" ht="18" customHeight="1" x14ac:dyDescent="0.15">
      <c r="A77" s="5" t="s">
        <v>27</v>
      </c>
      <c r="B77" s="22">
        <v>427</v>
      </c>
      <c r="C77" s="14">
        <v>447</v>
      </c>
      <c r="D77" s="18">
        <v>874</v>
      </c>
    </row>
    <row r="78" spans="1:4" ht="18" customHeight="1" x14ac:dyDescent="0.15">
      <c r="A78" s="5">
        <v>60</v>
      </c>
      <c r="B78" s="22">
        <v>88</v>
      </c>
      <c r="C78" s="14">
        <v>77</v>
      </c>
      <c r="D78" s="18">
        <v>165</v>
      </c>
    </row>
    <row r="79" spans="1:4" ht="18" customHeight="1" x14ac:dyDescent="0.15">
      <c r="A79" s="5">
        <v>61</v>
      </c>
      <c r="B79" s="22">
        <v>83</v>
      </c>
      <c r="C79" s="14">
        <v>83</v>
      </c>
      <c r="D79" s="18">
        <v>166</v>
      </c>
    </row>
    <row r="80" spans="1:4" ht="18" customHeight="1" x14ac:dyDescent="0.15">
      <c r="A80" s="5">
        <v>62</v>
      </c>
      <c r="B80" s="22">
        <v>78</v>
      </c>
      <c r="C80" s="14">
        <v>64</v>
      </c>
      <c r="D80" s="18">
        <v>142</v>
      </c>
    </row>
    <row r="81" spans="1:4" ht="18" customHeight="1" x14ac:dyDescent="0.15">
      <c r="A81" s="5">
        <v>63</v>
      </c>
      <c r="B81" s="22">
        <v>70</v>
      </c>
      <c r="C81" s="14">
        <v>66</v>
      </c>
      <c r="D81" s="18">
        <v>136</v>
      </c>
    </row>
    <row r="82" spans="1:4" ht="18" customHeight="1" x14ac:dyDescent="0.15">
      <c r="A82" s="5">
        <v>64</v>
      </c>
      <c r="B82" s="22">
        <v>51</v>
      </c>
      <c r="C82" s="14">
        <v>55</v>
      </c>
      <c r="D82" s="18">
        <v>106</v>
      </c>
    </row>
    <row r="83" spans="1:4" ht="18" customHeight="1" x14ac:dyDescent="0.15">
      <c r="A83" s="5" t="s">
        <v>28</v>
      </c>
      <c r="B83" s="22">
        <v>370</v>
      </c>
      <c r="C83" s="14">
        <v>345</v>
      </c>
      <c r="D83" s="18">
        <v>715</v>
      </c>
    </row>
    <row r="84" spans="1:4" ht="18" customHeight="1" x14ac:dyDescent="0.15">
      <c r="A84" s="5" t="s">
        <v>31</v>
      </c>
      <c r="B84" s="22">
        <v>3489</v>
      </c>
      <c r="C84" s="14">
        <v>3346</v>
      </c>
      <c r="D84" s="18">
        <v>6835</v>
      </c>
    </row>
    <row r="85" spans="1:4" ht="18" customHeight="1" x14ac:dyDescent="0.15">
      <c r="A85" s="5">
        <v>65</v>
      </c>
      <c r="B85" s="22">
        <v>56</v>
      </c>
      <c r="C85" s="14">
        <v>67</v>
      </c>
      <c r="D85" s="18">
        <v>123</v>
      </c>
    </row>
    <row r="86" spans="1:4" ht="18" customHeight="1" x14ac:dyDescent="0.15">
      <c r="A86" s="5">
        <v>66</v>
      </c>
      <c r="B86" s="22">
        <v>64</v>
      </c>
      <c r="C86" s="14">
        <v>56</v>
      </c>
      <c r="D86" s="18">
        <v>120</v>
      </c>
    </row>
    <row r="87" spans="1:4" ht="18" customHeight="1" x14ac:dyDescent="0.15">
      <c r="A87" s="5">
        <v>67</v>
      </c>
      <c r="B87" s="22">
        <v>47</v>
      </c>
      <c r="C87" s="14">
        <v>59</v>
      </c>
      <c r="D87" s="18">
        <v>106</v>
      </c>
    </row>
    <row r="88" spans="1:4" ht="18" customHeight="1" x14ac:dyDescent="0.15">
      <c r="A88" s="5">
        <v>68</v>
      </c>
      <c r="B88" s="22">
        <v>62</v>
      </c>
      <c r="C88" s="14">
        <v>62</v>
      </c>
      <c r="D88" s="18">
        <v>124</v>
      </c>
    </row>
    <row r="89" spans="1:4" ht="18" customHeight="1" x14ac:dyDescent="0.15">
      <c r="A89" s="5">
        <v>69</v>
      </c>
      <c r="B89" s="22">
        <v>50</v>
      </c>
      <c r="C89" s="14">
        <v>61</v>
      </c>
      <c r="D89" s="18">
        <v>111</v>
      </c>
    </row>
    <row r="90" spans="1:4" ht="18" customHeight="1" x14ac:dyDescent="0.15">
      <c r="A90" s="5" t="s">
        <v>20</v>
      </c>
      <c r="B90" s="22">
        <v>279</v>
      </c>
      <c r="C90" s="14">
        <v>305</v>
      </c>
      <c r="D90" s="18">
        <v>584</v>
      </c>
    </row>
    <row r="91" spans="1:4" ht="18" customHeight="1" x14ac:dyDescent="0.15">
      <c r="A91" s="5">
        <v>70</v>
      </c>
      <c r="B91" s="22">
        <v>48</v>
      </c>
      <c r="C91" s="14">
        <v>58</v>
      </c>
      <c r="D91" s="18">
        <v>106</v>
      </c>
    </row>
    <row r="92" spans="1:4" ht="18" customHeight="1" x14ac:dyDescent="0.15">
      <c r="A92" s="5">
        <v>71</v>
      </c>
      <c r="B92" s="22">
        <v>49</v>
      </c>
      <c r="C92" s="14">
        <v>59</v>
      </c>
      <c r="D92" s="18">
        <v>108</v>
      </c>
    </row>
    <row r="93" spans="1:4" ht="18" customHeight="1" x14ac:dyDescent="0.15">
      <c r="A93" s="5">
        <v>72</v>
      </c>
      <c r="B93" s="22">
        <v>59</v>
      </c>
      <c r="C93" s="14">
        <v>71</v>
      </c>
      <c r="D93" s="18">
        <v>130</v>
      </c>
    </row>
    <row r="94" spans="1:4" ht="18" customHeight="1" x14ac:dyDescent="0.15">
      <c r="A94" s="5">
        <v>73</v>
      </c>
      <c r="B94" s="22">
        <v>60</v>
      </c>
      <c r="C94" s="14">
        <v>64</v>
      </c>
      <c r="D94" s="18">
        <v>124</v>
      </c>
    </row>
    <row r="95" spans="1:4" ht="18" customHeight="1" x14ac:dyDescent="0.15">
      <c r="A95" s="5">
        <v>74</v>
      </c>
      <c r="B95" s="22">
        <v>47</v>
      </c>
      <c r="C95" s="14">
        <v>70</v>
      </c>
      <c r="D95" s="18">
        <v>117</v>
      </c>
    </row>
    <row r="96" spans="1:4" ht="18" customHeight="1" x14ac:dyDescent="0.15">
      <c r="A96" s="5" t="s">
        <v>33</v>
      </c>
      <c r="B96" s="22">
        <v>263</v>
      </c>
      <c r="C96" s="14">
        <v>322</v>
      </c>
      <c r="D96" s="18">
        <v>585</v>
      </c>
    </row>
    <row r="97" spans="1:4" ht="18" customHeight="1" x14ac:dyDescent="0.15">
      <c r="A97" s="5">
        <v>75</v>
      </c>
      <c r="B97" s="22">
        <v>66</v>
      </c>
      <c r="C97" s="14">
        <v>69</v>
      </c>
      <c r="D97" s="18">
        <v>135</v>
      </c>
    </row>
    <row r="98" spans="1:4" ht="18" customHeight="1" x14ac:dyDescent="0.15">
      <c r="A98" s="5">
        <v>76</v>
      </c>
      <c r="B98" s="22">
        <v>69</v>
      </c>
      <c r="C98" s="14">
        <v>119</v>
      </c>
      <c r="D98" s="18">
        <v>188</v>
      </c>
    </row>
    <row r="99" spans="1:4" ht="18" customHeight="1" x14ac:dyDescent="0.15">
      <c r="A99" s="5">
        <v>77</v>
      </c>
      <c r="B99" s="22">
        <v>77</v>
      </c>
      <c r="C99" s="14">
        <v>80</v>
      </c>
      <c r="D99" s="18">
        <v>157</v>
      </c>
    </row>
    <row r="100" spans="1:4" ht="18" customHeight="1" x14ac:dyDescent="0.15">
      <c r="A100" s="5">
        <v>78</v>
      </c>
      <c r="B100" s="22">
        <v>69</v>
      </c>
      <c r="C100" s="14">
        <v>112</v>
      </c>
      <c r="D100" s="18">
        <v>181</v>
      </c>
    </row>
    <row r="101" spans="1:4" ht="18" customHeight="1" x14ac:dyDescent="0.15">
      <c r="A101" s="5">
        <v>79</v>
      </c>
      <c r="B101" s="22">
        <v>80</v>
      </c>
      <c r="C101" s="14">
        <v>67</v>
      </c>
      <c r="D101" s="18">
        <v>147</v>
      </c>
    </row>
    <row r="102" spans="1:4" ht="18" customHeight="1" x14ac:dyDescent="0.15">
      <c r="A102" s="5" t="s">
        <v>0</v>
      </c>
      <c r="B102" s="22">
        <v>361</v>
      </c>
      <c r="C102" s="14">
        <v>447</v>
      </c>
      <c r="D102" s="18">
        <v>808</v>
      </c>
    </row>
    <row r="103" spans="1:4" ht="18" customHeight="1" x14ac:dyDescent="0.15">
      <c r="A103" s="5">
        <v>80</v>
      </c>
      <c r="B103" s="22">
        <v>36</v>
      </c>
      <c r="C103" s="14">
        <v>54</v>
      </c>
      <c r="D103" s="18">
        <v>90</v>
      </c>
    </row>
    <row r="104" spans="1:4" ht="18" customHeight="1" x14ac:dyDescent="0.15">
      <c r="A104" s="5">
        <v>81</v>
      </c>
      <c r="B104" s="22">
        <v>46</v>
      </c>
      <c r="C104" s="14">
        <v>55</v>
      </c>
      <c r="D104" s="18">
        <v>101</v>
      </c>
    </row>
    <row r="105" spans="1:4" ht="18" customHeight="1" x14ac:dyDescent="0.15">
      <c r="A105" s="5">
        <v>82</v>
      </c>
      <c r="B105" s="22">
        <v>48</v>
      </c>
      <c r="C105" s="14">
        <v>85</v>
      </c>
      <c r="D105" s="18">
        <v>133</v>
      </c>
    </row>
    <row r="106" spans="1:4" ht="18" customHeight="1" x14ac:dyDescent="0.15">
      <c r="A106" s="5">
        <v>83</v>
      </c>
      <c r="B106" s="22">
        <v>40</v>
      </c>
      <c r="C106" s="14">
        <v>64</v>
      </c>
      <c r="D106" s="18">
        <v>104</v>
      </c>
    </row>
    <row r="107" spans="1:4" ht="18" customHeight="1" x14ac:dyDescent="0.15">
      <c r="A107" s="5">
        <v>84</v>
      </c>
      <c r="B107" s="22">
        <v>43</v>
      </c>
      <c r="C107" s="14">
        <v>61</v>
      </c>
      <c r="D107" s="18">
        <v>104</v>
      </c>
    </row>
    <row r="108" spans="1:4" ht="18" customHeight="1" x14ac:dyDescent="0.15">
      <c r="A108" s="5" t="s">
        <v>35</v>
      </c>
      <c r="B108" s="22">
        <v>213</v>
      </c>
      <c r="C108" s="14">
        <v>319</v>
      </c>
      <c r="D108" s="18">
        <v>532</v>
      </c>
    </row>
    <row r="109" spans="1:4" ht="18" customHeight="1" x14ac:dyDescent="0.15">
      <c r="A109" s="5">
        <v>85</v>
      </c>
      <c r="B109" s="22">
        <v>44</v>
      </c>
      <c r="C109" s="14">
        <v>56</v>
      </c>
      <c r="D109" s="18">
        <v>100</v>
      </c>
    </row>
    <row r="110" spans="1:4" ht="18" customHeight="1" x14ac:dyDescent="0.15">
      <c r="A110" s="5">
        <v>86</v>
      </c>
      <c r="B110" s="22">
        <v>32</v>
      </c>
      <c r="C110" s="14">
        <v>42</v>
      </c>
      <c r="D110" s="18">
        <v>74</v>
      </c>
    </row>
    <row r="111" spans="1:4" ht="18" customHeight="1" x14ac:dyDescent="0.15">
      <c r="A111" s="5">
        <v>87</v>
      </c>
      <c r="B111" s="22">
        <v>21</v>
      </c>
      <c r="C111" s="14">
        <v>38</v>
      </c>
      <c r="D111" s="18">
        <v>59</v>
      </c>
    </row>
    <row r="112" spans="1:4" ht="18" customHeight="1" x14ac:dyDescent="0.15">
      <c r="A112" s="5">
        <v>88</v>
      </c>
      <c r="B112" s="22">
        <v>28</v>
      </c>
      <c r="C112" s="14">
        <v>37</v>
      </c>
      <c r="D112" s="18">
        <v>65</v>
      </c>
    </row>
    <row r="113" spans="1:4" ht="18" customHeight="1" x14ac:dyDescent="0.15">
      <c r="A113" s="5">
        <v>89</v>
      </c>
      <c r="B113" s="22">
        <v>19</v>
      </c>
      <c r="C113" s="14">
        <v>33</v>
      </c>
      <c r="D113" s="18">
        <v>52</v>
      </c>
    </row>
    <row r="114" spans="1:4" ht="18" customHeight="1" x14ac:dyDescent="0.15">
      <c r="A114" s="5" t="s">
        <v>37</v>
      </c>
      <c r="B114" s="22">
        <v>144</v>
      </c>
      <c r="C114" s="14">
        <v>206</v>
      </c>
      <c r="D114" s="18">
        <v>350</v>
      </c>
    </row>
    <row r="115" spans="1:4" ht="18" customHeight="1" x14ac:dyDescent="0.15">
      <c r="A115" s="5">
        <v>90</v>
      </c>
      <c r="B115" s="22">
        <v>17</v>
      </c>
      <c r="C115" s="14">
        <v>37</v>
      </c>
      <c r="D115" s="18">
        <v>54</v>
      </c>
    </row>
    <row r="116" spans="1:4" ht="18" customHeight="1" x14ac:dyDescent="0.15">
      <c r="A116" s="5">
        <v>91</v>
      </c>
      <c r="B116" s="22">
        <v>12</v>
      </c>
      <c r="C116" s="14">
        <v>21</v>
      </c>
      <c r="D116" s="18">
        <v>33</v>
      </c>
    </row>
    <row r="117" spans="1:4" ht="18" customHeight="1" x14ac:dyDescent="0.15">
      <c r="A117" s="5">
        <v>92</v>
      </c>
      <c r="B117" s="22">
        <v>11</v>
      </c>
      <c r="C117" s="14">
        <v>20</v>
      </c>
      <c r="D117" s="18">
        <v>31</v>
      </c>
    </row>
    <row r="118" spans="1:4" ht="18" customHeight="1" x14ac:dyDescent="0.15">
      <c r="A118" s="5">
        <v>93</v>
      </c>
      <c r="B118" s="22">
        <v>6</v>
      </c>
      <c r="C118" s="14">
        <v>31</v>
      </c>
      <c r="D118" s="18">
        <v>37</v>
      </c>
    </row>
    <row r="119" spans="1:4" ht="18" customHeight="1" x14ac:dyDescent="0.15">
      <c r="A119" s="5">
        <v>94</v>
      </c>
      <c r="B119" s="22">
        <v>7</v>
      </c>
      <c r="C119" s="14">
        <v>12</v>
      </c>
      <c r="D119" s="18">
        <v>19</v>
      </c>
    </row>
    <row r="120" spans="1:4" ht="18" customHeight="1" x14ac:dyDescent="0.15">
      <c r="A120" s="5" t="s">
        <v>39</v>
      </c>
      <c r="B120" s="22">
        <v>53</v>
      </c>
      <c r="C120" s="14">
        <v>121</v>
      </c>
      <c r="D120" s="18">
        <v>174</v>
      </c>
    </row>
    <row r="121" spans="1:4" ht="18" customHeight="1" x14ac:dyDescent="0.15">
      <c r="A121" s="5">
        <v>95</v>
      </c>
      <c r="B121" s="22">
        <v>2</v>
      </c>
      <c r="C121" s="14">
        <v>13</v>
      </c>
      <c r="D121" s="18">
        <v>15</v>
      </c>
    </row>
    <row r="122" spans="1:4" ht="18" customHeight="1" x14ac:dyDescent="0.15">
      <c r="A122" s="5">
        <v>96</v>
      </c>
      <c r="B122" s="22">
        <v>2</v>
      </c>
      <c r="C122" s="14">
        <v>9</v>
      </c>
      <c r="D122" s="18">
        <v>11</v>
      </c>
    </row>
    <row r="123" spans="1:4" ht="18" customHeight="1" x14ac:dyDescent="0.15">
      <c r="A123" s="5">
        <v>97</v>
      </c>
      <c r="B123" s="22">
        <v>2</v>
      </c>
      <c r="C123" s="14">
        <v>4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3</v>
      </c>
      <c r="C125" s="14">
        <v>4</v>
      </c>
      <c r="D125" s="18">
        <v>7</v>
      </c>
    </row>
    <row r="126" spans="1:4" ht="18" customHeight="1" x14ac:dyDescent="0.15">
      <c r="A126" s="5" t="s">
        <v>40</v>
      </c>
      <c r="B126" s="22">
        <v>9</v>
      </c>
      <c r="C126" s="14">
        <v>37</v>
      </c>
      <c r="D126" s="18">
        <v>46</v>
      </c>
    </row>
    <row r="127" spans="1:4" ht="18" customHeight="1" x14ac:dyDescent="0.15">
      <c r="A127" s="5">
        <v>100</v>
      </c>
      <c r="B127" s="22">
        <v>1</v>
      </c>
      <c r="C127" s="14">
        <v>2</v>
      </c>
      <c r="D127" s="18">
        <v>3</v>
      </c>
    </row>
    <row r="128" spans="1:4" ht="18" customHeight="1" x14ac:dyDescent="0.15">
      <c r="A128" s="6" t="s">
        <v>43</v>
      </c>
      <c r="B128" s="22">
        <v>1</v>
      </c>
      <c r="C128" s="14">
        <v>5</v>
      </c>
      <c r="D128" s="18">
        <v>6</v>
      </c>
    </row>
    <row r="129" spans="1:4" ht="18" customHeight="1" x14ac:dyDescent="0.15">
      <c r="A129" s="5" t="s">
        <v>44</v>
      </c>
      <c r="B129" s="22">
        <v>2</v>
      </c>
      <c r="C129" s="14">
        <v>7</v>
      </c>
      <c r="D129" s="18">
        <v>9</v>
      </c>
    </row>
    <row r="130" spans="1:4" ht="18" customHeight="1" x14ac:dyDescent="0.15">
      <c r="A130" s="5" t="s">
        <v>46</v>
      </c>
      <c r="B130" s="22">
        <v>1324</v>
      </c>
      <c r="C130" s="14">
        <v>1764</v>
      </c>
      <c r="D130" s="18">
        <v>3088</v>
      </c>
    </row>
    <row r="131" spans="1:4" ht="18" customHeight="1" x14ac:dyDescent="0.15">
      <c r="A131" s="7" t="s">
        <v>45</v>
      </c>
      <c r="B131" s="23">
        <v>5407</v>
      </c>
      <c r="C131" s="15">
        <v>5703</v>
      </c>
      <c r="D131" s="19">
        <v>1111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27</v>
      </c>
      <c r="C5" s="13">
        <v>15</v>
      </c>
      <c r="D5" s="17">
        <v>42</v>
      </c>
    </row>
    <row r="6" spans="1:4" ht="18" customHeight="1" x14ac:dyDescent="0.15">
      <c r="A6" s="5">
        <v>1</v>
      </c>
      <c r="B6" s="22">
        <v>18</v>
      </c>
      <c r="C6" s="14">
        <v>16</v>
      </c>
      <c r="D6" s="18">
        <v>34</v>
      </c>
    </row>
    <row r="7" spans="1:4" ht="18" customHeight="1" x14ac:dyDescent="0.15">
      <c r="A7" s="5">
        <v>2</v>
      </c>
      <c r="B7" s="22">
        <v>24</v>
      </c>
      <c r="C7" s="14">
        <v>22</v>
      </c>
      <c r="D7" s="18">
        <v>46</v>
      </c>
    </row>
    <row r="8" spans="1:4" ht="18" customHeight="1" x14ac:dyDescent="0.15">
      <c r="A8" s="5">
        <v>3</v>
      </c>
      <c r="B8" s="22">
        <v>16</v>
      </c>
      <c r="C8" s="14">
        <v>16</v>
      </c>
      <c r="D8" s="18">
        <v>32</v>
      </c>
    </row>
    <row r="9" spans="1:4" ht="18" customHeight="1" x14ac:dyDescent="0.15">
      <c r="A9" s="5">
        <v>4</v>
      </c>
      <c r="B9" s="22">
        <v>19</v>
      </c>
      <c r="C9" s="14">
        <v>20</v>
      </c>
      <c r="D9" s="18">
        <v>39</v>
      </c>
    </row>
    <row r="10" spans="1:4" ht="18" customHeight="1" x14ac:dyDescent="0.15">
      <c r="A10" s="5" t="s">
        <v>7</v>
      </c>
      <c r="B10" s="22">
        <v>104</v>
      </c>
      <c r="C10" s="14">
        <v>89</v>
      </c>
      <c r="D10" s="18">
        <v>193</v>
      </c>
    </row>
    <row r="11" spans="1:4" ht="18" customHeight="1" x14ac:dyDescent="0.15">
      <c r="A11" s="5">
        <v>5</v>
      </c>
      <c r="B11" s="22">
        <v>15</v>
      </c>
      <c r="C11" s="14">
        <v>18</v>
      </c>
      <c r="D11" s="18">
        <v>33</v>
      </c>
    </row>
    <row r="12" spans="1:4" ht="18" customHeight="1" x14ac:dyDescent="0.15">
      <c r="A12" s="5">
        <v>6</v>
      </c>
      <c r="B12" s="22">
        <v>19</v>
      </c>
      <c r="C12" s="14">
        <v>17</v>
      </c>
      <c r="D12" s="18">
        <v>36</v>
      </c>
    </row>
    <row r="13" spans="1:4" ht="18" customHeight="1" x14ac:dyDescent="0.15">
      <c r="A13" s="5">
        <v>7</v>
      </c>
      <c r="B13" s="22">
        <v>27</v>
      </c>
      <c r="C13" s="14">
        <v>25</v>
      </c>
      <c r="D13" s="18">
        <v>52</v>
      </c>
    </row>
    <row r="14" spans="1:4" ht="18" customHeight="1" x14ac:dyDescent="0.15">
      <c r="A14" s="5">
        <v>8</v>
      </c>
      <c r="B14" s="22">
        <v>18</v>
      </c>
      <c r="C14" s="14">
        <v>13</v>
      </c>
      <c r="D14" s="18">
        <v>31</v>
      </c>
    </row>
    <row r="15" spans="1:4" ht="18" customHeight="1" x14ac:dyDescent="0.15">
      <c r="A15" s="5">
        <v>9</v>
      </c>
      <c r="B15" s="22">
        <v>27</v>
      </c>
      <c r="C15" s="14">
        <v>25</v>
      </c>
      <c r="D15" s="18">
        <v>52</v>
      </c>
    </row>
    <row r="16" spans="1:4" ht="18" customHeight="1" x14ac:dyDescent="0.15">
      <c r="A16" s="5" t="s">
        <v>11</v>
      </c>
      <c r="B16" s="22">
        <v>106</v>
      </c>
      <c r="C16" s="14">
        <v>98</v>
      </c>
      <c r="D16" s="18">
        <v>204</v>
      </c>
    </row>
    <row r="17" spans="1:4" ht="18" customHeight="1" x14ac:dyDescent="0.15">
      <c r="A17" s="5">
        <v>10</v>
      </c>
      <c r="B17" s="22">
        <v>21</v>
      </c>
      <c r="C17" s="14">
        <v>25</v>
      </c>
      <c r="D17" s="18">
        <v>46</v>
      </c>
    </row>
    <row r="18" spans="1:4" ht="18" customHeight="1" x14ac:dyDescent="0.15">
      <c r="A18" s="5">
        <v>11</v>
      </c>
      <c r="B18" s="22">
        <v>13</v>
      </c>
      <c r="C18" s="14">
        <v>32</v>
      </c>
      <c r="D18" s="18">
        <v>45</v>
      </c>
    </row>
    <row r="19" spans="1:4" ht="18" customHeight="1" x14ac:dyDescent="0.15">
      <c r="A19" s="5">
        <v>12</v>
      </c>
      <c r="B19" s="22">
        <v>25</v>
      </c>
      <c r="C19" s="14">
        <v>21</v>
      </c>
      <c r="D19" s="18">
        <v>46</v>
      </c>
    </row>
    <row r="20" spans="1:4" ht="18" customHeight="1" x14ac:dyDescent="0.15">
      <c r="A20" s="5">
        <v>13</v>
      </c>
      <c r="B20" s="22">
        <v>22</v>
      </c>
      <c r="C20" s="14">
        <v>12</v>
      </c>
      <c r="D20" s="18">
        <v>34</v>
      </c>
    </row>
    <row r="21" spans="1:4" ht="18" customHeight="1" x14ac:dyDescent="0.15">
      <c r="A21" s="5">
        <v>14</v>
      </c>
      <c r="B21" s="22">
        <v>29</v>
      </c>
      <c r="C21" s="14">
        <v>18</v>
      </c>
      <c r="D21" s="18">
        <v>47</v>
      </c>
    </row>
    <row r="22" spans="1:4" ht="18" customHeight="1" x14ac:dyDescent="0.15">
      <c r="A22" s="5" t="s">
        <v>12</v>
      </c>
      <c r="B22" s="22">
        <v>110</v>
      </c>
      <c r="C22" s="14">
        <v>108</v>
      </c>
      <c r="D22" s="18">
        <v>218</v>
      </c>
    </row>
    <row r="23" spans="1:4" ht="18" customHeight="1" x14ac:dyDescent="0.15">
      <c r="A23" s="5" t="s">
        <v>6</v>
      </c>
      <c r="B23" s="22">
        <v>320</v>
      </c>
      <c r="C23" s="14">
        <v>295</v>
      </c>
      <c r="D23" s="18">
        <v>615</v>
      </c>
    </row>
    <row r="24" spans="1:4" ht="18" customHeight="1" x14ac:dyDescent="0.15">
      <c r="A24" s="5">
        <v>15</v>
      </c>
      <c r="B24" s="22">
        <v>30</v>
      </c>
      <c r="C24" s="14">
        <v>26</v>
      </c>
      <c r="D24" s="18">
        <v>56</v>
      </c>
    </row>
    <row r="25" spans="1:4" ht="18" customHeight="1" x14ac:dyDescent="0.15">
      <c r="A25" s="5">
        <v>16</v>
      </c>
      <c r="B25" s="22">
        <v>17</v>
      </c>
      <c r="C25" s="14">
        <v>20</v>
      </c>
      <c r="D25" s="18">
        <v>37</v>
      </c>
    </row>
    <row r="26" spans="1:4" ht="18" customHeight="1" x14ac:dyDescent="0.15">
      <c r="A26" s="5">
        <v>17</v>
      </c>
      <c r="B26" s="22">
        <v>16</v>
      </c>
      <c r="C26" s="14">
        <v>23</v>
      </c>
      <c r="D26" s="18">
        <v>39</v>
      </c>
    </row>
    <row r="27" spans="1:4" ht="18" customHeight="1" x14ac:dyDescent="0.15">
      <c r="A27" s="5">
        <v>18</v>
      </c>
      <c r="B27" s="22">
        <v>14</v>
      </c>
      <c r="C27" s="14">
        <v>11</v>
      </c>
      <c r="D27" s="18">
        <v>25</v>
      </c>
    </row>
    <row r="28" spans="1:4" ht="18" customHeight="1" x14ac:dyDescent="0.15">
      <c r="A28" s="5">
        <v>19</v>
      </c>
      <c r="B28" s="22">
        <v>16</v>
      </c>
      <c r="C28" s="14">
        <v>34</v>
      </c>
      <c r="D28" s="18">
        <v>50</v>
      </c>
    </row>
    <row r="29" spans="1:4" ht="18" customHeight="1" x14ac:dyDescent="0.15">
      <c r="A29" s="5" t="s">
        <v>14</v>
      </c>
      <c r="B29" s="22">
        <v>93</v>
      </c>
      <c r="C29" s="14">
        <v>114</v>
      </c>
      <c r="D29" s="18">
        <v>207</v>
      </c>
    </row>
    <row r="30" spans="1:4" ht="18" customHeight="1" x14ac:dyDescent="0.15">
      <c r="A30" s="5">
        <v>20</v>
      </c>
      <c r="B30" s="22">
        <v>25</v>
      </c>
      <c r="C30" s="14">
        <v>25</v>
      </c>
      <c r="D30" s="18">
        <v>50</v>
      </c>
    </row>
    <row r="31" spans="1:4" ht="18" customHeight="1" x14ac:dyDescent="0.15">
      <c r="A31" s="5">
        <v>21</v>
      </c>
      <c r="B31" s="22">
        <v>17</v>
      </c>
      <c r="C31" s="14">
        <v>19</v>
      </c>
      <c r="D31" s="18">
        <v>36</v>
      </c>
    </row>
    <row r="32" spans="1:4" ht="18" customHeight="1" x14ac:dyDescent="0.15">
      <c r="A32" s="5">
        <v>22</v>
      </c>
      <c r="B32" s="22">
        <v>20</v>
      </c>
      <c r="C32" s="14">
        <v>26</v>
      </c>
      <c r="D32" s="18">
        <v>46</v>
      </c>
    </row>
    <row r="33" spans="1:4" ht="18" customHeight="1" x14ac:dyDescent="0.15">
      <c r="A33" s="5">
        <v>23</v>
      </c>
      <c r="B33" s="22">
        <v>30</v>
      </c>
      <c r="C33" s="14">
        <v>29</v>
      </c>
      <c r="D33" s="18">
        <v>59</v>
      </c>
    </row>
    <row r="34" spans="1:4" ht="18" customHeight="1" x14ac:dyDescent="0.15">
      <c r="A34" s="5">
        <v>24</v>
      </c>
      <c r="B34" s="22">
        <v>28</v>
      </c>
      <c r="C34" s="14">
        <v>12</v>
      </c>
      <c r="D34" s="18">
        <v>40</v>
      </c>
    </row>
    <row r="35" spans="1:4" ht="18" customHeight="1" x14ac:dyDescent="0.15">
      <c r="A35" s="5" t="s">
        <v>9</v>
      </c>
      <c r="B35" s="22">
        <v>120</v>
      </c>
      <c r="C35" s="14">
        <v>111</v>
      </c>
      <c r="D35" s="18">
        <v>231</v>
      </c>
    </row>
    <row r="36" spans="1:4" ht="18" customHeight="1" x14ac:dyDescent="0.15">
      <c r="A36" s="5">
        <v>25</v>
      </c>
      <c r="B36" s="22">
        <v>28</v>
      </c>
      <c r="C36" s="14">
        <v>21</v>
      </c>
      <c r="D36" s="18">
        <v>49</v>
      </c>
    </row>
    <row r="37" spans="1:4" ht="18" customHeight="1" x14ac:dyDescent="0.15">
      <c r="A37" s="5">
        <v>26</v>
      </c>
      <c r="B37" s="22">
        <v>29</v>
      </c>
      <c r="C37" s="14">
        <v>28</v>
      </c>
      <c r="D37" s="18">
        <v>57</v>
      </c>
    </row>
    <row r="38" spans="1:4" ht="18" customHeight="1" x14ac:dyDescent="0.15">
      <c r="A38" s="5">
        <v>27</v>
      </c>
      <c r="B38" s="22">
        <v>31</v>
      </c>
      <c r="C38" s="14">
        <v>15</v>
      </c>
      <c r="D38" s="18">
        <v>46</v>
      </c>
    </row>
    <row r="39" spans="1:4" ht="18" customHeight="1" x14ac:dyDescent="0.15">
      <c r="A39" s="5">
        <v>28</v>
      </c>
      <c r="B39" s="22">
        <v>36</v>
      </c>
      <c r="C39" s="14">
        <v>23</v>
      </c>
      <c r="D39" s="18">
        <v>59</v>
      </c>
    </row>
    <row r="40" spans="1:4" ht="18" customHeight="1" x14ac:dyDescent="0.15">
      <c r="A40" s="5">
        <v>29</v>
      </c>
      <c r="B40" s="22">
        <v>28</v>
      </c>
      <c r="C40" s="14">
        <v>26</v>
      </c>
      <c r="D40" s="18">
        <v>54</v>
      </c>
    </row>
    <row r="41" spans="1:4" ht="18" customHeight="1" x14ac:dyDescent="0.15">
      <c r="A41" s="5" t="s">
        <v>2</v>
      </c>
      <c r="B41" s="22">
        <v>152</v>
      </c>
      <c r="C41" s="14">
        <v>113</v>
      </c>
      <c r="D41" s="18">
        <v>265</v>
      </c>
    </row>
    <row r="42" spans="1:4" ht="18" customHeight="1" x14ac:dyDescent="0.15">
      <c r="A42" s="5">
        <v>30</v>
      </c>
      <c r="B42" s="22">
        <v>27</v>
      </c>
      <c r="C42" s="14">
        <v>20</v>
      </c>
      <c r="D42" s="18">
        <v>47</v>
      </c>
    </row>
    <row r="43" spans="1:4" ht="18" customHeight="1" x14ac:dyDescent="0.15">
      <c r="A43" s="5">
        <v>31</v>
      </c>
      <c r="B43" s="22">
        <v>41</v>
      </c>
      <c r="C43" s="14">
        <v>25</v>
      </c>
      <c r="D43" s="18">
        <v>66</v>
      </c>
    </row>
    <row r="44" spans="1:4" ht="18" customHeight="1" x14ac:dyDescent="0.15">
      <c r="A44" s="5">
        <v>32</v>
      </c>
      <c r="B44" s="22">
        <v>19</v>
      </c>
      <c r="C44" s="14">
        <v>17</v>
      </c>
      <c r="D44" s="18">
        <v>36</v>
      </c>
    </row>
    <row r="45" spans="1:4" ht="18" customHeight="1" x14ac:dyDescent="0.15">
      <c r="A45" s="5">
        <v>33</v>
      </c>
      <c r="B45" s="22">
        <v>37</v>
      </c>
      <c r="C45" s="14">
        <v>23</v>
      </c>
      <c r="D45" s="18">
        <v>60</v>
      </c>
    </row>
    <row r="46" spans="1:4" ht="18" customHeight="1" x14ac:dyDescent="0.15">
      <c r="A46" s="5">
        <v>34</v>
      </c>
      <c r="B46" s="22">
        <v>22</v>
      </c>
      <c r="C46" s="14">
        <v>25</v>
      </c>
      <c r="D46" s="18">
        <v>47</v>
      </c>
    </row>
    <row r="47" spans="1:4" ht="18" customHeight="1" x14ac:dyDescent="0.15">
      <c r="A47" s="5" t="s">
        <v>15</v>
      </c>
      <c r="B47" s="22">
        <v>146</v>
      </c>
      <c r="C47" s="14">
        <v>110</v>
      </c>
      <c r="D47" s="18">
        <v>256</v>
      </c>
    </row>
    <row r="48" spans="1:4" ht="18" customHeight="1" x14ac:dyDescent="0.15">
      <c r="A48" s="5">
        <v>35</v>
      </c>
      <c r="B48" s="22">
        <v>23</v>
      </c>
      <c r="C48" s="14">
        <v>26</v>
      </c>
      <c r="D48" s="18">
        <v>49</v>
      </c>
    </row>
    <row r="49" spans="1:4" ht="18" customHeight="1" x14ac:dyDescent="0.15">
      <c r="A49" s="5">
        <v>36</v>
      </c>
      <c r="B49" s="22">
        <v>27</v>
      </c>
      <c r="C49" s="14">
        <v>20</v>
      </c>
      <c r="D49" s="18">
        <v>47</v>
      </c>
    </row>
    <row r="50" spans="1:4" ht="18" customHeight="1" x14ac:dyDescent="0.15">
      <c r="A50" s="5">
        <v>37</v>
      </c>
      <c r="B50" s="22">
        <v>26</v>
      </c>
      <c r="C50" s="14">
        <v>25</v>
      </c>
      <c r="D50" s="18">
        <v>51</v>
      </c>
    </row>
    <row r="51" spans="1:4" ht="18" customHeight="1" x14ac:dyDescent="0.15">
      <c r="A51" s="5">
        <v>38</v>
      </c>
      <c r="B51" s="22">
        <v>22</v>
      </c>
      <c r="C51" s="14">
        <v>20</v>
      </c>
      <c r="D51" s="18">
        <v>42</v>
      </c>
    </row>
    <row r="52" spans="1:4" ht="18" customHeight="1" x14ac:dyDescent="0.15">
      <c r="A52" s="5">
        <v>39</v>
      </c>
      <c r="B52" s="22">
        <v>32</v>
      </c>
      <c r="C52" s="14">
        <v>28</v>
      </c>
      <c r="D52" s="18">
        <v>60</v>
      </c>
    </row>
    <row r="53" spans="1:4" ht="18" customHeight="1" x14ac:dyDescent="0.15">
      <c r="A53" s="5" t="s">
        <v>18</v>
      </c>
      <c r="B53" s="22">
        <v>130</v>
      </c>
      <c r="C53" s="14">
        <v>119</v>
      </c>
      <c r="D53" s="18">
        <v>249</v>
      </c>
    </row>
    <row r="54" spans="1:4" ht="18" customHeight="1" x14ac:dyDescent="0.15">
      <c r="A54" s="5">
        <v>40</v>
      </c>
      <c r="B54" s="22">
        <v>35</v>
      </c>
      <c r="C54" s="14">
        <v>37</v>
      </c>
      <c r="D54" s="18">
        <v>72</v>
      </c>
    </row>
    <row r="55" spans="1:4" ht="18" customHeight="1" x14ac:dyDescent="0.15">
      <c r="A55" s="5">
        <v>41</v>
      </c>
      <c r="B55" s="22">
        <v>29</v>
      </c>
      <c r="C55" s="14">
        <v>31</v>
      </c>
      <c r="D55" s="18">
        <v>60</v>
      </c>
    </row>
    <row r="56" spans="1:4" ht="18" customHeight="1" x14ac:dyDescent="0.15">
      <c r="A56" s="5">
        <v>42</v>
      </c>
      <c r="B56" s="22">
        <v>29</v>
      </c>
      <c r="C56" s="14">
        <v>33</v>
      </c>
      <c r="D56" s="18">
        <v>62</v>
      </c>
    </row>
    <row r="57" spans="1:4" ht="18" customHeight="1" x14ac:dyDescent="0.15">
      <c r="A57" s="5">
        <v>43</v>
      </c>
      <c r="B57" s="22">
        <v>32</v>
      </c>
      <c r="C57" s="14">
        <v>37</v>
      </c>
      <c r="D57" s="18">
        <v>69</v>
      </c>
    </row>
    <row r="58" spans="1:4" ht="18" customHeight="1" x14ac:dyDescent="0.15">
      <c r="A58" s="5">
        <v>44</v>
      </c>
      <c r="B58" s="22">
        <v>30</v>
      </c>
      <c r="C58" s="14">
        <v>35</v>
      </c>
      <c r="D58" s="18">
        <v>65</v>
      </c>
    </row>
    <row r="59" spans="1:4" ht="18" customHeight="1" x14ac:dyDescent="0.15">
      <c r="A59" s="5" t="s">
        <v>21</v>
      </c>
      <c r="B59" s="22">
        <v>155</v>
      </c>
      <c r="C59" s="14">
        <v>173</v>
      </c>
      <c r="D59" s="18">
        <v>328</v>
      </c>
    </row>
    <row r="60" spans="1:4" ht="18" customHeight="1" x14ac:dyDescent="0.15">
      <c r="A60" s="5">
        <v>45</v>
      </c>
      <c r="B60" s="22">
        <v>30</v>
      </c>
      <c r="C60" s="14">
        <v>36</v>
      </c>
      <c r="D60" s="18">
        <v>66</v>
      </c>
    </row>
    <row r="61" spans="1:4" ht="18" customHeight="1" x14ac:dyDescent="0.15">
      <c r="A61" s="5">
        <v>46</v>
      </c>
      <c r="B61" s="22">
        <v>40</v>
      </c>
      <c r="C61" s="14">
        <v>38</v>
      </c>
      <c r="D61" s="18">
        <v>78</v>
      </c>
    </row>
    <row r="62" spans="1:4" ht="18" customHeight="1" x14ac:dyDescent="0.15">
      <c r="A62" s="5">
        <v>47</v>
      </c>
      <c r="B62" s="22">
        <v>38</v>
      </c>
      <c r="C62" s="14">
        <v>37</v>
      </c>
      <c r="D62" s="18">
        <v>75</v>
      </c>
    </row>
    <row r="63" spans="1:4" ht="18" customHeight="1" x14ac:dyDescent="0.15">
      <c r="A63" s="5">
        <v>48</v>
      </c>
      <c r="B63" s="22">
        <v>39</v>
      </c>
      <c r="C63" s="14">
        <v>29</v>
      </c>
      <c r="D63" s="18">
        <v>68</v>
      </c>
    </row>
    <row r="64" spans="1:4" ht="18" customHeight="1" x14ac:dyDescent="0.15">
      <c r="A64" s="5">
        <v>49</v>
      </c>
      <c r="B64" s="22">
        <v>50</v>
      </c>
      <c r="C64" s="14">
        <v>34</v>
      </c>
      <c r="D64" s="18">
        <v>84</v>
      </c>
    </row>
    <row r="65" spans="1:4" ht="18" customHeight="1" x14ac:dyDescent="0.15">
      <c r="A65" s="5" t="s">
        <v>17</v>
      </c>
      <c r="B65" s="22">
        <v>197</v>
      </c>
      <c r="C65" s="14">
        <v>174</v>
      </c>
      <c r="D65" s="18">
        <v>371</v>
      </c>
    </row>
    <row r="66" spans="1:4" ht="18" customHeight="1" x14ac:dyDescent="0.15">
      <c r="A66" s="5">
        <v>50</v>
      </c>
      <c r="B66" s="22">
        <v>41</v>
      </c>
      <c r="C66" s="14">
        <v>40</v>
      </c>
      <c r="D66" s="18">
        <v>81</v>
      </c>
    </row>
    <row r="67" spans="1:4" ht="18" customHeight="1" x14ac:dyDescent="0.15">
      <c r="A67" s="5">
        <v>51</v>
      </c>
      <c r="B67" s="22">
        <v>34</v>
      </c>
      <c r="C67" s="14">
        <v>38</v>
      </c>
      <c r="D67" s="18">
        <v>72</v>
      </c>
    </row>
    <row r="68" spans="1:4" ht="18" customHeight="1" x14ac:dyDescent="0.15">
      <c r="A68" s="5">
        <v>52</v>
      </c>
      <c r="B68" s="22">
        <v>38</v>
      </c>
      <c r="C68" s="14">
        <v>51</v>
      </c>
      <c r="D68" s="18">
        <v>89</v>
      </c>
    </row>
    <row r="69" spans="1:4" ht="18" customHeight="1" x14ac:dyDescent="0.15">
      <c r="A69" s="5">
        <v>53</v>
      </c>
      <c r="B69" s="22">
        <v>47</v>
      </c>
      <c r="C69" s="14">
        <v>35</v>
      </c>
      <c r="D69" s="18">
        <v>82</v>
      </c>
    </row>
    <row r="70" spans="1:4" ht="18" customHeight="1" x14ac:dyDescent="0.15">
      <c r="A70" s="5">
        <v>54</v>
      </c>
      <c r="B70" s="22">
        <v>56</v>
      </c>
      <c r="C70" s="14">
        <v>35</v>
      </c>
      <c r="D70" s="18">
        <v>91</v>
      </c>
    </row>
    <row r="71" spans="1:4" ht="18" customHeight="1" x14ac:dyDescent="0.15">
      <c r="A71" s="5" t="s">
        <v>22</v>
      </c>
      <c r="B71" s="22">
        <v>216</v>
      </c>
      <c r="C71" s="14">
        <v>199</v>
      </c>
      <c r="D71" s="18">
        <v>415</v>
      </c>
    </row>
    <row r="72" spans="1:4" ht="18" customHeight="1" x14ac:dyDescent="0.15">
      <c r="A72" s="5">
        <v>55</v>
      </c>
      <c r="B72" s="22">
        <v>36</v>
      </c>
      <c r="C72" s="14">
        <v>29</v>
      </c>
      <c r="D72" s="18">
        <v>65</v>
      </c>
    </row>
    <row r="73" spans="1:4" ht="18" customHeight="1" x14ac:dyDescent="0.15">
      <c r="A73" s="5">
        <v>56</v>
      </c>
      <c r="B73" s="22">
        <v>37</v>
      </c>
      <c r="C73" s="14">
        <v>35</v>
      </c>
      <c r="D73" s="18">
        <v>72</v>
      </c>
    </row>
    <row r="74" spans="1:4" ht="18" customHeight="1" x14ac:dyDescent="0.15">
      <c r="A74" s="5">
        <v>57</v>
      </c>
      <c r="B74" s="22">
        <v>43</v>
      </c>
      <c r="C74" s="14">
        <v>50</v>
      </c>
      <c r="D74" s="18">
        <v>93</v>
      </c>
    </row>
    <row r="75" spans="1:4" ht="18" customHeight="1" x14ac:dyDescent="0.15">
      <c r="A75" s="5">
        <v>58</v>
      </c>
      <c r="B75" s="22">
        <v>28</v>
      </c>
      <c r="C75" s="14">
        <v>31</v>
      </c>
      <c r="D75" s="18">
        <v>59</v>
      </c>
    </row>
    <row r="76" spans="1:4" ht="18" customHeight="1" x14ac:dyDescent="0.15">
      <c r="A76" s="5">
        <v>59</v>
      </c>
      <c r="B76" s="22">
        <v>23</v>
      </c>
      <c r="C76" s="14">
        <v>26</v>
      </c>
      <c r="D76" s="18">
        <v>49</v>
      </c>
    </row>
    <row r="77" spans="1:4" ht="18" customHeight="1" x14ac:dyDescent="0.15">
      <c r="A77" s="5" t="s">
        <v>27</v>
      </c>
      <c r="B77" s="22">
        <v>167</v>
      </c>
      <c r="C77" s="14">
        <v>171</v>
      </c>
      <c r="D77" s="18">
        <v>338</v>
      </c>
    </row>
    <row r="78" spans="1:4" ht="18" customHeight="1" x14ac:dyDescent="0.15">
      <c r="A78" s="5">
        <v>60</v>
      </c>
      <c r="B78" s="22">
        <v>35</v>
      </c>
      <c r="C78" s="14">
        <v>34</v>
      </c>
      <c r="D78" s="18">
        <v>69</v>
      </c>
    </row>
    <row r="79" spans="1:4" ht="18" customHeight="1" x14ac:dyDescent="0.15">
      <c r="A79" s="5">
        <v>61</v>
      </c>
      <c r="B79" s="22">
        <v>40</v>
      </c>
      <c r="C79" s="14">
        <v>29</v>
      </c>
      <c r="D79" s="18">
        <v>69</v>
      </c>
    </row>
    <row r="80" spans="1:4" ht="18" customHeight="1" x14ac:dyDescent="0.15">
      <c r="A80" s="5">
        <v>62</v>
      </c>
      <c r="B80" s="22">
        <v>36</v>
      </c>
      <c r="C80" s="14">
        <v>30</v>
      </c>
      <c r="D80" s="18">
        <v>66</v>
      </c>
    </row>
    <row r="81" spans="1:4" ht="18" customHeight="1" x14ac:dyDescent="0.15">
      <c r="A81" s="5">
        <v>63</v>
      </c>
      <c r="B81" s="22">
        <v>26</v>
      </c>
      <c r="C81" s="14">
        <v>27</v>
      </c>
      <c r="D81" s="18">
        <v>53</v>
      </c>
    </row>
    <row r="82" spans="1:4" ht="18" customHeight="1" x14ac:dyDescent="0.15">
      <c r="A82" s="5">
        <v>64</v>
      </c>
      <c r="B82" s="22">
        <v>30</v>
      </c>
      <c r="C82" s="14">
        <v>32</v>
      </c>
      <c r="D82" s="18">
        <v>62</v>
      </c>
    </row>
    <row r="83" spans="1:4" ht="18" customHeight="1" x14ac:dyDescent="0.15">
      <c r="A83" s="5" t="s">
        <v>28</v>
      </c>
      <c r="B83" s="22">
        <v>167</v>
      </c>
      <c r="C83" s="14">
        <v>152</v>
      </c>
      <c r="D83" s="18">
        <v>319</v>
      </c>
    </row>
    <row r="84" spans="1:4" ht="18" customHeight="1" x14ac:dyDescent="0.15">
      <c r="A84" s="5" t="s">
        <v>31</v>
      </c>
      <c r="B84" s="22">
        <v>1543</v>
      </c>
      <c r="C84" s="14">
        <v>1436</v>
      </c>
      <c r="D84" s="18">
        <v>2979</v>
      </c>
    </row>
    <row r="85" spans="1:4" ht="18" customHeight="1" x14ac:dyDescent="0.15">
      <c r="A85" s="5">
        <v>65</v>
      </c>
      <c r="B85" s="22">
        <v>24</v>
      </c>
      <c r="C85" s="14">
        <v>23</v>
      </c>
      <c r="D85" s="18">
        <v>47</v>
      </c>
    </row>
    <row r="86" spans="1:4" ht="18" customHeight="1" x14ac:dyDescent="0.15">
      <c r="A86" s="5">
        <v>66</v>
      </c>
      <c r="B86" s="22">
        <v>35</v>
      </c>
      <c r="C86" s="14">
        <v>44</v>
      </c>
      <c r="D86" s="18">
        <v>79</v>
      </c>
    </row>
    <row r="87" spans="1:4" ht="18" customHeight="1" x14ac:dyDescent="0.15">
      <c r="A87" s="5">
        <v>67</v>
      </c>
      <c r="B87" s="22">
        <v>24</v>
      </c>
      <c r="C87" s="14">
        <v>33</v>
      </c>
      <c r="D87" s="18">
        <v>57</v>
      </c>
    </row>
    <row r="88" spans="1:4" ht="18" customHeight="1" x14ac:dyDescent="0.15">
      <c r="A88" s="5">
        <v>68</v>
      </c>
      <c r="B88" s="22">
        <v>28</v>
      </c>
      <c r="C88" s="14">
        <v>32</v>
      </c>
      <c r="D88" s="18">
        <v>60</v>
      </c>
    </row>
    <row r="89" spans="1:4" ht="18" customHeight="1" x14ac:dyDescent="0.15">
      <c r="A89" s="5">
        <v>69</v>
      </c>
      <c r="B89" s="22">
        <v>24</v>
      </c>
      <c r="C89" s="14">
        <v>25</v>
      </c>
      <c r="D89" s="18">
        <v>49</v>
      </c>
    </row>
    <row r="90" spans="1:4" ht="18" customHeight="1" x14ac:dyDescent="0.15">
      <c r="A90" s="5" t="s">
        <v>20</v>
      </c>
      <c r="B90" s="22">
        <v>135</v>
      </c>
      <c r="C90" s="14">
        <v>157</v>
      </c>
      <c r="D90" s="18">
        <v>292</v>
      </c>
    </row>
    <row r="91" spans="1:4" ht="18" customHeight="1" x14ac:dyDescent="0.15">
      <c r="A91" s="5">
        <v>70</v>
      </c>
      <c r="B91" s="22">
        <v>33</v>
      </c>
      <c r="C91" s="14">
        <v>31</v>
      </c>
      <c r="D91" s="18">
        <v>64</v>
      </c>
    </row>
    <row r="92" spans="1:4" ht="18" customHeight="1" x14ac:dyDescent="0.15">
      <c r="A92" s="5">
        <v>71</v>
      </c>
      <c r="B92" s="22">
        <v>21</v>
      </c>
      <c r="C92" s="14">
        <v>21</v>
      </c>
      <c r="D92" s="18">
        <v>42</v>
      </c>
    </row>
    <row r="93" spans="1:4" ht="18" customHeight="1" x14ac:dyDescent="0.15">
      <c r="A93" s="5">
        <v>72</v>
      </c>
      <c r="B93" s="22">
        <v>23</v>
      </c>
      <c r="C93" s="14">
        <v>30</v>
      </c>
      <c r="D93" s="18">
        <v>53</v>
      </c>
    </row>
    <row r="94" spans="1:4" ht="18" customHeight="1" x14ac:dyDescent="0.15">
      <c r="A94" s="5">
        <v>73</v>
      </c>
      <c r="B94" s="22">
        <v>22</v>
      </c>
      <c r="C94" s="14">
        <v>33</v>
      </c>
      <c r="D94" s="18">
        <v>55</v>
      </c>
    </row>
    <row r="95" spans="1:4" ht="18" customHeight="1" x14ac:dyDescent="0.15">
      <c r="A95" s="5">
        <v>74</v>
      </c>
      <c r="B95" s="22">
        <v>20</v>
      </c>
      <c r="C95" s="14">
        <v>21</v>
      </c>
      <c r="D95" s="18">
        <v>41</v>
      </c>
    </row>
    <row r="96" spans="1:4" ht="18" customHeight="1" x14ac:dyDescent="0.15">
      <c r="A96" s="5" t="s">
        <v>33</v>
      </c>
      <c r="B96" s="22">
        <v>119</v>
      </c>
      <c r="C96" s="14">
        <v>136</v>
      </c>
      <c r="D96" s="18">
        <v>255</v>
      </c>
    </row>
    <row r="97" spans="1:4" ht="18" customHeight="1" x14ac:dyDescent="0.15">
      <c r="A97" s="5">
        <v>75</v>
      </c>
      <c r="B97" s="22">
        <v>22</v>
      </c>
      <c r="C97" s="14">
        <v>36</v>
      </c>
      <c r="D97" s="18">
        <v>58</v>
      </c>
    </row>
    <row r="98" spans="1:4" ht="18" customHeight="1" x14ac:dyDescent="0.15">
      <c r="A98" s="5">
        <v>76</v>
      </c>
      <c r="B98" s="22">
        <v>34</v>
      </c>
      <c r="C98" s="14">
        <v>24</v>
      </c>
      <c r="D98" s="18">
        <v>58</v>
      </c>
    </row>
    <row r="99" spans="1:4" ht="18" customHeight="1" x14ac:dyDescent="0.15">
      <c r="A99" s="5">
        <v>77</v>
      </c>
      <c r="B99" s="22">
        <v>33</v>
      </c>
      <c r="C99" s="14">
        <v>35</v>
      </c>
      <c r="D99" s="18">
        <v>68</v>
      </c>
    </row>
    <row r="100" spans="1:4" ht="18" customHeight="1" x14ac:dyDescent="0.15">
      <c r="A100" s="5">
        <v>78</v>
      </c>
      <c r="B100" s="22">
        <v>27</v>
      </c>
      <c r="C100" s="14">
        <v>36</v>
      </c>
      <c r="D100" s="18">
        <v>63</v>
      </c>
    </row>
    <row r="101" spans="1:4" ht="18" customHeight="1" x14ac:dyDescent="0.15">
      <c r="A101" s="5">
        <v>79</v>
      </c>
      <c r="B101" s="22">
        <v>17</v>
      </c>
      <c r="C101" s="14">
        <v>28</v>
      </c>
      <c r="D101" s="18">
        <v>45</v>
      </c>
    </row>
    <row r="102" spans="1:4" ht="18" customHeight="1" x14ac:dyDescent="0.15">
      <c r="A102" s="5" t="s">
        <v>0</v>
      </c>
      <c r="B102" s="22">
        <v>133</v>
      </c>
      <c r="C102" s="14">
        <v>159</v>
      </c>
      <c r="D102" s="18">
        <v>292</v>
      </c>
    </row>
    <row r="103" spans="1:4" ht="18" customHeight="1" x14ac:dyDescent="0.15">
      <c r="A103" s="5">
        <v>80</v>
      </c>
      <c r="B103" s="22">
        <v>11</v>
      </c>
      <c r="C103" s="14">
        <v>19</v>
      </c>
      <c r="D103" s="18">
        <v>30</v>
      </c>
    </row>
    <row r="104" spans="1:4" ht="18" customHeight="1" x14ac:dyDescent="0.15">
      <c r="A104" s="5">
        <v>81</v>
      </c>
      <c r="B104" s="22">
        <v>13</v>
      </c>
      <c r="C104" s="14">
        <v>25</v>
      </c>
      <c r="D104" s="18">
        <v>38</v>
      </c>
    </row>
    <row r="105" spans="1:4" ht="18" customHeight="1" x14ac:dyDescent="0.15">
      <c r="A105" s="5">
        <v>82</v>
      </c>
      <c r="B105" s="22">
        <v>23</v>
      </c>
      <c r="C105" s="14">
        <v>28</v>
      </c>
      <c r="D105" s="18">
        <v>51</v>
      </c>
    </row>
    <row r="106" spans="1:4" ht="18" customHeight="1" x14ac:dyDescent="0.15">
      <c r="A106" s="5">
        <v>83</v>
      </c>
      <c r="B106" s="22">
        <v>22</v>
      </c>
      <c r="C106" s="14">
        <v>18</v>
      </c>
      <c r="D106" s="18">
        <v>40</v>
      </c>
    </row>
    <row r="107" spans="1:4" ht="18" customHeight="1" x14ac:dyDescent="0.15">
      <c r="A107" s="5">
        <v>84</v>
      </c>
      <c r="B107" s="22">
        <v>18</v>
      </c>
      <c r="C107" s="14">
        <v>22</v>
      </c>
      <c r="D107" s="18">
        <v>40</v>
      </c>
    </row>
    <row r="108" spans="1:4" ht="18" customHeight="1" x14ac:dyDescent="0.15">
      <c r="A108" s="5" t="s">
        <v>35</v>
      </c>
      <c r="B108" s="22">
        <v>87</v>
      </c>
      <c r="C108" s="14">
        <v>112</v>
      </c>
      <c r="D108" s="18">
        <v>199</v>
      </c>
    </row>
    <row r="109" spans="1:4" ht="18" customHeight="1" x14ac:dyDescent="0.15">
      <c r="A109" s="5">
        <v>85</v>
      </c>
      <c r="B109" s="22">
        <v>16</v>
      </c>
      <c r="C109" s="14">
        <v>23</v>
      </c>
      <c r="D109" s="18">
        <v>39</v>
      </c>
    </row>
    <row r="110" spans="1:4" ht="18" customHeight="1" x14ac:dyDescent="0.15">
      <c r="A110" s="5">
        <v>86</v>
      </c>
      <c r="B110" s="22">
        <v>7</v>
      </c>
      <c r="C110" s="14">
        <v>17</v>
      </c>
      <c r="D110" s="18">
        <v>24</v>
      </c>
    </row>
    <row r="111" spans="1:4" ht="18" customHeight="1" x14ac:dyDescent="0.15">
      <c r="A111" s="5">
        <v>87</v>
      </c>
      <c r="B111" s="22">
        <v>3</v>
      </c>
      <c r="C111" s="14">
        <v>13</v>
      </c>
      <c r="D111" s="18">
        <v>16</v>
      </c>
    </row>
    <row r="112" spans="1:4" ht="18" customHeight="1" x14ac:dyDescent="0.15">
      <c r="A112" s="5">
        <v>88</v>
      </c>
      <c r="B112" s="22">
        <v>9</v>
      </c>
      <c r="C112" s="14">
        <v>20</v>
      </c>
      <c r="D112" s="18">
        <v>29</v>
      </c>
    </row>
    <row r="113" spans="1:4" ht="18" customHeight="1" x14ac:dyDescent="0.15">
      <c r="A113" s="5">
        <v>89</v>
      </c>
      <c r="B113" s="22">
        <v>3</v>
      </c>
      <c r="C113" s="14">
        <v>21</v>
      </c>
      <c r="D113" s="18">
        <v>24</v>
      </c>
    </row>
    <row r="114" spans="1:4" ht="18" customHeight="1" x14ac:dyDescent="0.15">
      <c r="A114" s="5" t="s">
        <v>37</v>
      </c>
      <c r="B114" s="22">
        <v>38</v>
      </c>
      <c r="C114" s="14">
        <v>94</v>
      </c>
      <c r="D114" s="18">
        <v>132</v>
      </c>
    </row>
    <row r="115" spans="1:4" ht="18" customHeight="1" x14ac:dyDescent="0.15">
      <c r="A115" s="5">
        <v>90</v>
      </c>
      <c r="B115" s="22">
        <v>6</v>
      </c>
      <c r="C115" s="14">
        <v>19</v>
      </c>
      <c r="D115" s="18">
        <v>25</v>
      </c>
    </row>
    <row r="116" spans="1:4" ht="18" customHeight="1" x14ac:dyDescent="0.15">
      <c r="A116" s="5">
        <v>91</v>
      </c>
      <c r="B116" s="22">
        <v>6</v>
      </c>
      <c r="C116" s="14">
        <v>13</v>
      </c>
      <c r="D116" s="18">
        <v>19</v>
      </c>
    </row>
    <row r="117" spans="1:4" ht="18" customHeight="1" x14ac:dyDescent="0.15">
      <c r="A117" s="5">
        <v>92</v>
      </c>
      <c r="B117" s="22">
        <v>3</v>
      </c>
      <c r="C117" s="14">
        <v>12</v>
      </c>
      <c r="D117" s="18">
        <v>15</v>
      </c>
    </row>
    <row r="118" spans="1:4" ht="18" customHeight="1" x14ac:dyDescent="0.15">
      <c r="A118" s="5">
        <v>93</v>
      </c>
      <c r="B118" s="22">
        <v>5</v>
      </c>
      <c r="C118" s="14">
        <v>13</v>
      </c>
      <c r="D118" s="18">
        <v>18</v>
      </c>
    </row>
    <row r="119" spans="1:4" ht="18" customHeight="1" x14ac:dyDescent="0.15">
      <c r="A119" s="5">
        <v>94</v>
      </c>
      <c r="B119" s="22">
        <v>3</v>
      </c>
      <c r="C119" s="14">
        <v>3</v>
      </c>
      <c r="D119" s="18">
        <v>6</v>
      </c>
    </row>
    <row r="120" spans="1:4" ht="18" customHeight="1" x14ac:dyDescent="0.15">
      <c r="A120" s="5" t="s">
        <v>39</v>
      </c>
      <c r="B120" s="22">
        <v>23</v>
      </c>
      <c r="C120" s="14">
        <v>60</v>
      </c>
      <c r="D120" s="18">
        <v>83</v>
      </c>
    </row>
    <row r="121" spans="1:4" ht="18" customHeight="1" x14ac:dyDescent="0.15">
      <c r="A121" s="5">
        <v>95</v>
      </c>
      <c r="B121" s="22">
        <v>0</v>
      </c>
      <c r="C121" s="14">
        <v>6</v>
      </c>
      <c r="D121" s="18">
        <v>6</v>
      </c>
    </row>
    <row r="122" spans="1:4" ht="18" customHeight="1" x14ac:dyDescent="0.15">
      <c r="A122" s="5">
        <v>96</v>
      </c>
      <c r="B122" s="22">
        <v>1</v>
      </c>
      <c r="C122" s="14">
        <v>9</v>
      </c>
      <c r="D122" s="18">
        <v>10</v>
      </c>
    </row>
    <row r="123" spans="1:4" ht="18" customHeight="1" x14ac:dyDescent="0.15">
      <c r="A123" s="5">
        <v>97</v>
      </c>
      <c r="B123" s="22">
        <v>2</v>
      </c>
      <c r="C123" s="14">
        <v>4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4</v>
      </c>
      <c r="C126" s="14">
        <v>23</v>
      </c>
      <c r="D126" s="18">
        <v>27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539</v>
      </c>
      <c r="C130" s="14">
        <v>746</v>
      </c>
      <c r="D130" s="18">
        <v>1285</v>
      </c>
    </row>
    <row r="131" spans="1:4" ht="18" customHeight="1" x14ac:dyDescent="0.15">
      <c r="A131" s="7" t="s">
        <v>45</v>
      </c>
      <c r="B131" s="23">
        <v>2402</v>
      </c>
      <c r="C131" s="15">
        <v>2477</v>
      </c>
      <c r="D131" s="19">
        <v>487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4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5</v>
      </c>
      <c r="C5" s="13">
        <v>11</v>
      </c>
      <c r="D5" s="17">
        <v>26</v>
      </c>
    </row>
    <row r="6" spans="1:4" ht="18" customHeight="1" x14ac:dyDescent="0.15">
      <c r="A6" s="5">
        <v>1</v>
      </c>
      <c r="B6" s="22">
        <v>14</v>
      </c>
      <c r="C6" s="14">
        <v>12</v>
      </c>
      <c r="D6" s="18">
        <v>26</v>
      </c>
    </row>
    <row r="7" spans="1:4" ht="18" customHeight="1" x14ac:dyDescent="0.15">
      <c r="A7" s="5">
        <v>2</v>
      </c>
      <c r="B7" s="22">
        <v>20</v>
      </c>
      <c r="C7" s="14">
        <v>16</v>
      </c>
      <c r="D7" s="18">
        <v>36</v>
      </c>
    </row>
    <row r="8" spans="1:4" ht="18" customHeight="1" x14ac:dyDescent="0.15">
      <c r="A8" s="5">
        <v>3</v>
      </c>
      <c r="B8" s="22">
        <v>8</v>
      </c>
      <c r="C8" s="14">
        <v>14</v>
      </c>
      <c r="D8" s="18">
        <v>22</v>
      </c>
    </row>
    <row r="9" spans="1:4" ht="18" customHeight="1" x14ac:dyDescent="0.15">
      <c r="A9" s="5">
        <v>4</v>
      </c>
      <c r="B9" s="22">
        <v>9</v>
      </c>
      <c r="C9" s="14">
        <v>12</v>
      </c>
      <c r="D9" s="18">
        <v>21</v>
      </c>
    </row>
    <row r="10" spans="1:4" ht="18" customHeight="1" x14ac:dyDescent="0.15">
      <c r="A10" s="5" t="s">
        <v>7</v>
      </c>
      <c r="B10" s="22">
        <v>66</v>
      </c>
      <c r="C10" s="14">
        <v>65</v>
      </c>
      <c r="D10" s="18">
        <v>131</v>
      </c>
    </row>
    <row r="11" spans="1:4" ht="18" customHeight="1" x14ac:dyDescent="0.15">
      <c r="A11" s="5">
        <v>5</v>
      </c>
      <c r="B11" s="22">
        <v>9</v>
      </c>
      <c r="C11" s="14">
        <v>15</v>
      </c>
      <c r="D11" s="18">
        <v>24</v>
      </c>
    </row>
    <row r="12" spans="1:4" ht="18" customHeight="1" x14ac:dyDescent="0.15">
      <c r="A12" s="5">
        <v>6</v>
      </c>
      <c r="B12" s="22">
        <v>15</v>
      </c>
      <c r="C12" s="14">
        <v>19</v>
      </c>
      <c r="D12" s="18">
        <v>34</v>
      </c>
    </row>
    <row r="13" spans="1:4" ht="18" customHeight="1" x14ac:dyDescent="0.15">
      <c r="A13" s="5">
        <v>7</v>
      </c>
      <c r="B13" s="22">
        <v>20</v>
      </c>
      <c r="C13" s="14">
        <v>18</v>
      </c>
      <c r="D13" s="18">
        <v>38</v>
      </c>
    </row>
    <row r="14" spans="1:4" ht="18" customHeight="1" x14ac:dyDescent="0.15">
      <c r="A14" s="5">
        <v>8</v>
      </c>
      <c r="B14" s="22">
        <v>12</v>
      </c>
      <c r="C14" s="14">
        <v>14</v>
      </c>
      <c r="D14" s="18">
        <v>26</v>
      </c>
    </row>
    <row r="15" spans="1:4" ht="18" customHeight="1" x14ac:dyDescent="0.15">
      <c r="A15" s="5">
        <v>9</v>
      </c>
      <c r="B15" s="22">
        <v>17</v>
      </c>
      <c r="C15" s="14">
        <v>14</v>
      </c>
      <c r="D15" s="18">
        <v>31</v>
      </c>
    </row>
    <row r="16" spans="1:4" ht="18" customHeight="1" x14ac:dyDescent="0.15">
      <c r="A16" s="5" t="s">
        <v>11</v>
      </c>
      <c r="B16" s="22">
        <v>73</v>
      </c>
      <c r="C16" s="14">
        <v>80</v>
      </c>
      <c r="D16" s="18">
        <v>153</v>
      </c>
    </row>
    <row r="17" spans="1:4" ht="18" customHeight="1" x14ac:dyDescent="0.15">
      <c r="A17" s="5">
        <v>10</v>
      </c>
      <c r="B17" s="22">
        <v>13</v>
      </c>
      <c r="C17" s="14">
        <v>11</v>
      </c>
      <c r="D17" s="18">
        <v>24</v>
      </c>
    </row>
    <row r="18" spans="1:4" ht="18" customHeight="1" x14ac:dyDescent="0.15">
      <c r="A18" s="5">
        <v>11</v>
      </c>
      <c r="B18" s="22">
        <v>20</v>
      </c>
      <c r="C18" s="14">
        <v>27</v>
      </c>
      <c r="D18" s="18">
        <v>47</v>
      </c>
    </row>
    <row r="19" spans="1:4" ht="18" customHeight="1" x14ac:dyDescent="0.15">
      <c r="A19" s="5">
        <v>12</v>
      </c>
      <c r="B19" s="22">
        <v>23</v>
      </c>
      <c r="C19" s="14">
        <v>13</v>
      </c>
      <c r="D19" s="18">
        <v>36</v>
      </c>
    </row>
    <row r="20" spans="1:4" ht="18" customHeight="1" x14ac:dyDescent="0.15">
      <c r="A20" s="5">
        <v>13</v>
      </c>
      <c r="B20" s="22">
        <v>26</v>
      </c>
      <c r="C20" s="14">
        <v>27</v>
      </c>
      <c r="D20" s="18">
        <v>53</v>
      </c>
    </row>
    <row r="21" spans="1:4" ht="18" customHeight="1" x14ac:dyDescent="0.15">
      <c r="A21" s="5">
        <v>14</v>
      </c>
      <c r="B21" s="22">
        <v>24</v>
      </c>
      <c r="C21" s="14">
        <v>21</v>
      </c>
      <c r="D21" s="18">
        <v>45</v>
      </c>
    </row>
    <row r="22" spans="1:4" ht="18" customHeight="1" x14ac:dyDescent="0.15">
      <c r="A22" s="5" t="s">
        <v>12</v>
      </c>
      <c r="B22" s="22">
        <v>106</v>
      </c>
      <c r="C22" s="14">
        <v>99</v>
      </c>
      <c r="D22" s="18">
        <v>205</v>
      </c>
    </row>
    <row r="23" spans="1:4" ht="18" customHeight="1" x14ac:dyDescent="0.15">
      <c r="A23" s="5" t="s">
        <v>6</v>
      </c>
      <c r="B23" s="22">
        <v>245</v>
      </c>
      <c r="C23" s="14">
        <v>244</v>
      </c>
      <c r="D23" s="18">
        <v>489</v>
      </c>
    </row>
    <row r="24" spans="1:4" ht="18" customHeight="1" x14ac:dyDescent="0.15">
      <c r="A24" s="5">
        <v>15</v>
      </c>
      <c r="B24" s="22">
        <v>36</v>
      </c>
      <c r="C24" s="14">
        <v>18</v>
      </c>
      <c r="D24" s="18">
        <v>54</v>
      </c>
    </row>
    <row r="25" spans="1:4" ht="18" customHeight="1" x14ac:dyDescent="0.15">
      <c r="A25" s="5">
        <v>16</v>
      </c>
      <c r="B25" s="22">
        <v>21</v>
      </c>
      <c r="C25" s="14">
        <v>22</v>
      </c>
      <c r="D25" s="18">
        <v>43</v>
      </c>
    </row>
    <row r="26" spans="1:4" ht="18" customHeight="1" x14ac:dyDescent="0.15">
      <c r="A26" s="5">
        <v>17</v>
      </c>
      <c r="B26" s="22">
        <v>27</v>
      </c>
      <c r="C26" s="14">
        <v>24</v>
      </c>
      <c r="D26" s="18">
        <v>51</v>
      </c>
    </row>
    <row r="27" spans="1:4" ht="18" customHeight="1" x14ac:dyDescent="0.15">
      <c r="A27" s="5">
        <v>18</v>
      </c>
      <c r="B27" s="22">
        <v>18</v>
      </c>
      <c r="C27" s="14">
        <v>30</v>
      </c>
      <c r="D27" s="18">
        <v>48</v>
      </c>
    </row>
    <row r="28" spans="1:4" ht="18" customHeight="1" x14ac:dyDescent="0.15">
      <c r="A28" s="5">
        <v>19</v>
      </c>
      <c r="B28" s="22">
        <v>23</v>
      </c>
      <c r="C28" s="14">
        <v>20</v>
      </c>
      <c r="D28" s="18">
        <v>43</v>
      </c>
    </row>
    <row r="29" spans="1:4" ht="18" customHeight="1" x14ac:dyDescent="0.15">
      <c r="A29" s="5" t="s">
        <v>14</v>
      </c>
      <c r="B29" s="22">
        <v>125</v>
      </c>
      <c r="C29" s="14">
        <v>114</v>
      </c>
      <c r="D29" s="18">
        <v>239</v>
      </c>
    </row>
    <row r="30" spans="1:4" ht="18" customHeight="1" x14ac:dyDescent="0.15">
      <c r="A30" s="5">
        <v>20</v>
      </c>
      <c r="B30" s="22">
        <v>23</v>
      </c>
      <c r="C30" s="14">
        <v>17</v>
      </c>
      <c r="D30" s="18">
        <v>40</v>
      </c>
    </row>
    <row r="31" spans="1:4" ht="18" customHeight="1" x14ac:dyDescent="0.15">
      <c r="A31" s="5">
        <v>21</v>
      </c>
      <c r="B31" s="22">
        <v>27</v>
      </c>
      <c r="C31" s="14">
        <v>20</v>
      </c>
      <c r="D31" s="18">
        <v>47</v>
      </c>
    </row>
    <row r="32" spans="1:4" ht="18" customHeight="1" x14ac:dyDescent="0.15">
      <c r="A32" s="5">
        <v>22</v>
      </c>
      <c r="B32" s="22">
        <v>31</v>
      </c>
      <c r="C32" s="14">
        <v>28</v>
      </c>
      <c r="D32" s="18">
        <v>59</v>
      </c>
    </row>
    <row r="33" spans="1:4" ht="18" customHeight="1" x14ac:dyDescent="0.15">
      <c r="A33" s="5">
        <v>23</v>
      </c>
      <c r="B33" s="22">
        <v>14</v>
      </c>
      <c r="C33" s="14">
        <v>17</v>
      </c>
      <c r="D33" s="18">
        <v>31</v>
      </c>
    </row>
    <row r="34" spans="1:4" ht="18" customHeight="1" x14ac:dyDescent="0.15">
      <c r="A34" s="5">
        <v>24</v>
      </c>
      <c r="B34" s="22">
        <v>24</v>
      </c>
      <c r="C34" s="14">
        <v>22</v>
      </c>
      <c r="D34" s="18">
        <v>46</v>
      </c>
    </row>
    <row r="35" spans="1:4" ht="18" customHeight="1" x14ac:dyDescent="0.15">
      <c r="A35" s="5" t="s">
        <v>9</v>
      </c>
      <c r="B35" s="22">
        <v>119</v>
      </c>
      <c r="C35" s="14">
        <v>104</v>
      </c>
      <c r="D35" s="18">
        <v>223</v>
      </c>
    </row>
    <row r="36" spans="1:4" ht="18" customHeight="1" x14ac:dyDescent="0.15">
      <c r="A36" s="5">
        <v>25</v>
      </c>
      <c r="B36" s="22">
        <v>22</v>
      </c>
      <c r="C36" s="14">
        <v>26</v>
      </c>
      <c r="D36" s="18">
        <v>48</v>
      </c>
    </row>
    <row r="37" spans="1:4" ht="18" customHeight="1" x14ac:dyDescent="0.15">
      <c r="A37" s="5">
        <v>26</v>
      </c>
      <c r="B37" s="22">
        <v>28</v>
      </c>
      <c r="C37" s="14">
        <v>32</v>
      </c>
      <c r="D37" s="18">
        <v>60</v>
      </c>
    </row>
    <row r="38" spans="1:4" ht="18" customHeight="1" x14ac:dyDescent="0.15">
      <c r="A38" s="5">
        <v>27</v>
      </c>
      <c r="B38" s="22">
        <v>26</v>
      </c>
      <c r="C38" s="14">
        <v>22</v>
      </c>
      <c r="D38" s="18">
        <v>48</v>
      </c>
    </row>
    <row r="39" spans="1:4" ht="18" customHeight="1" x14ac:dyDescent="0.15">
      <c r="A39" s="5">
        <v>28</v>
      </c>
      <c r="B39" s="22">
        <v>30</v>
      </c>
      <c r="C39" s="14">
        <v>35</v>
      </c>
      <c r="D39" s="18">
        <v>65</v>
      </c>
    </row>
    <row r="40" spans="1:4" ht="18" customHeight="1" x14ac:dyDescent="0.15">
      <c r="A40" s="5">
        <v>29</v>
      </c>
      <c r="B40" s="22">
        <v>26</v>
      </c>
      <c r="C40" s="14">
        <v>25</v>
      </c>
      <c r="D40" s="18">
        <v>51</v>
      </c>
    </row>
    <row r="41" spans="1:4" ht="18" customHeight="1" x14ac:dyDescent="0.15">
      <c r="A41" s="5" t="s">
        <v>2</v>
      </c>
      <c r="B41" s="22">
        <v>132</v>
      </c>
      <c r="C41" s="14">
        <v>140</v>
      </c>
      <c r="D41" s="18">
        <v>272</v>
      </c>
    </row>
    <row r="42" spans="1:4" ht="18" customHeight="1" x14ac:dyDescent="0.15">
      <c r="A42" s="5">
        <v>30</v>
      </c>
      <c r="B42" s="22">
        <v>30</v>
      </c>
      <c r="C42" s="14">
        <v>17</v>
      </c>
      <c r="D42" s="18">
        <v>47</v>
      </c>
    </row>
    <row r="43" spans="1:4" ht="18" customHeight="1" x14ac:dyDescent="0.15">
      <c r="A43" s="5">
        <v>31</v>
      </c>
      <c r="B43" s="22">
        <v>26</v>
      </c>
      <c r="C43" s="14">
        <v>15</v>
      </c>
      <c r="D43" s="18">
        <v>41</v>
      </c>
    </row>
    <row r="44" spans="1:4" ht="18" customHeight="1" x14ac:dyDescent="0.15">
      <c r="A44" s="5">
        <v>32</v>
      </c>
      <c r="B44" s="22">
        <v>32</v>
      </c>
      <c r="C44" s="14">
        <v>21</v>
      </c>
      <c r="D44" s="18">
        <v>53</v>
      </c>
    </row>
    <row r="45" spans="1:4" ht="18" customHeight="1" x14ac:dyDescent="0.15">
      <c r="A45" s="5">
        <v>33</v>
      </c>
      <c r="B45" s="22">
        <v>28</v>
      </c>
      <c r="C45" s="14">
        <v>15</v>
      </c>
      <c r="D45" s="18">
        <v>43</v>
      </c>
    </row>
    <row r="46" spans="1:4" ht="18" customHeight="1" x14ac:dyDescent="0.15">
      <c r="A46" s="5">
        <v>34</v>
      </c>
      <c r="B46" s="22">
        <v>23</v>
      </c>
      <c r="C46" s="14">
        <v>24</v>
      </c>
      <c r="D46" s="18">
        <v>47</v>
      </c>
    </row>
    <row r="47" spans="1:4" ht="18" customHeight="1" x14ac:dyDescent="0.15">
      <c r="A47" s="5" t="s">
        <v>15</v>
      </c>
      <c r="B47" s="22">
        <v>139</v>
      </c>
      <c r="C47" s="14">
        <v>92</v>
      </c>
      <c r="D47" s="18">
        <v>231</v>
      </c>
    </row>
    <row r="48" spans="1:4" ht="18" customHeight="1" x14ac:dyDescent="0.15">
      <c r="A48" s="5">
        <v>35</v>
      </c>
      <c r="B48" s="22">
        <v>22</v>
      </c>
      <c r="C48" s="14">
        <v>20</v>
      </c>
      <c r="D48" s="18">
        <v>42</v>
      </c>
    </row>
    <row r="49" spans="1:4" ht="18" customHeight="1" x14ac:dyDescent="0.15">
      <c r="A49" s="5">
        <v>36</v>
      </c>
      <c r="B49" s="22">
        <v>16</v>
      </c>
      <c r="C49" s="14">
        <v>20</v>
      </c>
      <c r="D49" s="18">
        <v>36</v>
      </c>
    </row>
    <row r="50" spans="1:4" ht="18" customHeight="1" x14ac:dyDescent="0.15">
      <c r="A50" s="5">
        <v>37</v>
      </c>
      <c r="B50" s="22">
        <v>27</v>
      </c>
      <c r="C50" s="14">
        <v>31</v>
      </c>
      <c r="D50" s="18">
        <v>58</v>
      </c>
    </row>
    <row r="51" spans="1:4" ht="18" customHeight="1" x14ac:dyDescent="0.15">
      <c r="A51" s="5">
        <v>38</v>
      </c>
      <c r="B51" s="22">
        <v>21</v>
      </c>
      <c r="C51" s="14">
        <v>18</v>
      </c>
      <c r="D51" s="18">
        <v>39</v>
      </c>
    </row>
    <row r="52" spans="1:4" ht="18" customHeight="1" x14ac:dyDescent="0.15">
      <c r="A52" s="5">
        <v>39</v>
      </c>
      <c r="B52" s="22">
        <v>31</v>
      </c>
      <c r="C52" s="14">
        <v>30</v>
      </c>
      <c r="D52" s="18">
        <v>61</v>
      </c>
    </row>
    <row r="53" spans="1:4" ht="18" customHeight="1" x14ac:dyDescent="0.15">
      <c r="A53" s="5" t="s">
        <v>18</v>
      </c>
      <c r="B53" s="22">
        <v>117</v>
      </c>
      <c r="C53" s="14">
        <v>119</v>
      </c>
      <c r="D53" s="18">
        <v>236</v>
      </c>
    </row>
    <row r="54" spans="1:4" ht="18" customHeight="1" x14ac:dyDescent="0.15">
      <c r="A54" s="5">
        <v>40</v>
      </c>
      <c r="B54" s="22">
        <v>31</v>
      </c>
      <c r="C54" s="14">
        <v>25</v>
      </c>
      <c r="D54" s="18">
        <v>56</v>
      </c>
    </row>
    <row r="55" spans="1:4" ht="18" customHeight="1" x14ac:dyDescent="0.15">
      <c r="A55" s="5">
        <v>41</v>
      </c>
      <c r="B55" s="22">
        <v>36</v>
      </c>
      <c r="C55" s="14">
        <v>29</v>
      </c>
      <c r="D55" s="18">
        <v>65</v>
      </c>
    </row>
    <row r="56" spans="1:4" ht="18" customHeight="1" x14ac:dyDescent="0.15">
      <c r="A56" s="5">
        <v>42</v>
      </c>
      <c r="B56" s="22">
        <v>32</v>
      </c>
      <c r="C56" s="14">
        <v>30</v>
      </c>
      <c r="D56" s="18">
        <v>62</v>
      </c>
    </row>
    <row r="57" spans="1:4" ht="18" customHeight="1" x14ac:dyDescent="0.15">
      <c r="A57" s="5">
        <v>43</v>
      </c>
      <c r="B57" s="22">
        <v>33</v>
      </c>
      <c r="C57" s="14">
        <v>30</v>
      </c>
      <c r="D57" s="18">
        <v>63</v>
      </c>
    </row>
    <row r="58" spans="1:4" ht="18" customHeight="1" x14ac:dyDescent="0.15">
      <c r="A58" s="5">
        <v>44</v>
      </c>
      <c r="B58" s="22">
        <v>37</v>
      </c>
      <c r="C58" s="14">
        <v>24</v>
      </c>
      <c r="D58" s="18">
        <v>61</v>
      </c>
    </row>
    <row r="59" spans="1:4" ht="18" customHeight="1" x14ac:dyDescent="0.15">
      <c r="A59" s="5" t="s">
        <v>21</v>
      </c>
      <c r="B59" s="22">
        <v>169</v>
      </c>
      <c r="C59" s="14">
        <v>138</v>
      </c>
      <c r="D59" s="18">
        <v>307</v>
      </c>
    </row>
    <row r="60" spans="1:4" ht="18" customHeight="1" x14ac:dyDescent="0.15">
      <c r="A60" s="5">
        <v>45</v>
      </c>
      <c r="B60" s="22">
        <v>31</v>
      </c>
      <c r="C60" s="14">
        <v>31</v>
      </c>
      <c r="D60" s="18">
        <v>62</v>
      </c>
    </row>
    <row r="61" spans="1:4" ht="18" customHeight="1" x14ac:dyDescent="0.15">
      <c r="A61" s="5">
        <v>46</v>
      </c>
      <c r="B61" s="22">
        <v>40</v>
      </c>
      <c r="C61" s="14">
        <v>26</v>
      </c>
      <c r="D61" s="18">
        <v>66</v>
      </c>
    </row>
    <row r="62" spans="1:4" ht="18" customHeight="1" x14ac:dyDescent="0.15">
      <c r="A62" s="5">
        <v>47</v>
      </c>
      <c r="B62" s="22">
        <v>28</v>
      </c>
      <c r="C62" s="14">
        <v>37</v>
      </c>
      <c r="D62" s="18">
        <v>65</v>
      </c>
    </row>
    <row r="63" spans="1:4" ht="18" customHeight="1" x14ac:dyDescent="0.15">
      <c r="A63" s="5">
        <v>48</v>
      </c>
      <c r="B63" s="22">
        <v>32</v>
      </c>
      <c r="C63" s="14">
        <v>37</v>
      </c>
      <c r="D63" s="18">
        <v>69</v>
      </c>
    </row>
    <row r="64" spans="1:4" ht="18" customHeight="1" x14ac:dyDescent="0.15">
      <c r="A64" s="5">
        <v>49</v>
      </c>
      <c r="B64" s="22">
        <v>45</v>
      </c>
      <c r="C64" s="14">
        <v>20</v>
      </c>
      <c r="D64" s="18">
        <v>65</v>
      </c>
    </row>
    <row r="65" spans="1:4" ht="18" customHeight="1" x14ac:dyDescent="0.15">
      <c r="A65" s="5" t="s">
        <v>17</v>
      </c>
      <c r="B65" s="22">
        <v>176</v>
      </c>
      <c r="C65" s="14">
        <v>151</v>
      </c>
      <c r="D65" s="18">
        <v>327</v>
      </c>
    </row>
    <row r="66" spans="1:4" ht="18" customHeight="1" x14ac:dyDescent="0.15">
      <c r="A66" s="5">
        <v>50</v>
      </c>
      <c r="B66" s="22">
        <v>45</v>
      </c>
      <c r="C66" s="14">
        <v>38</v>
      </c>
      <c r="D66" s="18">
        <v>83</v>
      </c>
    </row>
    <row r="67" spans="1:4" ht="18" customHeight="1" x14ac:dyDescent="0.15">
      <c r="A67" s="5">
        <v>51</v>
      </c>
      <c r="B67" s="22">
        <v>38</v>
      </c>
      <c r="C67" s="14">
        <v>48</v>
      </c>
      <c r="D67" s="18">
        <v>86</v>
      </c>
    </row>
    <row r="68" spans="1:4" ht="18" customHeight="1" x14ac:dyDescent="0.15">
      <c r="A68" s="5">
        <v>52</v>
      </c>
      <c r="B68" s="22">
        <v>45</v>
      </c>
      <c r="C68" s="14">
        <v>43</v>
      </c>
      <c r="D68" s="18">
        <v>88</v>
      </c>
    </row>
    <row r="69" spans="1:4" ht="18" customHeight="1" x14ac:dyDescent="0.15">
      <c r="A69" s="5">
        <v>53</v>
      </c>
      <c r="B69" s="22">
        <v>55</v>
      </c>
      <c r="C69" s="14">
        <v>36</v>
      </c>
      <c r="D69" s="18">
        <v>91</v>
      </c>
    </row>
    <row r="70" spans="1:4" ht="18" customHeight="1" x14ac:dyDescent="0.15">
      <c r="A70" s="5">
        <v>54</v>
      </c>
      <c r="B70" s="22">
        <v>46</v>
      </c>
      <c r="C70" s="14">
        <v>39</v>
      </c>
      <c r="D70" s="18">
        <v>85</v>
      </c>
    </row>
    <row r="71" spans="1:4" ht="18" customHeight="1" x14ac:dyDescent="0.15">
      <c r="A71" s="5" t="s">
        <v>22</v>
      </c>
      <c r="B71" s="22">
        <v>229</v>
      </c>
      <c r="C71" s="14">
        <v>204</v>
      </c>
      <c r="D71" s="18">
        <v>433</v>
      </c>
    </row>
    <row r="72" spans="1:4" ht="18" customHeight="1" x14ac:dyDescent="0.15">
      <c r="A72" s="5">
        <v>55</v>
      </c>
      <c r="B72" s="22">
        <v>43</v>
      </c>
      <c r="C72" s="14">
        <v>40</v>
      </c>
      <c r="D72" s="18">
        <v>83</v>
      </c>
    </row>
    <row r="73" spans="1:4" ht="18" customHeight="1" x14ac:dyDescent="0.15">
      <c r="A73" s="5">
        <v>56</v>
      </c>
      <c r="B73" s="22">
        <v>40</v>
      </c>
      <c r="C73" s="14">
        <v>44</v>
      </c>
      <c r="D73" s="18">
        <v>84</v>
      </c>
    </row>
    <row r="74" spans="1:4" ht="18" customHeight="1" x14ac:dyDescent="0.15">
      <c r="A74" s="5">
        <v>57</v>
      </c>
      <c r="B74" s="22">
        <v>46</v>
      </c>
      <c r="C74" s="14">
        <v>35</v>
      </c>
      <c r="D74" s="18">
        <v>81</v>
      </c>
    </row>
    <row r="75" spans="1:4" ht="18" customHeight="1" x14ac:dyDescent="0.15">
      <c r="A75" s="5">
        <v>58</v>
      </c>
      <c r="B75" s="22">
        <v>27</v>
      </c>
      <c r="C75" s="14">
        <v>28</v>
      </c>
      <c r="D75" s="18">
        <v>55</v>
      </c>
    </row>
    <row r="76" spans="1:4" ht="18" customHeight="1" x14ac:dyDescent="0.15">
      <c r="A76" s="5">
        <v>59</v>
      </c>
      <c r="B76" s="22">
        <v>19</v>
      </c>
      <c r="C76" s="14">
        <v>27</v>
      </c>
      <c r="D76" s="18">
        <v>46</v>
      </c>
    </row>
    <row r="77" spans="1:4" ht="18" customHeight="1" x14ac:dyDescent="0.15">
      <c r="A77" s="5" t="s">
        <v>27</v>
      </c>
      <c r="B77" s="22">
        <v>175</v>
      </c>
      <c r="C77" s="14">
        <v>174</v>
      </c>
      <c r="D77" s="18">
        <v>349</v>
      </c>
    </row>
    <row r="78" spans="1:4" ht="18" customHeight="1" x14ac:dyDescent="0.15">
      <c r="A78" s="5">
        <v>60</v>
      </c>
      <c r="B78" s="22">
        <v>35</v>
      </c>
      <c r="C78" s="14">
        <v>41</v>
      </c>
      <c r="D78" s="18">
        <v>76</v>
      </c>
    </row>
    <row r="79" spans="1:4" ht="18" customHeight="1" x14ac:dyDescent="0.15">
      <c r="A79" s="5">
        <v>61</v>
      </c>
      <c r="B79" s="22">
        <v>38</v>
      </c>
      <c r="C79" s="14">
        <v>27</v>
      </c>
      <c r="D79" s="18">
        <v>65</v>
      </c>
    </row>
    <row r="80" spans="1:4" ht="18" customHeight="1" x14ac:dyDescent="0.15">
      <c r="A80" s="5">
        <v>62</v>
      </c>
      <c r="B80" s="22">
        <v>35</v>
      </c>
      <c r="C80" s="14">
        <v>35</v>
      </c>
      <c r="D80" s="18">
        <v>70</v>
      </c>
    </row>
    <row r="81" spans="1:4" ht="18" customHeight="1" x14ac:dyDescent="0.15">
      <c r="A81" s="5">
        <v>63</v>
      </c>
      <c r="B81" s="22">
        <v>35</v>
      </c>
      <c r="C81" s="14">
        <v>28</v>
      </c>
      <c r="D81" s="18">
        <v>63</v>
      </c>
    </row>
    <row r="82" spans="1:4" ht="18" customHeight="1" x14ac:dyDescent="0.15">
      <c r="A82" s="5">
        <v>64</v>
      </c>
      <c r="B82" s="22">
        <v>28</v>
      </c>
      <c r="C82" s="14">
        <v>24</v>
      </c>
      <c r="D82" s="18">
        <v>52</v>
      </c>
    </row>
    <row r="83" spans="1:4" ht="18" customHeight="1" x14ac:dyDescent="0.15">
      <c r="A83" s="5" t="s">
        <v>28</v>
      </c>
      <c r="B83" s="22">
        <v>171</v>
      </c>
      <c r="C83" s="14">
        <v>155</v>
      </c>
      <c r="D83" s="18">
        <v>326</v>
      </c>
    </row>
    <row r="84" spans="1:4" ht="18" customHeight="1" x14ac:dyDescent="0.15">
      <c r="A84" s="5" t="s">
        <v>31</v>
      </c>
      <c r="B84" s="22">
        <v>1552</v>
      </c>
      <c r="C84" s="14">
        <v>1391</v>
      </c>
      <c r="D84" s="18">
        <v>2943</v>
      </c>
    </row>
    <row r="85" spans="1:4" ht="18" customHeight="1" x14ac:dyDescent="0.15">
      <c r="A85" s="5">
        <v>65</v>
      </c>
      <c r="B85" s="22">
        <v>25</v>
      </c>
      <c r="C85" s="14">
        <v>33</v>
      </c>
      <c r="D85" s="18">
        <v>58</v>
      </c>
    </row>
    <row r="86" spans="1:4" ht="18" customHeight="1" x14ac:dyDescent="0.15">
      <c r="A86" s="5">
        <v>66</v>
      </c>
      <c r="B86" s="22">
        <v>29</v>
      </c>
      <c r="C86" s="14">
        <v>27</v>
      </c>
      <c r="D86" s="18">
        <v>56</v>
      </c>
    </row>
    <row r="87" spans="1:4" ht="18" customHeight="1" x14ac:dyDescent="0.15">
      <c r="A87" s="5">
        <v>67</v>
      </c>
      <c r="B87" s="22">
        <v>24</v>
      </c>
      <c r="C87" s="14">
        <v>38</v>
      </c>
      <c r="D87" s="18">
        <v>62</v>
      </c>
    </row>
    <row r="88" spans="1:4" ht="18" customHeight="1" x14ac:dyDescent="0.15">
      <c r="A88" s="5">
        <v>68</v>
      </c>
      <c r="B88" s="22">
        <v>33</v>
      </c>
      <c r="C88" s="14">
        <v>30</v>
      </c>
      <c r="D88" s="18">
        <v>63</v>
      </c>
    </row>
    <row r="89" spans="1:4" ht="18" customHeight="1" x14ac:dyDescent="0.15">
      <c r="A89" s="5">
        <v>69</v>
      </c>
      <c r="B89" s="22">
        <v>40</v>
      </c>
      <c r="C89" s="14">
        <v>40</v>
      </c>
      <c r="D89" s="18">
        <v>80</v>
      </c>
    </row>
    <row r="90" spans="1:4" ht="18" customHeight="1" x14ac:dyDescent="0.15">
      <c r="A90" s="5" t="s">
        <v>20</v>
      </c>
      <c r="B90" s="22">
        <v>151</v>
      </c>
      <c r="C90" s="14">
        <v>168</v>
      </c>
      <c r="D90" s="18">
        <v>319</v>
      </c>
    </row>
    <row r="91" spans="1:4" ht="18" customHeight="1" x14ac:dyDescent="0.15">
      <c r="A91" s="5">
        <v>70</v>
      </c>
      <c r="B91" s="22">
        <v>33</v>
      </c>
      <c r="C91" s="14">
        <v>34</v>
      </c>
      <c r="D91" s="18">
        <v>67</v>
      </c>
    </row>
    <row r="92" spans="1:4" ht="18" customHeight="1" x14ac:dyDescent="0.15">
      <c r="A92" s="5">
        <v>71</v>
      </c>
      <c r="B92" s="22">
        <v>33</v>
      </c>
      <c r="C92" s="14">
        <v>45</v>
      </c>
      <c r="D92" s="18">
        <v>78</v>
      </c>
    </row>
    <row r="93" spans="1:4" ht="18" customHeight="1" x14ac:dyDescent="0.15">
      <c r="A93" s="5">
        <v>72</v>
      </c>
      <c r="B93" s="22">
        <v>35</v>
      </c>
      <c r="C93" s="14">
        <v>51</v>
      </c>
      <c r="D93" s="18">
        <v>86</v>
      </c>
    </row>
    <row r="94" spans="1:4" ht="18" customHeight="1" x14ac:dyDescent="0.15">
      <c r="A94" s="5">
        <v>73</v>
      </c>
      <c r="B94" s="22">
        <v>32</v>
      </c>
      <c r="C94" s="14">
        <v>43</v>
      </c>
      <c r="D94" s="18">
        <v>75</v>
      </c>
    </row>
    <row r="95" spans="1:4" ht="18" customHeight="1" x14ac:dyDescent="0.15">
      <c r="A95" s="5">
        <v>74</v>
      </c>
      <c r="B95" s="22">
        <v>36</v>
      </c>
      <c r="C95" s="14">
        <v>39</v>
      </c>
      <c r="D95" s="18">
        <v>75</v>
      </c>
    </row>
    <row r="96" spans="1:4" ht="18" customHeight="1" x14ac:dyDescent="0.15">
      <c r="A96" s="5" t="s">
        <v>33</v>
      </c>
      <c r="B96" s="22">
        <v>169</v>
      </c>
      <c r="C96" s="14">
        <v>212</v>
      </c>
      <c r="D96" s="18">
        <v>381</v>
      </c>
    </row>
    <row r="97" spans="1:4" ht="18" customHeight="1" x14ac:dyDescent="0.15">
      <c r="A97" s="5">
        <v>75</v>
      </c>
      <c r="B97" s="22">
        <v>57</v>
      </c>
      <c r="C97" s="14">
        <v>51</v>
      </c>
      <c r="D97" s="18">
        <v>108</v>
      </c>
    </row>
    <row r="98" spans="1:4" ht="18" customHeight="1" x14ac:dyDescent="0.15">
      <c r="A98" s="5">
        <v>76</v>
      </c>
      <c r="B98" s="22">
        <v>63</v>
      </c>
      <c r="C98" s="14">
        <v>71</v>
      </c>
      <c r="D98" s="18">
        <v>134</v>
      </c>
    </row>
    <row r="99" spans="1:4" ht="18" customHeight="1" x14ac:dyDescent="0.15">
      <c r="A99" s="5">
        <v>77</v>
      </c>
      <c r="B99" s="22">
        <v>52</v>
      </c>
      <c r="C99" s="14">
        <v>62</v>
      </c>
      <c r="D99" s="18">
        <v>114</v>
      </c>
    </row>
    <row r="100" spans="1:4" ht="18" customHeight="1" x14ac:dyDescent="0.15">
      <c r="A100" s="5">
        <v>78</v>
      </c>
      <c r="B100" s="22">
        <v>43</v>
      </c>
      <c r="C100" s="14">
        <v>66</v>
      </c>
      <c r="D100" s="18">
        <v>109</v>
      </c>
    </row>
    <row r="101" spans="1:4" ht="18" customHeight="1" x14ac:dyDescent="0.15">
      <c r="A101" s="5">
        <v>79</v>
      </c>
      <c r="B101" s="22">
        <v>41</v>
      </c>
      <c r="C101" s="14">
        <v>46</v>
      </c>
      <c r="D101" s="18">
        <v>87</v>
      </c>
    </row>
    <row r="102" spans="1:4" ht="18" customHeight="1" x14ac:dyDescent="0.15">
      <c r="A102" s="5" t="s">
        <v>0</v>
      </c>
      <c r="B102" s="22">
        <v>256</v>
      </c>
      <c r="C102" s="14">
        <v>296</v>
      </c>
      <c r="D102" s="18">
        <v>552</v>
      </c>
    </row>
    <row r="103" spans="1:4" ht="18" customHeight="1" x14ac:dyDescent="0.15">
      <c r="A103" s="5">
        <v>80</v>
      </c>
      <c r="B103" s="22">
        <v>27</v>
      </c>
      <c r="C103" s="14">
        <v>33</v>
      </c>
      <c r="D103" s="18">
        <v>60</v>
      </c>
    </row>
    <row r="104" spans="1:4" ht="18" customHeight="1" x14ac:dyDescent="0.15">
      <c r="A104" s="5">
        <v>81</v>
      </c>
      <c r="B104" s="22">
        <v>26</v>
      </c>
      <c r="C104" s="14">
        <v>62</v>
      </c>
      <c r="D104" s="18">
        <v>88</v>
      </c>
    </row>
    <row r="105" spans="1:4" ht="18" customHeight="1" x14ac:dyDescent="0.15">
      <c r="A105" s="5">
        <v>82</v>
      </c>
      <c r="B105" s="22">
        <v>41</v>
      </c>
      <c r="C105" s="14">
        <v>52</v>
      </c>
      <c r="D105" s="18">
        <v>93</v>
      </c>
    </row>
    <row r="106" spans="1:4" ht="18" customHeight="1" x14ac:dyDescent="0.15">
      <c r="A106" s="5">
        <v>83</v>
      </c>
      <c r="B106" s="22">
        <v>27</v>
      </c>
      <c r="C106" s="14">
        <v>41</v>
      </c>
      <c r="D106" s="18">
        <v>68</v>
      </c>
    </row>
    <row r="107" spans="1:4" ht="18" customHeight="1" x14ac:dyDescent="0.15">
      <c r="A107" s="5">
        <v>84</v>
      </c>
      <c r="B107" s="22">
        <v>38</v>
      </c>
      <c r="C107" s="14">
        <v>43</v>
      </c>
      <c r="D107" s="18">
        <v>81</v>
      </c>
    </row>
    <row r="108" spans="1:4" ht="18" customHeight="1" x14ac:dyDescent="0.15">
      <c r="A108" s="5" t="s">
        <v>35</v>
      </c>
      <c r="B108" s="22">
        <v>159</v>
      </c>
      <c r="C108" s="14">
        <v>231</v>
      </c>
      <c r="D108" s="18">
        <v>390</v>
      </c>
    </row>
    <row r="109" spans="1:4" ht="18" customHeight="1" x14ac:dyDescent="0.15">
      <c r="A109" s="5">
        <v>85</v>
      </c>
      <c r="B109" s="22">
        <v>21</v>
      </c>
      <c r="C109" s="14">
        <v>42</v>
      </c>
      <c r="D109" s="18">
        <v>63</v>
      </c>
    </row>
    <row r="110" spans="1:4" ht="18" customHeight="1" x14ac:dyDescent="0.15">
      <c r="A110" s="5">
        <v>86</v>
      </c>
      <c r="B110" s="22">
        <v>23</v>
      </c>
      <c r="C110" s="14">
        <v>23</v>
      </c>
      <c r="D110" s="18">
        <v>46</v>
      </c>
    </row>
    <row r="111" spans="1:4" ht="18" customHeight="1" x14ac:dyDescent="0.15">
      <c r="A111" s="5">
        <v>87</v>
      </c>
      <c r="B111" s="22">
        <v>11</v>
      </c>
      <c r="C111" s="14">
        <v>17</v>
      </c>
      <c r="D111" s="18">
        <v>28</v>
      </c>
    </row>
    <row r="112" spans="1:4" ht="18" customHeight="1" x14ac:dyDescent="0.15">
      <c r="A112" s="5">
        <v>88</v>
      </c>
      <c r="B112" s="22">
        <v>19</v>
      </c>
      <c r="C112" s="14">
        <v>32</v>
      </c>
      <c r="D112" s="18">
        <v>51</v>
      </c>
    </row>
    <row r="113" spans="1:4" ht="18" customHeight="1" x14ac:dyDescent="0.15">
      <c r="A113" s="5">
        <v>89</v>
      </c>
      <c r="B113" s="22">
        <v>17</v>
      </c>
      <c r="C113" s="14">
        <v>24</v>
      </c>
      <c r="D113" s="18">
        <v>41</v>
      </c>
    </row>
    <row r="114" spans="1:4" ht="18" customHeight="1" x14ac:dyDescent="0.15">
      <c r="A114" s="5" t="s">
        <v>37</v>
      </c>
      <c r="B114" s="22">
        <v>91</v>
      </c>
      <c r="C114" s="14">
        <v>138</v>
      </c>
      <c r="D114" s="18">
        <v>229</v>
      </c>
    </row>
    <row r="115" spans="1:4" ht="18" customHeight="1" x14ac:dyDescent="0.15">
      <c r="A115" s="5">
        <v>90</v>
      </c>
      <c r="B115" s="22">
        <v>9</v>
      </c>
      <c r="C115" s="14">
        <v>20</v>
      </c>
      <c r="D115" s="18">
        <v>29</v>
      </c>
    </row>
    <row r="116" spans="1:4" ht="18" customHeight="1" x14ac:dyDescent="0.15">
      <c r="A116" s="5">
        <v>91</v>
      </c>
      <c r="B116" s="22">
        <v>6</v>
      </c>
      <c r="C116" s="14">
        <v>17</v>
      </c>
      <c r="D116" s="18">
        <v>23</v>
      </c>
    </row>
    <row r="117" spans="1:4" ht="18" customHeight="1" x14ac:dyDescent="0.15">
      <c r="A117" s="5">
        <v>92</v>
      </c>
      <c r="B117" s="22">
        <v>10</v>
      </c>
      <c r="C117" s="14">
        <v>16</v>
      </c>
      <c r="D117" s="18">
        <v>26</v>
      </c>
    </row>
    <row r="118" spans="1:4" ht="18" customHeight="1" x14ac:dyDescent="0.15">
      <c r="A118" s="5">
        <v>93</v>
      </c>
      <c r="B118" s="22">
        <v>3</v>
      </c>
      <c r="C118" s="14">
        <v>20</v>
      </c>
      <c r="D118" s="18">
        <v>23</v>
      </c>
    </row>
    <row r="119" spans="1:4" ht="18" customHeight="1" x14ac:dyDescent="0.15">
      <c r="A119" s="5">
        <v>94</v>
      </c>
      <c r="B119" s="22">
        <v>3</v>
      </c>
      <c r="C119" s="14">
        <v>9</v>
      </c>
      <c r="D119" s="18">
        <v>12</v>
      </c>
    </row>
    <row r="120" spans="1:4" ht="18" customHeight="1" x14ac:dyDescent="0.15">
      <c r="A120" s="5" t="s">
        <v>39</v>
      </c>
      <c r="B120" s="22">
        <v>31</v>
      </c>
      <c r="C120" s="14">
        <v>82</v>
      </c>
      <c r="D120" s="18">
        <v>113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1</v>
      </c>
      <c r="C122" s="14">
        <v>12</v>
      </c>
      <c r="D122" s="18">
        <v>13</v>
      </c>
    </row>
    <row r="123" spans="1:4" ht="18" customHeight="1" x14ac:dyDescent="0.15">
      <c r="A123" s="5">
        <v>97</v>
      </c>
      <c r="B123" s="22">
        <v>2</v>
      </c>
      <c r="C123" s="14">
        <v>7</v>
      </c>
      <c r="D123" s="18">
        <v>9</v>
      </c>
    </row>
    <row r="124" spans="1:4" ht="18" customHeight="1" x14ac:dyDescent="0.15">
      <c r="A124" s="5">
        <v>98</v>
      </c>
      <c r="B124" s="22">
        <v>1</v>
      </c>
      <c r="C124" s="14">
        <v>4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5</v>
      </c>
      <c r="C126" s="14">
        <v>31</v>
      </c>
      <c r="D126" s="18">
        <v>36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862</v>
      </c>
      <c r="C130" s="14">
        <v>1161</v>
      </c>
      <c r="D130" s="18">
        <v>2023</v>
      </c>
    </row>
    <row r="131" spans="1:4" ht="18" customHeight="1" x14ac:dyDescent="0.15">
      <c r="A131" s="7" t="s">
        <v>45</v>
      </c>
      <c r="B131" s="23">
        <v>2659</v>
      </c>
      <c r="C131" s="15">
        <v>2796</v>
      </c>
      <c r="D131" s="19">
        <v>545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4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45</v>
      </c>
      <c r="C5" s="13">
        <v>51</v>
      </c>
      <c r="D5" s="17">
        <v>96</v>
      </c>
    </row>
    <row r="6" spans="1:4" ht="18" customHeight="1" x14ac:dyDescent="0.15">
      <c r="A6" s="5">
        <v>1</v>
      </c>
      <c r="B6" s="22">
        <v>40</v>
      </c>
      <c r="C6" s="14">
        <v>60</v>
      </c>
      <c r="D6" s="18">
        <v>100</v>
      </c>
    </row>
    <row r="7" spans="1:4" ht="18" customHeight="1" x14ac:dyDescent="0.15">
      <c r="A7" s="5">
        <v>2</v>
      </c>
      <c r="B7" s="22">
        <v>42</v>
      </c>
      <c r="C7" s="14">
        <v>56</v>
      </c>
      <c r="D7" s="18">
        <v>98</v>
      </c>
    </row>
    <row r="8" spans="1:4" ht="18" customHeight="1" x14ac:dyDescent="0.15">
      <c r="A8" s="5">
        <v>3</v>
      </c>
      <c r="B8" s="22">
        <v>47</v>
      </c>
      <c r="C8" s="14">
        <v>49</v>
      </c>
      <c r="D8" s="18">
        <v>96</v>
      </c>
    </row>
    <row r="9" spans="1:4" ht="18" customHeight="1" x14ac:dyDescent="0.15">
      <c r="A9" s="5">
        <v>4</v>
      </c>
      <c r="B9" s="22">
        <v>48</v>
      </c>
      <c r="C9" s="14">
        <v>49</v>
      </c>
      <c r="D9" s="18">
        <v>97</v>
      </c>
    </row>
    <row r="10" spans="1:4" ht="18" customHeight="1" x14ac:dyDescent="0.15">
      <c r="A10" s="5" t="s">
        <v>7</v>
      </c>
      <c r="B10" s="22">
        <v>222</v>
      </c>
      <c r="C10" s="14">
        <v>265</v>
      </c>
      <c r="D10" s="18">
        <v>487</v>
      </c>
    </row>
    <row r="11" spans="1:4" ht="18" customHeight="1" x14ac:dyDescent="0.15">
      <c r="A11" s="5">
        <v>5</v>
      </c>
      <c r="B11" s="22">
        <v>47</v>
      </c>
      <c r="C11" s="14">
        <v>39</v>
      </c>
      <c r="D11" s="18">
        <v>86</v>
      </c>
    </row>
    <row r="12" spans="1:4" ht="18" customHeight="1" x14ac:dyDescent="0.15">
      <c r="A12" s="5">
        <v>6</v>
      </c>
      <c r="B12" s="22">
        <v>42</v>
      </c>
      <c r="C12" s="14">
        <v>44</v>
      </c>
      <c r="D12" s="18">
        <v>86</v>
      </c>
    </row>
    <row r="13" spans="1:4" ht="18" customHeight="1" x14ac:dyDescent="0.15">
      <c r="A13" s="5">
        <v>7</v>
      </c>
      <c r="B13" s="22">
        <v>42</v>
      </c>
      <c r="C13" s="14">
        <v>52</v>
      </c>
      <c r="D13" s="18">
        <v>94</v>
      </c>
    </row>
    <row r="14" spans="1:4" ht="18" customHeight="1" x14ac:dyDescent="0.15">
      <c r="A14" s="5">
        <v>8</v>
      </c>
      <c r="B14" s="22">
        <v>50</v>
      </c>
      <c r="C14" s="14">
        <v>55</v>
      </c>
      <c r="D14" s="18">
        <v>105</v>
      </c>
    </row>
    <row r="15" spans="1:4" ht="18" customHeight="1" x14ac:dyDescent="0.15">
      <c r="A15" s="5">
        <v>9</v>
      </c>
      <c r="B15" s="22">
        <v>55</v>
      </c>
      <c r="C15" s="14">
        <v>57</v>
      </c>
      <c r="D15" s="18">
        <v>112</v>
      </c>
    </row>
    <row r="16" spans="1:4" ht="18" customHeight="1" x14ac:dyDescent="0.15">
      <c r="A16" s="5" t="s">
        <v>11</v>
      </c>
      <c r="B16" s="22">
        <v>236</v>
      </c>
      <c r="C16" s="14">
        <v>247</v>
      </c>
      <c r="D16" s="18">
        <v>483</v>
      </c>
    </row>
    <row r="17" spans="1:4" ht="18" customHeight="1" x14ac:dyDescent="0.15">
      <c r="A17" s="5">
        <v>10</v>
      </c>
      <c r="B17" s="22">
        <v>74</v>
      </c>
      <c r="C17" s="14">
        <v>45</v>
      </c>
      <c r="D17" s="18">
        <v>119</v>
      </c>
    </row>
    <row r="18" spans="1:4" ht="18" customHeight="1" x14ac:dyDescent="0.15">
      <c r="A18" s="5">
        <v>11</v>
      </c>
      <c r="B18" s="22">
        <v>59</v>
      </c>
      <c r="C18" s="14">
        <v>63</v>
      </c>
      <c r="D18" s="18">
        <v>122</v>
      </c>
    </row>
    <row r="19" spans="1:4" ht="18" customHeight="1" x14ac:dyDescent="0.15">
      <c r="A19" s="5">
        <v>12</v>
      </c>
      <c r="B19" s="22">
        <v>64</v>
      </c>
      <c r="C19" s="14">
        <v>54</v>
      </c>
      <c r="D19" s="18">
        <v>118</v>
      </c>
    </row>
    <row r="20" spans="1:4" ht="18" customHeight="1" x14ac:dyDescent="0.15">
      <c r="A20" s="5">
        <v>13</v>
      </c>
      <c r="B20" s="22">
        <v>51</v>
      </c>
      <c r="C20" s="14">
        <v>52</v>
      </c>
      <c r="D20" s="18">
        <v>103</v>
      </c>
    </row>
    <row r="21" spans="1:4" ht="18" customHeight="1" x14ac:dyDescent="0.15">
      <c r="A21" s="5">
        <v>14</v>
      </c>
      <c r="B21" s="22">
        <v>66</v>
      </c>
      <c r="C21" s="14">
        <v>55</v>
      </c>
      <c r="D21" s="18">
        <v>121</v>
      </c>
    </row>
    <row r="22" spans="1:4" ht="18" customHeight="1" x14ac:dyDescent="0.15">
      <c r="A22" s="5" t="s">
        <v>12</v>
      </c>
      <c r="B22" s="22">
        <v>314</v>
      </c>
      <c r="C22" s="14">
        <v>269</v>
      </c>
      <c r="D22" s="18">
        <v>583</v>
      </c>
    </row>
    <row r="23" spans="1:4" ht="18" customHeight="1" x14ac:dyDescent="0.15">
      <c r="A23" s="5" t="s">
        <v>6</v>
      </c>
      <c r="B23" s="22">
        <v>772</v>
      </c>
      <c r="C23" s="14">
        <v>781</v>
      </c>
      <c r="D23" s="18">
        <v>1553</v>
      </c>
    </row>
    <row r="24" spans="1:4" ht="18" customHeight="1" x14ac:dyDescent="0.15">
      <c r="A24" s="5">
        <v>15</v>
      </c>
      <c r="B24" s="22">
        <v>71</v>
      </c>
      <c r="C24" s="14">
        <v>68</v>
      </c>
      <c r="D24" s="18">
        <v>139</v>
      </c>
    </row>
    <row r="25" spans="1:4" ht="18" customHeight="1" x14ac:dyDescent="0.15">
      <c r="A25" s="5">
        <v>16</v>
      </c>
      <c r="B25" s="22">
        <v>55</v>
      </c>
      <c r="C25" s="14">
        <v>63</v>
      </c>
      <c r="D25" s="18">
        <v>118</v>
      </c>
    </row>
    <row r="26" spans="1:4" ht="18" customHeight="1" x14ac:dyDescent="0.15">
      <c r="A26" s="5">
        <v>17</v>
      </c>
      <c r="B26" s="22">
        <v>53</v>
      </c>
      <c r="C26" s="14">
        <v>51</v>
      </c>
      <c r="D26" s="18">
        <v>104</v>
      </c>
    </row>
    <row r="27" spans="1:4" ht="18" customHeight="1" x14ac:dyDescent="0.15">
      <c r="A27" s="5">
        <v>18</v>
      </c>
      <c r="B27" s="22">
        <v>59</v>
      </c>
      <c r="C27" s="14">
        <v>62</v>
      </c>
      <c r="D27" s="18">
        <v>121</v>
      </c>
    </row>
    <row r="28" spans="1:4" ht="18" customHeight="1" x14ac:dyDescent="0.15">
      <c r="A28" s="5">
        <v>19</v>
      </c>
      <c r="B28" s="22">
        <v>77</v>
      </c>
      <c r="C28" s="14">
        <v>50</v>
      </c>
      <c r="D28" s="18">
        <v>127</v>
      </c>
    </row>
    <row r="29" spans="1:4" ht="18" customHeight="1" x14ac:dyDescent="0.15">
      <c r="A29" s="5" t="s">
        <v>14</v>
      </c>
      <c r="B29" s="22">
        <v>315</v>
      </c>
      <c r="C29" s="14">
        <v>294</v>
      </c>
      <c r="D29" s="18">
        <v>609</v>
      </c>
    </row>
    <row r="30" spans="1:4" ht="18" customHeight="1" x14ac:dyDescent="0.15">
      <c r="A30" s="5">
        <v>20</v>
      </c>
      <c r="B30" s="22">
        <v>66</v>
      </c>
      <c r="C30" s="14">
        <v>64</v>
      </c>
      <c r="D30" s="18">
        <v>130</v>
      </c>
    </row>
    <row r="31" spans="1:4" ht="18" customHeight="1" x14ac:dyDescent="0.15">
      <c r="A31" s="5">
        <v>21</v>
      </c>
      <c r="B31" s="22">
        <v>48</v>
      </c>
      <c r="C31" s="14">
        <v>67</v>
      </c>
      <c r="D31" s="18">
        <v>115</v>
      </c>
    </row>
    <row r="32" spans="1:4" ht="18" customHeight="1" x14ac:dyDescent="0.15">
      <c r="A32" s="5">
        <v>22</v>
      </c>
      <c r="B32" s="22">
        <v>49</v>
      </c>
      <c r="C32" s="14">
        <v>67</v>
      </c>
      <c r="D32" s="18">
        <v>116</v>
      </c>
    </row>
    <row r="33" spans="1:4" ht="18" customHeight="1" x14ac:dyDescent="0.15">
      <c r="A33" s="5">
        <v>23</v>
      </c>
      <c r="B33" s="22">
        <v>77</v>
      </c>
      <c r="C33" s="14">
        <v>66</v>
      </c>
      <c r="D33" s="18">
        <v>143</v>
      </c>
    </row>
    <row r="34" spans="1:4" ht="18" customHeight="1" x14ac:dyDescent="0.15">
      <c r="A34" s="5">
        <v>24</v>
      </c>
      <c r="B34" s="22">
        <v>84</v>
      </c>
      <c r="C34" s="14">
        <v>79</v>
      </c>
      <c r="D34" s="18">
        <v>163</v>
      </c>
    </row>
    <row r="35" spans="1:4" ht="18" customHeight="1" x14ac:dyDescent="0.15">
      <c r="A35" s="5" t="s">
        <v>9</v>
      </c>
      <c r="B35" s="22">
        <v>324</v>
      </c>
      <c r="C35" s="14">
        <v>343</v>
      </c>
      <c r="D35" s="18">
        <v>667</v>
      </c>
    </row>
    <row r="36" spans="1:4" ht="18" customHeight="1" x14ac:dyDescent="0.15">
      <c r="A36" s="5">
        <v>25</v>
      </c>
      <c r="B36" s="22">
        <v>89</v>
      </c>
      <c r="C36" s="14">
        <v>86</v>
      </c>
      <c r="D36" s="18">
        <v>175</v>
      </c>
    </row>
    <row r="37" spans="1:4" ht="18" customHeight="1" x14ac:dyDescent="0.15">
      <c r="A37" s="5">
        <v>26</v>
      </c>
      <c r="B37" s="22">
        <v>89</v>
      </c>
      <c r="C37" s="14">
        <v>84</v>
      </c>
      <c r="D37" s="18">
        <v>173</v>
      </c>
    </row>
    <row r="38" spans="1:4" ht="18" customHeight="1" x14ac:dyDescent="0.15">
      <c r="A38" s="5">
        <v>27</v>
      </c>
      <c r="B38" s="22">
        <v>86</v>
      </c>
      <c r="C38" s="14">
        <v>79</v>
      </c>
      <c r="D38" s="18">
        <v>165</v>
      </c>
    </row>
    <row r="39" spans="1:4" ht="18" customHeight="1" x14ac:dyDescent="0.15">
      <c r="A39" s="5">
        <v>28</v>
      </c>
      <c r="B39" s="22">
        <v>90</v>
      </c>
      <c r="C39" s="14">
        <v>90</v>
      </c>
      <c r="D39" s="18">
        <v>180</v>
      </c>
    </row>
    <row r="40" spans="1:4" ht="18" customHeight="1" x14ac:dyDescent="0.15">
      <c r="A40" s="5">
        <v>29</v>
      </c>
      <c r="B40" s="22">
        <v>117</v>
      </c>
      <c r="C40" s="14">
        <v>86</v>
      </c>
      <c r="D40" s="18">
        <v>203</v>
      </c>
    </row>
    <row r="41" spans="1:4" ht="18" customHeight="1" x14ac:dyDescent="0.15">
      <c r="A41" s="5" t="s">
        <v>2</v>
      </c>
      <c r="B41" s="22">
        <v>471</v>
      </c>
      <c r="C41" s="14">
        <v>425</v>
      </c>
      <c r="D41" s="18">
        <v>896</v>
      </c>
    </row>
    <row r="42" spans="1:4" ht="18" customHeight="1" x14ac:dyDescent="0.15">
      <c r="A42" s="5">
        <v>30</v>
      </c>
      <c r="B42" s="22">
        <v>89</v>
      </c>
      <c r="C42" s="14">
        <v>82</v>
      </c>
      <c r="D42" s="18">
        <v>171</v>
      </c>
    </row>
    <row r="43" spans="1:4" ht="18" customHeight="1" x14ac:dyDescent="0.15">
      <c r="A43" s="5">
        <v>31</v>
      </c>
      <c r="B43" s="22">
        <v>114</v>
      </c>
      <c r="C43" s="14">
        <v>91</v>
      </c>
      <c r="D43" s="18">
        <v>205</v>
      </c>
    </row>
    <row r="44" spans="1:4" ht="18" customHeight="1" x14ac:dyDescent="0.15">
      <c r="A44" s="5">
        <v>32</v>
      </c>
      <c r="B44" s="22">
        <v>86</v>
      </c>
      <c r="C44" s="14">
        <v>64</v>
      </c>
      <c r="D44" s="18">
        <v>150</v>
      </c>
    </row>
    <row r="45" spans="1:4" ht="18" customHeight="1" x14ac:dyDescent="0.15">
      <c r="A45" s="5">
        <v>33</v>
      </c>
      <c r="B45" s="22">
        <v>75</v>
      </c>
      <c r="C45" s="14">
        <v>88</v>
      </c>
      <c r="D45" s="18">
        <v>163</v>
      </c>
    </row>
    <row r="46" spans="1:4" ht="18" customHeight="1" x14ac:dyDescent="0.15">
      <c r="A46" s="5">
        <v>34</v>
      </c>
      <c r="B46" s="22">
        <v>93</v>
      </c>
      <c r="C46" s="14">
        <v>89</v>
      </c>
      <c r="D46" s="18">
        <v>182</v>
      </c>
    </row>
    <row r="47" spans="1:4" ht="18" customHeight="1" x14ac:dyDescent="0.15">
      <c r="A47" s="5" t="s">
        <v>15</v>
      </c>
      <c r="B47" s="22">
        <v>457</v>
      </c>
      <c r="C47" s="14">
        <v>414</v>
      </c>
      <c r="D47" s="18">
        <v>871</v>
      </c>
    </row>
    <row r="48" spans="1:4" ht="18" customHeight="1" x14ac:dyDescent="0.15">
      <c r="A48" s="5">
        <v>35</v>
      </c>
      <c r="B48" s="22">
        <v>100</v>
      </c>
      <c r="C48" s="14">
        <v>73</v>
      </c>
      <c r="D48" s="18">
        <v>173</v>
      </c>
    </row>
    <row r="49" spans="1:4" ht="18" customHeight="1" x14ac:dyDescent="0.15">
      <c r="A49" s="5">
        <v>36</v>
      </c>
      <c r="B49" s="22">
        <v>80</v>
      </c>
      <c r="C49" s="14">
        <v>73</v>
      </c>
      <c r="D49" s="18">
        <v>153</v>
      </c>
    </row>
    <row r="50" spans="1:4" ht="18" customHeight="1" x14ac:dyDescent="0.15">
      <c r="A50" s="5">
        <v>37</v>
      </c>
      <c r="B50" s="22">
        <v>80</v>
      </c>
      <c r="C50" s="14">
        <v>78</v>
      </c>
      <c r="D50" s="18">
        <v>158</v>
      </c>
    </row>
    <row r="51" spans="1:4" ht="18" customHeight="1" x14ac:dyDescent="0.15">
      <c r="A51" s="5">
        <v>38</v>
      </c>
      <c r="B51" s="22">
        <v>55</v>
      </c>
      <c r="C51" s="14">
        <v>63</v>
      </c>
      <c r="D51" s="18">
        <v>118</v>
      </c>
    </row>
    <row r="52" spans="1:4" ht="18" customHeight="1" x14ac:dyDescent="0.15">
      <c r="A52" s="5">
        <v>39</v>
      </c>
      <c r="B52" s="22">
        <v>93</v>
      </c>
      <c r="C52" s="14">
        <v>66</v>
      </c>
      <c r="D52" s="18">
        <v>159</v>
      </c>
    </row>
    <row r="53" spans="1:4" ht="18" customHeight="1" x14ac:dyDescent="0.15">
      <c r="A53" s="5" t="s">
        <v>18</v>
      </c>
      <c r="B53" s="22">
        <v>408</v>
      </c>
      <c r="C53" s="14">
        <v>353</v>
      </c>
      <c r="D53" s="18">
        <v>761</v>
      </c>
    </row>
    <row r="54" spans="1:4" ht="18" customHeight="1" x14ac:dyDescent="0.15">
      <c r="A54" s="5">
        <v>40</v>
      </c>
      <c r="B54" s="22">
        <v>85</v>
      </c>
      <c r="C54" s="14">
        <v>84</v>
      </c>
      <c r="D54" s="18">
        <v>169</v>
      </c>
    </row>
    <row r="55" spans="1:4" ht="18" customHeight="1" x14ac:dyDescent="0.15">
      <c r="A55" s="5">
        <v>41</v>
      </c>
      <c r="B55" s="22">
        <v>101</v>
      </c>
      <c r="C55" s="14">
        <v>84</v>
      </c>
      <c r="D55" s="18">
        <v>185</v>
      </c>
    </row>
    <row r="56" spans="1:4" ht="18" customHeight="1" x14ac:dyDescent="0.15">
      <c r="A56" s="5">
        <v>42</v>
      </c>
      <c r="B56" s="22">
        <v>88</v>
      </c>
      <c r="C56" s="14">
        <v>71</v>
      </c>
      <c r="D56" s="18">
        <v>159</v>
      </c>
    </row>
    <row r="57" spans="1:4" ht="18" customHeight="1" x14ac:dyDescent="0.15">
      <c r="A57" s="5">
        <v>43</v>
      </c>
      <c r="B57" s="22">
        <v>96</v>
      </c>
      <c r="C57" s="14">
        <v>74</v>
      </c>
      <c r="D57" s="18">
        <v>170</v>
      </c>
    </row>
    <row r="58" spans="1:4" ht="18" customHeight="1" x14ac:dyDescent="0.15">
      <c r="A58" s="5">
        <v>44</v>
      </c>
      <c r="B58" s="22">
        <v>79</v>
      </c>
      <c r="C58" s="14">
        <v>88</v>
      </c>
      <c r="D58" s="18">
        <v>167</v>
      </c>
    </row>
    <row r="59" spans="1:4" ht="18" customHeight="1" x14ac:dyDescent="0.15">
      <c r="A59" s="5" t="s">
        <v>21</v>
      </c>
      <c r="B59" s="22">
        <v>449</v>
      </c>
      <c r="C59" s="14">
        <v>401</v>
      </c>
      <c r="D59" s="18">
        <v>850</v>
      </c>
    </row>
    <row r="60" spans="1:4" ht="18" customHeight="1" x14ac:dyDescent="0.15">
      <c r="A60" s="5">
        <v>45</v>
      </c>
      <c r="B60" s="22">
        <v>99</v>
      </c>
      <c r="C60" s="14">
        <v>87</v>
      </c>
      <c r="D60" s="18">
        <v>186</v>
      </c>
    </row>
    <row r="61" spans="1:4" ht="18" customHeight="1" x14ac:dyDescent="0.15">
      <c r="A61" s="5">
        <v>46</v>
      </c>
      <c r="B61" s="22">
        <v>95</v>
      </c>
      <c r="C61" s="14">
        <v>76</v>
      </c>
      <c r="D61" s="18">
        <v>171</v>
      </c>
    </row>
    <row r="62" spans="1:4" ht="18" customHeight="1" x14ac:dyDescent="0.15">
      <c r="A62" s="5">
        <v>47</v>
      </c>
      <c r="B62" s="22">
        <v>107</v>
      </c>
      <c r="C62" s="14">
        <v>118</v>
      </c>
      <c r="D62" s="18">
        <v>225</v>
      </c>
    </row>
    <row r="63" spans="1:4" ht="18" customHeight="1" x14ac:dyDescent="0.15">
      <c r="A63" s="5">
        <v>48</v>
      </c>
      <c r="B63" s="22">
        <v>117</v>
      </c>
      <c r="C63" s="14">
        <v>85</v>
      </c>
      <c r="D63" s="18">
        <v>202</v>
      </c>
    </row>
    <row r="64" spans="1:4" ht="18" customHeight="1" x14ac:dyDescent="0.15">
      <c r="A64" s="5">
        <v>49</v>
      </c>
      <c r="B64" s="22">
        <v>104</v>
      </c>
      <c r="C64" s="14">
        <v>102</v>
      </c>
      <c r="D64" s="18">
        <v>206</v>
      </c>
    </row>
    <row r="65" spans="1:4" ht="18" customHeight="1" x14ac:dyDescent="0.15">
      <c r="A65" s="5" t="s">
        <v>17</v>
      </c>
      <c r="B65" s="22">
        <v>522</v>
      </c>
      <c r="C65" s="14">
        <v>468</v>
      </c>
      <c r="D65" s="18">
        <v>990</v>
      </c>
    </row>
    <row r="66" spans="1:4" ht="18" customHeight="1" x14ac:dyDescent="0.15">
      <c r="A66" s="5">
        <v>50</v>
      </c>
      <c r="B66" s="22">
        <v>122</v>
      </c>
      <c r="C66" s="14">
        <v>110</v>
      </c>
      <c r="D66" s="18">
        <v>232</v>
      </c>
    </row>
    <row r="67" spans="1:4" ht="18" customHeight="1" x14ac:dyDescent="0.15">
      <c r="A67" s="5">
        <v>51</v>
      </c>
      <c r="B67" s="22">
        <v>111</v>
      </c>
      <c r="C67" s="14">
        <v>121</v>
      </c>
      <c r="D67" s="18">
        <v>232</v>
      </c>
    </row>
    <row r="68" spans="1:4" ht="18" customHeight="1" x14ac:dyDescent="0.15">
      <c r="A68" s="5">
        <v>52</v>
      </c>
      <c r="B68" s="22">
        <v>123</v>
      </c>
      <c r="C68" s="14">
        <v>104</v>
      </c>
      <c r="D68" s="18">
        <v>227</v>
      </c>
    </row>
    <row r="69" spans="1:4" ht="18" customHeight="1" x14ac:dyDescent="0.15">
      <c r="A69" s="5">
        <v>53</v>
      </c>
      <c r="B69" s="22">
        <v>116</v>
      </c>
      <c r="C69" s="14">
        <v>121</v>
      </c>
      <c r="D69" s="18">
        <v>237</v>
      </c>
    </row>
    <row r="70" spans="1:4" ht="18" customHeight="1" x14ac:dyDescent="0.15">
      <c r="A70" s="5">
        <v>54</v>
      </c>
      <c r="B70" s="22">
        <v>111</v>
      </c>
      <c r="C70" s="14">
        <v>86</v>
      </c>
      <c r="D70" s="18">
        <v>197</v>
      </c>
    </row>
    <row r="71" spans="1:4" ht="18" customHeight="1" x14ac:dyDescent="0.15">
      <c r="A71" s="5" t="s">
        <v>22</v>
      </c>
      <c r="B71" s="22">
        <v>583</v>
      </c>
      <c r="C71" s="14">
        <v>542</v>
      </c>
      <c r="D71" s="18">
        <v>1125</v>
      </c>
    </row>
    <row r="72" spans="1:4" ht="18" customHeight="1" x14ac:dyDescent="0.15">
      <c r="A72" s="5">
        <v>55</v>
      </c>
      <c r="B72" s="22">
        <v>118</v>
      </c>
      <c r="C72" s="14">
        <v>103</v>
      </c>
      <c r="D72" s="18">
        <v>221</v>
      </c>
    </row>
    <row r="73" spans="1:4" ht="18" customHeight="1" x14ac:dyDescent="0.15">
      <c r="A73" s="5">
        <v>56</v>
      </c>
      <c r="B73" s="22">
        <v>88</v>
      </c>
      <c r="C73" s="14">
        <v>87</v>
      </c>
      <c r="D73" s="18">
        <v>175</v>
      </c>
    </row>
    <row r="74" spans="1:4" ht="18" customHeight="1" x14ac:dyDescent="0.15">
      <c r="A74" s="5">
        <v>57</v>
      </c>
      <c r="B74" s="22">
        <v>96</v>
      </c>
      <c r="C74" s="14">
        <v>94</v>
      </c>
      <c r="D74" s="18">
        <v>190</v>
      </c>
    </row>
    <row r="75" spans="1:4" ht="18" customHeight="1" x14ac:dyDescent="0.15">
      <c r="A75" s="5">
        <v>58</v>
      </c>
      <c r="B75" s="22">
        <v>79</v>
      </c>
      <c r="C75" s="14">
        <v>78</v>
      </c>
      <c r="D75" s="18">
        <v>157</v>
      </c>
    </row>
    <row r="76" spans="1:4" ht="18" customHeight="1" x14ac:dyDescent="0.15">
      <c r="A76" s="5">
        <v>59</v>
      </c>
      <c r="B76" s="22">
        <v>68</v>
      </c>
      <c r="C76" s="14">
        <v>85</v>
      </c>
      <c r="D76" s="18">
        <v>153</v>
      </c>
    </row>
    <row r="77" spans="1:4" ht="18" customHeight="1" x14ac:dyDescent="0.15">
      <c r="A77" s="5" t="s">
        <v>27</v>
      </c>
      <c r="B77" s="22">
        <v>449</v>
      </c>
      <c r="C77" s="14">
        <v>447</v>
      </c>
      <c r="D77" s="18">
        <v>896</v>
      </c>
    </row>
    <row r="78" spans="1:4" ht="18" customHeight="1" x14ac:dyDescent="0.15">
      <c r="A78" s="5">
        <v>60</v>
      </c>
      <c r="B78" s="22">
        <v>82</v>
      </c>
      <c r="C78" s="14">
        <v>89</v>
      </c>
      <c r="D78" s="18">
        <v>171</v>
      </c>
    </row>
    <row r="79" spans="1:4" ht="18" customHeight="1" x14ac:dyDescent="0.15">
      <c r="A79" s="5">
        <v>61</v>
      </c>
      <c r="B79" s="22">
        <v>73</v>
      </c>
      <c r="C79" s="14">
        <v>92</v>
      </c>
      <c r="D79" s="18">
        <v>165</v>
      </c>
    </row>
    <row r="80" spans="1:4" ht="18" customHeight="1" x14ac:dyDescent="0.15">
      <c r="A80" s="5">
        <v>62</v>
      </c>
      <c r="B80" s="22">
        <v>84</v>
      </c>
      <c r="C80" s="14">
        <v>88</v>
      </c>
      <c r="D80" s="18">
        <v>172</v>
      </c>
    </row>
    <row r="81" spans="1:4" ht="18" customHeight="1" x14ac:dyDescent="0.15">
      <c r="A81" s="5">
        <v>63</v>
      </c>
      <c r="B81" s="22">
        <v>63</v>
      </c>
      <c r="C81" s="14">
        <v>72</v>
      </c>
      <c r="D81" s="18">
        <v>135</v>
      </c>
    </row>
    <row r="82" spans="1:4" ht="18" customHeight="1" x14ac:dyDescent="0.15">
      <c r="A82" s="5">
        <v>64</v>
      </c>
      <c r="B82" s="22">
        <v>62</v>
      </c>
      <c r="C82" s="14">
        <v>61</v>
      </c>
      <c r="D82" s="18">
        <v>123</v>
      </c>
    </row>
    <row r="83" spans="1:4" ht="18" customHeight="1" x14ac:dyDescent="0.15">
      <c r="A83" s="5" t="s">
        <v>28</v>
      </c>
      <c r="B83" s="22">
        <v>364</v>
      </c>
      <c r="C83" s="14">
        <v>402</v>
      </c>
      <c r="D83" s="18">
        <v>766</v>
      </c>
    </row>
    <row r="84" spans="1:4" ht="18" customHeight="1" x14ac:dyDescent="0.15">
      <c r="A84" s="5" t="s">
        <v>31</v>
      </c>
      <c r="B84" s="22">
        <v>4342</v>
      </c>
      <c r="C84" s="14">
        <v>4089</v>
      </c>
      <c r="D84" s="18">
        <v>8431</v>
      </c>
    </row>
    <row r="85" spans="1:4" ht="18" customHeight="1" x14ac:dyDescent="0.15">
      <c r="A85" s="5">
        <v>65</v>
      </c>
      <c r="B85" s="22">
        <v>66</v>
      </c>
      <c r="C85" s="14">
        <v>69</v>
      </c>
      <c r="D85" s="18">
        <v>135</v>
      </c>
    </row>
    <row r="86" spans="1:4" ht="18" customHeight="1" x14ac:dyDescent="0.15">
      <c r="A86" s="5">
        <v>66</v>
      </c>
      <c r="B86" s="22">
        <v>67</v>
      </c>
      <c r="C86" s="14">
        <v>80</v>
      </c>
      <c r="D86" s="18">
        <v>147</v>
      </c>
    </row>
    <row r="87" spans="1:4" ht="18" customHeight="1" x14ac:dyDescent="0.15">
      <c r="A87" s="5">
        <v>67</v>
      </c>
      <c r="B87" s="22">
        <v>58</v>
      </c>
      <c r="C87" s="14">
        <v>74</v>
      </c>
      <c r="D87" s="18">
        <v>132</v>
      </c>
    </row>
    <row r="88" spans="1:4" ht="18" customHeight="1" x14ac:dyDescent="0.15">
      <c r="A88" s="5">
        <v>68</v>
      </c>
      <c r="B88" s="22">
        <v>59</v>
      </c>
      <c r="C88" s="14">
        <v>64</v>
      </c>
      <c r="D88" s="18">
        <v>123</v>
      </c>
    </row>
    <row r="89" spans="1:4" ht="18" customHeight="1" x14ac:dyDescent="0.15">
      <c r="A89" s="5">
        <v>69</v>
      </c>
      <c r="B89" s="22">
        <v>62</v>
      </c>
      <c r="C89" s="14">
        <v>69</v>
      </c>
      <c r="D89" s="18">
        <v>131</v>
      </c>
    </row>
    <row r="90" spans="1:4" ht="18" customHeight="1" x14ac:dyDescent="0.15">
      <c r="A90" s="5" t="s">
        <v>20</v>
      </c>
      <c r="B90" s="22">
        <v>312</v>
      </c>
      <c r="C90" s="14">
        <v>356</v>
      </c>
      <c r="D90" s="18">
        <v>668</v>
      </c>
    </row>
    <row r="91" spans="1:4" ht="18" customHeight="1" x14ac:dyDescent="0.15">
      <c r="A91" s="5">
        <v>70</v>
      </c>
      <c r="B91" s="22">
        <v>69</v>
      </c>
      <c r="C91" s="14">
        <v>84</v>
      </c>
      <c r="D91" s="18">
        <v>153</v>
      </c>
    </row>
    <row r="92" spans="1:4" ht="18" customHeight="1" x14ac:dyDescent="0.15">
      <c r="A92" s="5">
        <v>71</v>
      </c>
      <c r="B92" s="22">
        <v>71</v>
      </c>
      <c r="C92" s="14">
        <v>88</v>
      </c>
      <c r="D92" s="18">
        <v>159</v>
      </c>
    </row>
    <row r="93" spans="1:4" ht="18" customHeight="1" x14ac:dyDescent="0.15">
      <c r="A93" s="5">
        <v>72</v>
      </c>
      <c r="B93" s="22">
        <v>58</v>
      </c>
      <c r="C93" s="14">
        <v>85</v>
      </c>
      <c r="D93" s="18">
        <v>143</v>
      </c>
    </row>
    <row r="94" spans="1:4" ht="18" customHeight="1" x14ac:dyDescent="0.15">
      <c r="A94" s="5">
        <v>73</v>
      </c>
      <c r="B94" s="22">
        <v>71</v>
      </c>
      <c r="C94" s="14">
        <v>67</v>
      </c>
      <c r="D94" s="18">
        <v>138</v>
      </c>
    </row>
    <row r="95" spans="1:4" ht="18" customHeight="1" x14ac:dyDescent="0.15">
      <c r="A95" s="5">
        <v>74</v>
      </c>
      <c r="B95" s="22">
        <v>75</v>
      </c>
      <c r="C95" s="14">
        <v>74</v>
      </c>
      <c r="D95" s="18">
        <v>149</v>
      </c>
    </row>
    <row r="96" spans="1:4" ht="18" customHeight="1" x14ac:dyDescent="0.15">
      <c r="A96" s="5" t="s">
        <v>33</v>
      </c>
      <c r="B96" s="22">
        <v>344</v>
      </c>
      <c r="C96" s="14">
        <v>398</v>
      </c>
      <c r="D96" s="18">
        <v>742</v>
      </c>
    </row>
    <row r="97" spans="1:4" ht="18" customHeight="1" x14ac:dyDescent="0.15">
      <c r="A97" s="5">
        <v>75</v>
      </c>
      <c r="B97" s="22">
        <v>75</v>
      </c>
      <c r="C97" s="14">
        <v>89</v>
      </c>
      <c r="D97" s="18">
        <v>164</v>
      </c>
    </row>
    <row r="98" spans="1:4" ht="18" customHeight="1" x14ac:dyDescent="0.15">
      <c r="A98" s="5">
        <v>76</v>
      </c>
      <c r="B98" s="22">
        <v>79</v>
      </c>
      <c r="C98" s="14">
        <v>97</v>
      </c>
      <c r="D98" s="18">
        <v>176</v>
      </c>
    </row>
    <row r="99" spans="1:4" ht="18" customHeight="1" x14ac:dyDescent="0.15">
      <c r="A99" s="5">
        <v>77</v>
      </c>
      <c r="B99" s="22">
        <v>82</v>
      </c>
      <c r="C99" s="14">
        <v>80</v>
      </c>
      <c r="D99" s="18">
        <v>162</v>
      </c>
    </row>
    <row r="100" spans="1:4" ht="18" customHeight="1" x14ac:dyDescent="0.15">
      <c r="A100" s="5">
        <v>78</v>
      </c>
      <c r="B100" s="22">
        <v>95</v>
      </c>
      <c r="C100" s="14">
        <v>89</v>
      </c>
      <c r="D100" s="18">
        <v>184</v>
      </c>
    </row>
    <row r="101" spans="1:4" ht="18" customHeight="1" x14ac:dyDescent="0.15">
      <c r="A101" s="5">
        <v>79</v>
      </c>
      <c r="B101" s="22">
        <v>50</v>
      </c>
      <c r="C101" s="14">
        <v>77</v>
      </c>
      <c r="D101" s="18">
        <v>127</v>
      </c>
    </row>
    <row r="102" spans="1:4" ht="18" customHeight="1" x14ac:dyDescent="0.15">
      <c r="A102" s="5" t="s">
        <v>0</v>
      </c>
      <c r="B102" s="22">
        <v>381</v>
      </c>
      <c r="C102" s="14">
        <v>432</v>
      </c>
      <c r="D102" s="18">
        <v>813</v>
      </c>
    </row>
    <row r="103" spans="1:4" ht="18" customHeight="1" x14ac:dyDescent="0.15">
      <c r="A103" s="5">
        <v>80</v>
      </c>
      <c r="B103" s="22">
        <v>49</v>
      </c>
      <c r="C103" s="14">
        <v>57</v>
      </c>
      <c r="D103" s="18">
        <v>106</v>
      </c>
    </row>
    <row r="104" spans="1:4" ht="18" customHeight="1" x14ac:dyDescent="0.15">
      <c r="A104" s="5">
        <v>81</v>
      </c>
      <c r="B104" s="22">
        <v>45</v>
      </c>
      <c r="C104" s="14">
        <v>81</v>
      </c>
      <c r="D104" s="18">
        <v>126</v>
      </c>
    </row>
    <row r="105" spans="1:4" ht="18" customHeight="1" x14ac:dyDescent="0.15">
      <c r="A105" s="5">
        <v>82</v>
      </c>
      <c r="B105" s="22">
        <v>46</v>
      </c>
      <c r="C105" s="14">
        <v>89</v>
      </c>
      <c r="D105" s="18">
        <v>135</v>
      </c>
    </row>
    <row r="106" spans="1:4" ht="18" customHeight="1" x14ac:dyDescent="0.15">
      <c r="A106" s="5">
        <v>83</v>
      </c>
      <c r="B106" s="22">
        <v>47</v>
      </c>
      <c r="C106" s="14">
        <v>69</v>
      </c>
      <c r="D106" s="18">
        <v>116</v>
      </c>
    </row>
    <row r="107" spans="1:4" ht="18" customHeight="1" x14ac:dyDescent="0.15">
      <c r="A107" s="5">
        <v>84</v>
      </c>
      <c r="B107" s="22">
        <v>37</v>
      </c>
      <c r="C107" s="14">
        <v>73</v>
      </c>
      <c r="D107" s="18">
        <v>110</v>
      </c>
    </row>
    <row r="108" spans="1:4" ht="18" customHeight="1" x14ac:dyDescent="0.15">
      <c r="A108" s="5" t="s">
        <v>35</v>
      </c>
      <c r="B108" s="22">
        <v>224</v>
      </c>
      <c r="C108" s="14">
        <v>369</v>
      </c>
      <c r="D108" s="18">
        <v>593</v>
      </c>
    </row>
    <row r="109" spans="1:4" ht="18" customHeight="1" x14ac:dyDescent="0.15">
      <c r="A109" s="5">
        <v>85</v>
      </c>
      <c r="B109" s="22">
        <v>45</v>
      </c>
      <c r="C109" s="14">
        <v>73</v>
      </c>
      <c r="D109" s="18">
        <v>118</v>
      </c>
    </row>
    <row r="110" spans="1:4" ht="18" customHeight="1" x14ac:dyDescent="0.15">
      <c r="A110" s="5">
        <v>86</v>
      </c>
      <c r="B110" s="22">
        <v>42</v>
      </c>
      <c r="C110" s="14">
        <v>57</v>
      </c>
      <c r="D110" s="18">
        <v>99</v>
      </c>
    </row>
    <row r="111" spans="1:4" ht="18" customHeight="1" x14ac:dyDescent="0.15">
      <c r="A111" s="5">
        <v>87</v>
      </c>
      <c r="B111" s="22">
        <v>24</v>
      </c>
      <c r="C111" s="14">
        <v>41</v>
      </c>
      <c r="D111" s="18">
        <v>65</v>
      </c>
    </row>
    <row r="112" spans="1:4" ht="18" customHeight="1" x14ac:dyDescent="0.15">
      <c r="A112" s="5">
        <v>88</v>
      </c>
      <c r="B112" s="22">
        <v>21</v>
      </c>
      <c r="C112" s="14">
        <v>61</v>
      </c>
      <c r="D112" s="18">
        <v>82</v>
      </c>
    </row>
    <row r="113" spans="1:4" ht="18" customHeight="1" x14ac:dyDescent="0.15">
      <c r="A113" s="5">
        <v>89</v>
      </c>
      <c r="B113" s="22">
        <v>32</v>
      </c>
      <c r="C113" s="14">
        <v>41</v>
      </c>
      <c r="D113" s="18">
        <v>73</v>
      </c>
    </row>
    <row r="114" spans="1:4" ht="18" customHeight="1" x14ac:dyDescent="0.15">
      <c r="A114" s="5" t="s">
        <v>37</v>
      </c>
      <c r="B114" s="22">
        <v>164</v>
      </c>
      <c r="C114" s="14">
        <v>273</v>
      </c>
      <c r="D114" s="18">
        <v>437</v>
      </c>
    </row>
    <row r="115" spans="1:4" ht="18" customHeight="1" x14ac:dyDescent="0.15">
      <c r="A115" s="5">
        <v>90</v>
      </c>
      <c r="B115" s="22">
        <v>22</v>
      </c>
      <c r="C115" s="14">
        <v>38</v>
      </c>
      <c r="D115" s="18">
        <v>60</v>
      </c>
    </row>
    <row r="116" spans="1:4" ht="18" customHeight="1" x14ac:dyDescent="0.15">
      <c r="A116" s="5">
        <v>91</v>
      </c>
      <c r="B116" s="22">
        <v>9</v>
      </c>
      <c r="C116" s="14">
        <v>26</v>
      </c>
      <c r="D116" s="18">
        <v>35</v>
      </c>
    </row>
    <row r="117" spans="1:4" ht="18" customHeight="1" x14ac:dyDescent="0.15">
      <c r="A117" s="5">
        <v>92</v>
      </c>
      <c r="B117" s="22">
        <v>11</v>
      </c>
      <c r="C117" s="14">
        <v>24</v>
      </c>
      <c r="D117" s="18">
        <v>35</v>
      </c>
    </row>
    <row r="118" spans="1:4" ht="18" customHeight="1" x14ac:dyDescent="0.15">
      <c r="A118" s="5">
        <v>93</v>
      </c>
      <c r="B118" s="22">
        <v>9</v>
      </c>
      <c r="C118" s="14">
        <v>32</v>
      </c>
      <c r="D118" s="18">
        <v>41</v>
      </c>
    </row>
    <row r="119" spans="1:4" ht="18" customHeight="1" x14ac:dyDescent="0.15">
      <c r="A119" s="5">
        <v>94</v>
      </c>
      <c r="B119" s="22">
        <v>8</v>
      </c>
      <c r="C119" s="14">
        <v>16</v>
      </c>
      <c r="D119" s="18">
        <v>24</v>
      </c>
    </row>
    <row r="120" spans="1:4" ht="18" customHeight="1" x14ac:dyDescent="0.15">
      <c r="A120" s="5" t="s">
        <v>39</v>
      </c>
      <c r="B120" s="22">
        <v>59</v>
      </c>
      <c r="C120" s="14">
        <v>136</v>
      </c>
      <c r="D120" s="18">
        <v>195</v>
      </c>
    </row>
    <row r="121" spans="1:4" ht="18" customHeight="1" x14ac:dyDescent="0.15">
      <c r="A121" s="5">
        <v>95</v>
      </c>
      <c r="B121" s="22">
        <v>7</v>
      </c>
      <c r="C121" s="14">
        <v>11</v>
      </c>
      <c r="D121" s="18">
        <v>18</v>
      </c>
    </row>
    <row r="122" spans="1:4" ht="18" customHeight="1" x14ac:dyDescent="0.15">
      <c r="A122" s="5">
        <v>96</v>
      </c>
      <c r="B122" s="22">
        <v>1</v>
      </c>
      <c r="C122" s="14">
        <v>15</v>
      </c>
      <c r="D122" s="18">
        <v>16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2</v>
      </c>
      <c r="C124" s="14">
        <v>12</v>
      </c>
      <c r="D124" s="18">
        <v>14</v>
      </c>
    </row>
    <row r="125" spans="1:4" ht="18" customHeight="1" x14ac:dyDescent="0.15">
      <c r="A125" s="5">
        <v>99</v>
      </c>
      <c r="B125" s="22">
        <v>2</v>
      </c>
      <c r="C125" s="14">
        <v>3</v>
      </c>
      <c r="D125" s="18">
        <v>5</v>
      </c>
    </row>
    <row r="126" spans="1:4" ht="18" customHeight="1" x14ac:dyDescent="0.15">
      <c r="A126" s="5" t="s">
        <v>40</v>
      </c>
      <c r="B126" s="22">
        <v>12</v>
      </c>
      <c r="C126" s="14">
        <v>45</v>
      </c>
      <c r="D126" s="18">
        <v>57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1</v>
      </c>
      <c r="C128" s="14">
        <v>3</v>
      </c>
      <c r="D128" s="18">
        <v>4</v>
      </c>
    </row>
    <row r="129" spans="1:4" ht="18" customHeight="1" x14ac:dyDescent="0.15">
      <c r="A129" s="5" t="s">
        <v>44</v>
      </c>
      <c r="B129" s="22">
        <v>1</v>
      </c>
      <c r="C129" s="14">
        <v>6</v>
      </c>
      <c r="D129" s="18">
        <v>7</v>
      </c>
    </row>
    <row r="130" spans="1:4" ht="18" customHeight="1" x14ac:dyDescent="0.15">
      <c r="A130" s="5" t="s">
        <v>46</v>
      </c>
      <c r="B130" s="22">
        <v>1497</v>
      </c>
      <c r="C130" s="14">
        <v>2015</v>
      </c>
      <c r="D130" s="18">
        <v>3512</v>
      </c>
    </row>
    <row r="131" spans="1:4" ht="18" customHeight="1" x14ac:dyDescent="0.15">
      <c r="A131" s="7" t="s">
        <v>45</v>
      </c>
      <c r="B131" s="23">
        <v>6611</v>
      </c>
      <c r="C131" s="15">
        <v>6885</v>
      </c>
      <c r="D131" s="19">
        <v>1349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4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35</v>
      </c>
      <c r="C5" s="13">
        <v>36</v>
      </c>
      <c r="D5" s="17">
        <v>71</v>
      </c>
    </row>
    <row r="6" spans="1:4" ht="18" customHeight="1" x14ac:dyDescent="0.15">
      <c r="A6" s="5">
        <v>1</v>
      </c>
      <c r="B6" s="22">
        <v>32</v>
      </c>
      <c r="C6" s="14">
        <v>34</v>
      </c>
      <c r="D6" s="18">
        <v>66</v>
      </c>
    </row>
    <row r="7" spans="1:4" ht="18" customHeight="1" x14ac:dyDescent="0.15">
      <c r="A7" s="5">
        <v>2</v>
      </c>
      <c r="B7" s="22">
        <v>27</v>
      </c>
      <c r="C7" s="14">
        <v>24</v>
      </c>
      <c r="D7" s="18">
        <v>51</v>
      </c>
    </row>
    <row r="8" spans="1:4" ht="18" customHeight="1" x14ac:dyDescent="0.15">
      <c r="A8" s="5">
        <v>3</v>
      </c>
      <c r="B8" s="22">
        <v>25</v>
      </c>
      <c r="C8" s="14">
        <v>33</v>
      </c>
      <c r="D8" s="18">
        <v>58</v>
      </c>
    </row>
    <row r="9" spans="1:4" ht="18" customHeight="1" x14ac:dyDescent="0.15">
      <c r="A9" s="5">
        <v>4</v>
      </c>
      <c r="B9" s="22">
        <v>32</v>
      </c>
      <c r="C9" s="14">
        <v>29</v>
      </c>
      <c r="D9" s="18">
        <v>61</v>
      </c>
    </row>
    <row r="10" spans="1:4" ht="18" customHeight="1" x14ac:dyDescent="0.15">
      <c r="A10" s="5" t="s">
        <v>7</v>
      </c>
      <c r="B10" s="22">
        <v>151</v>
      </c>
      <c r="C10" s="14">
        <v>156</v>
      </c>
      <c r="D10" s="18">
        <v>307</v>
      </c>
    </row>
    <row r="11" spans="1:4" ht="18" customHeight="1" x14ac:dyDescent="0.15">
      <c r="A11" s="5">
        <v>5</v>
      </c>
      <c r="B11" s="22">
        <v>26</v>
      </c>
      <c r="C11" s="14">
        <v>25</v>
      </c>
      <c r="D11" s="18">
        <v>51</v>
      </c>
    </row>
    <row r="12" spans="1:4" ht="18" customHeight="1" x14ac:dyDescent="0.15">
      <c r="A12" s="5">
        <v>6</v>
      </c>
      <c r="B12" s="22">
        <v>28</v>
      </c>
      <c r="C12" s="14">
        <v>31</v>
      </c>
      <c r="D12" s="18">
        <v>59</v>
      </c>
    </row>
    <row r="13" spans="1:4" ht="18" customHeight="1" x14ac:dyDescent="0.15">
      <c r="A13" s="5">
        <v>7</v>
      </c>
      <c r="B13" s="22">
        <v>23</v>
      </c>
      <c r="C13" s="14">
        <v>28</v>
      </c>
      <c r="D13" s="18">
        <v>51</v>
      </c>
    </row>
    <row r="14" spans="1:4" ht="18" customHeight="1" x14ac:dyDescent="0.15">
      <c r="A14" s="5">
        <v>8</v>
      </c>
      <c r="B14" s="22">
        <v>29</v>
      </c>
      <c r="C14" s="14">
        <v>33</v>
      </c>
      <c r="D14" s="18">
        <v>62</v>
      </c>
    </row>
    <row r="15" spans="1:4" ht="18" customHeight="1" x14ac:dyDescent="0.15">
      <c r="A15" s="5">
        <v>9</v>
      </c>
      <c r="B15" s="22">
        <v>37</v>
      </c>
      <c r="C15" s="14">
        <v>26</v>
      </c>
      <c r="D15" s="18">
        <v>63</v>
      </c>
    </row>
    <row r="16" spans="1:4" ht="18" customHeight="1" x14ac:dyDescent="0.15">
      <c r="A16" s="5" t="s">
        <v>11</v>
      </c>
      <c r="B16" s="22">
        <v>143</v>
      </c>
      <c r="C16" s="14">
        <v>143</v>
      </c>
      <c r="D16" s="18">
        <v>286</v>
      </c>
    </row>
    <row r="17" spans="1:4" ht="18" customHeight="1" x14ac:dyDescent="0.15">
      <c r="A17" s="5">
        <v>10</v>
      </c>
      <c r="B17" s="22">
        <v>38</v>
      </c>
      <c r="C17" s="14">
        <v>32</v>
      </c>
      <c r="D17" s="18">
        <v>70</v>
      </c>
    </row>
    <row r="18" spans="1:4" ht="18" customHeight="1" x14ac:dyDescent="0.15">
      <c r="A18" s="5">
        <v>11</v>
      </c>
      <c r="B18" s="22">
        <v>25</v>
      </c>
      <c r="C18" s="14">
        <v>28</v>
      </c>
      <c r="D18" s="18">
        <v>53</v>
      </c>
    </row>
    <row r="19" spans="1:4" ht="18" customHeight="1" x14ac:dyDescent="0.15">
      <c r="A19" s="5">
        <v>12</v>
      </c>
      <c r="B19" s="22">
        <v>30</v>
      </c>
      <c r="C19" s="14">
        <v>32</v>
      </c>
      <c r="D19" s="18">
        <v>62</v>
      </c>
    </row>
    <row r="20" spans="1:4" ht="18" customHeight="1" x14ac:dyDescent="0.15">
      <c r="A20" s="5">
        <v>13</v>
      </c>
      <c r="B20" s="22">
        <v>24</v>
      </c>
      <c r="C20" s="14">
        <v>26</v>
      </c>
      <c r="D20" s="18">
        <v>50</v>
      </c>
    </row>
    <row r="21" spans="1:4" ht="18" customHeight="1" x14ac:dyDescent="0.15">
      <c r="A21" s="5">
        <v>14</v>
      </c>
      <c r="B21" s="22">
        <v>22</v>
      </c>
      <c r="C21" s="14">
        <v>29</v>
      </c>
      <c r="D21" s="18">
        <v>51</v>
      </c>
    </row>
    <row r="22" spans="1:4" ht="18" customHeight="1" x14ac:dyDescent="0.15">
      <c r="A22" s="5" t="s">
        <v>12</v>
      </c>
      <c r="B22" s="22">
        <v>139</v>
      </c>
      <c r="C22" s="14">
        <v>147</v>
      </c>
      <c r="D22" s="18">
        <v>286</v>
      </c>
    </row>
    <row r="23" spans="1:4" ht="18" customHeight="1" x14ac:dyDescent="0.15">
      <c r="A23" s="5" t="s">
        <v>6</v>
      </c>
      <c r="B23" s="22">
        <v>433</v>
      </c>
      <c r="C23" s="14">
        <v>446</v>
      </c>
      <c r="D23" s="18">
        <v>879</v>
      </c>
    </row>
    <row r="24" spans="1:4" ht="18" customHeight="1" x14ac:dyDescent="0.15">
      <c r="A24" s="5">
        <v>15</v>
      </c>
      <c r="B24" s="22">
        <v>23</v>
      </c>
      <c r="C24" s="14">
        <v>18</v>
      </c>
      <c r="D24" s="18">
        <v>41</v>
      </c>
    </row>
    <row r="25" spans="1:4" ht="18" customHeight="1" x14ac:dyDescent="0.15">
      <c r="A25" s="5">
        <v>16</v>
      </c>
      <c r="B25" s="22">
        <v>16</v>
      </c>
      <c r="C25" s="14">
        <v>18</v>
      </c>
      <c r="D25" s="18">
        <v>34</v>
      </c>
    </row>
    <row r="26" spans="1:4" ht="18" customHeight="1" x14ac:dyDescent="0.15">
      <c r="A26" s="5">
        <v>17</v>
      </c>
      <c r="B26" s="22">
        <v>23</v>
      </c>
      <c r="C26" s="14">
        <v>16</v>
      </c>
      <c r="D26" s="18">
        <v>39</v>
      </c>
    </row>
    <row r="27" spans="1:4" ht="18" customHeight="1" x14ac:dyDescent="0.15">
      <c r="A27" s="5">
        <v>18</v>
      </c>
      <c r="B27" s="22">
        <v>33</v>
      </c>
      <c r="C27" s="14">
        <v>18</v>
      </c>
      <c r="D27" s="18">
        <v>51</v>
      </c>
    </row>
    <row r="28" spans="1:4" ht="18" customHeight="1" x14ac:dyDescent="0.15">
      <c r="A28" s="5">
        <v>19</v>
      </c>
      <c r="B28" s="22">
        <v>14</v>
      </c>
      <c r="C28" s="14">
        <v>22</v>
      </c>
      <c r="D28" s="18">
        <v>36</v>
      </c>
    </row>
    <row r="29" spans="1:4" ht="18" customHeight="1" x14ac:dyDescent="0.15">
      <c r="A29" s="5" t="s">
        <v>14</v>
      </c>
      <c r="B29" s="22">
        <v>109</v>
      </c>
      <c r="C29" s="14">
        <v>92</v>
      </c>
      <c r="D29" s="18">
        <v>201</v>
      </c>
    </row>
    <row r="30" spans="1:4" ht="18" customHeight="1" x14ac:dyDescent="0.15">
      <c r="A30" s="5">
        <v>20</v>
      </c>
      <c r="B30" s="22">
        <v>14</v>
      </c>
      <c r="C30" s="14">
        <v>33</v>
      </c>
      <c r="D30" s="18">
        <v>47</v>
      </c>
    </row>
    <row r="31" spans="1:4" ht="18" customHeight="1" x14ac:dyDescent="0.15">
      <c r="A31" s="5">
        <v>21</v>
      </c>
      <c r="B31" s="22">
        <v>22</v>
      </c>
      <c r="C31" s="14">
        <v>25</v>
      </c>
      <c r="D31" s="18">
        <v>47</v>
      </c>
    </row>
    <row r="32" spans="1:4" ht="18" customHeight="1" x14ac:dyDescent="0.15">
      <c r="A32" s="5">
        <v>22</v>
      </c>
      <c r="B32" s="22">
        <v>31</v>
      </c>
      <c r="C32" s="14">
        <v>29</v>
      </c>
      <c r="D32" s="18">
        <v>60</v>
      </c>
    </row>
    <row r="33" spans="1:4" ht="18" customHeight="1" x14ac:dyDescent="0.15">
      <c r="A33" s="5">
        <v>23</v>
      </c>
      <c r="B33" s="22">
        <v>37</v>
      </c>
      <c r="C33" s="14">
        <v>36</v>
      </c>
      <c r="D33" s="18">
        <v>73</v>
      </c>
    </row>
    <row r="34" spans="1:4" ht="18" customHeight="1" x14ac:dyDescent="0.15">
      <c r="A34" s="5">
        <v>24</v>
      </c>
      <c r="B34" s="22">
        <v>43</v>
      </c>
      <c r="C34" s="14">
        <v>41</v>
      </c>
      <c r="D34" s="18">
        <v>84</v>
      </c>
    </row>
    <row r="35" spans="1:4" ht="18" customHeight="1" x14ac:dyDescent="0.15">
      <c r="A35" s="5" t="s">
        <v>9</v>
      </c>
      <c r="B35" s="22">
        <v>147</v>
      </c>
      <c r="C35" s="14">
        <v>164</v>
      </c>
      <c r="D35" s="18">
        <v>311</v>
      </c>
    </row>
    <row r="36" spans="1:4" ht="18" customHeight="1" x14ac:dyDescent="0.15">
      <c r="A36" s="5">
        <v>25</v>
      </c>
      <c r="B36" s="22">
        <v>42</v>
      </c>
      <c r="C36" s="14">
        <v>36</v>
      </c>
      <c r="D36" s="18">
        <v>78</v>
      </c>
    </row>
    <row r="37" spans="1:4" ht="18" customHeight="1" x14ac:dyDescent="0.15">
      <c r="A37" s="5">
        <v>26</v>
      </c>
      <c r="B37" s="22">
        <v>46</v>
      </c>
      <c r="C37" s="14">
        <v>46</v>
      </c>
      <c r="D37" s="18">
        <v>92</v>
      </c>
    </row>
    <row r="38" spans="1:4" ht="18" customHeight="1" x14ac:dyDescent="0.15">
      <c r="A38" s="5">
        <v>27</v>
      </c>
      <c r="B38" s="22">
        <v>42</v>
      </c>
      <c r="C38" s="14">
        <v>49</v>
      </c>
      <c r="D38" s="18">
        <v>91</v>
      </c>
    </row>
    <row r="39" spans="1:4" ht="18" customHeight="1" x14ac:dyDescent="0.15">
      <c r="A39" s="5">
        <v>28</v>
      </c>
      <c r="B39" s="22">
        <v>52</v>
      </c>
      <c r="C39" s="14">
        <v>41</v>
      </c>
      <c r="D39" s="18">
        <v>93</v>
      </c>
    </row>
    <row r="40" spans="1:4" ht="18" customHeight="1" x14ac:dyDescent="0.15">
      <c r="A40" s="5">
        <v>29</v>
      </c>
      <c r="B40" s="22">
        <v>56</v>
      </c>
      <c r="C40" s="14">
        <v>41</v>
      </c>
      <c r="D40" s="18">
        <v>97</v>
      </c>
    </row>
    <row r="41" spans="1:4" ht="18" customHeight="1" x14ac:dyDescent="0.15">
      <c r="A41" s="5" t="s">
        <v>2</v>
      </c>
      <c r="B41" s="22">
        <v>238</v>
      </c>
      <c r="C41" s="14">
        <v>213</v>
      </c>
      <c r="D41" s="18">
        <v>451</v>
      </c>
    </row>
    <row r="42" spans="1:4" ht="18" customHeight="1" x14ac:dyDescent="0.15">
      <c r="A42" s="5">
        <v>30</v>
      </c>
      <c r="B42" s="22">
        <v>40</v>
      </c>
      <c r="C42" s="14">
        <v>40</v>
      </c>
      <c r="D42" s="18">
        <v>80</v>
      </c>
    </row>
    <row r="43" spans="1:4" ht="18" customHeight="1" x14ac:dyDescent="0.15">
      <c r="A43" s="5">
        <v>31</v>
      </c>
      <c r="B43" s="22">
        <v>50</v>
      </c>
      <c r="C43" s="14">
        <v>39</v>
      </c>
      <c r="D43" s="18">
        <v>89</v>
      </c>
    </row>
    <row r="44" spans="1:4" ht="18" customHeight="1" x14ac:dyDescent="0.15">
      <c r="A44" s="5">
        <v>32</v>
      </c>
      <c r="B44" s="22">
        <v>46</v>
      </c>
      <c r="C44" s="14">
        <v>51</v>
      </c>
      <c r="D44" s="18">
        <v>97</v>
      </c>
    </row>
    <row r="45" spans="1:4" ht="18" customHeight="1" x14ac:dyDescent="0.15">
      <c r="A45" s="5">
        <v>33</v>
      </c>
      <c r="B45" s="22">
        <v>43</v>
      </c>
      <c r="C45" s="14">
        <v>48</v>
      </c>
      <c r="D45" s="18">
        <v>91</v>
      </c>
    </row>
    <row r="46" spans="1:4" ht="18" customHeight="1" x14ac:dyDescent="0.15">
      <c r="A46" s="5">
        <v>34</v>
      </c>
      <c r="B46" s="22">
        <v>60</v>
      </c>
      <c r="C46" s="14">
        <v>50</v>
      </c>
      <c r="D46" s="18">
        <v>110</v>
      </c>
    </row>
    <row r="47" spans="1:4" ht="18" customHeight="1" x14ac:dyDescent="0.15">
      <c r="A47" s="5" t="s">
        <v>15</v>
      </c>
      <c r="B47" s="22">
        <v>239</v>
      </c>
      <c r="C47" s="14">
        <v>228</v>
      </c>
      <c r="D47" s="18">
        <v>467</v>
      </c>
    </row>
    <row r="48" spans="1:4" ht="18" customHeight="1" x14ac:dyDescent="0.15">
      <c r="A48" s="5">
        <v>35</v>
      </c>
      <c r="B48" s="22">
        <v>44</v>
      </c>
      <c r="C48" s="14">
        <v>33</v>
      </c>
      <c r="D48" s="18">
        <v>77</v>
      </c>
    </row>
    <row r="49" spans="1:4" ht="18" customHeight="1" x14ac:dyDescent="0.15">
      <c r="A49" s="5">
        <v>36</v>
      </c>
      <c r="B49" s="22">
        <v>40</v>
      </c>
      <c r="C49" s="14">
        <v>37</v>
      </c>
      <c r="D49" s="18">
        <v>77</v>
      </c>
    </row>
    <row r="50" spans="1:4" ht="18" customHeight="1" x14ac:dyDescent="0.15">
      <c r="A50" s="5">
        <v>37</v>
      </c>
      <c r="B50" s="22">
        <v>44</v>
      </c>
      <c r="C50" s="14">
        <v>39</v>
      </c>
      <c r="D50" s="18">
        <v>83</v>
      </c>
    </row>
    <row r="51" spans="1:4" ht="18" customHeight="1" x14ac:dyDescent="0.15">
      <c r="A51" s="5">
        <v>38</v>
      </c>
      <c r="B51" s="22">
        <v>52</v>
      </c>
      <c r="C51" s="14">
        <v>42</v>
      </c>
      <c r="D51" s="18">
        <v>94</v>
      </c>
    </row>
    <row r="52" spans="1:4" ht="18" customHeight="1" x14ac:dyDescent="0.15">
      <c r="A52" s="5">
        <v>39</v>
      </c>
      <c r="B52" s="22">
        <v>54</v>
      </c>
      <c r="C52" s="14">
        <v>50</v>
      </c>
      <c r="D52" s="18">
        <v>104</v>
      </c>
    </row>
    <row r="53" spans="1:4" ht="18" customHeight="1" x14ac:dyDescent="0.15">
      <c r="A53" s="5" t="s">
        <v>18</v>
      </c>
      <c r="B53" s="22">
        <v>234</v>
      </c>
      <c r="C53" s="14">
        <v>201</v>
      </c>
      <c r="D53" s="18">
        <v>435</v>
      </c>
    </row>
    <row r="54" spans="1:4" ht="18" customHeight="1" x14ac:dyDescent="0.15">
      <c r="A54" s="5">
        <v>40</v>
      </c>
      <c r="B54" s="22">
        <v>47</v>
      </c>
      <c r="C54" s="14">
        <v>43</v>
      </c>
      <c r="D54" s="18">
        <v>90</v>
      </c>
    </row>
    <row r="55" spans="1:4" ht="18" customHeight="1" x14ac:dyDescent="0.15">
      <c r="A55" s="5">
        <v>41</v>
      </c>
      <c r="B55" s="22">
        <v>48</v>
      </c>
      <c r="C55" s="14">
        <v>29</v>
      </c>
      <c r="D55" s="18">
        <v>77</v>
      </c>
    </row>
    <row r="56" spans="1:4" ht="18" customHeight="1" x14ac:dyDescent="0.15">
      <c r="A56" s="5">
        <v>42</v>
      </c>
      <c r="B56" s="22">
        <v>42</v>
      </c>
      <c r="C56" s="14">
        <v>36</v>
      </c>
      <c r="D56" s="18">
        <v>78</v>
      </c>
    </row>
    <row r="57" spans="1:4" ht="18" customHeight="1" x14ac:dyDescent="0.15">
      <c r="A57" s="5">
        <v>43</v>
      </c>
      <c r="B57" s="22">
        <v>46</v>
      </c>
      <c r="C57" s="14">
        <v>31</v>
      </c>
      <c r="D57" s="18">
        <v>77</v>
      </c>
    </row>
    <row r="58" spans="1:4" ht="18" customHeight="1" x14ac:dyDescent="0.15">
      <c r="A58" s="5">
        <v>44</v>
      </c>
      <c r="B58" s="22">
        <v>46</v>
      </c>
      <c r="C58" s="14">
        <v>37</v>
      </c>
      <c r="D58" s="18">
        <v>83</v>
      </c>
    </row>
    <row r="59" spans="1:4" ht="18" customHeight="1" x14ac:dyDescent="0.15">
      <c r="A59" s="5" t="s">
        <v>21</v>
      </c>
      <c r="B59" s="22">
        <v>229</v>
      </c>
      <c r="C59" s="14">
        <v>176</v>
      </c>
      <c r="D59" s="18">
        <v>405</v>
      </c>
    </row>
    <row r="60" spans="1:4" ht="18" customHeight="1" x14ac:dyDescent="0.15">
      <c r="A60" s="5">
        <v>45</v>
      </c>
      <c r="B60" s="22">
        <v>34</v>
      </c>
      <c r="C60" s="14">
        <v>49</v>
      </c>
      <c r="D60" s="18">
        <v>83</v>
      </c>
    </row>
    <row r="61" spans="1:4" ht="18" customHeight="1" x14ac:dyDescent="0.15">
      <c r="A61" s="5">
        <v>46</v>
      </c>
      <c r="B61" s="22">
        <v>54</v>
      </c>
      <c r="C61" s="14">
        <v>39</v>
      </c>
      <c r="D61" s="18">
        <v>93</v>
      </c>
    </row>
    <row r="62" spans="1:4" ht="18" customHeight="1" x14ac:dyDescent="0.15">
      <c r="A62" s="5">
        <v>47</v>
      </c>
      <c r="B62" s="22">
        <v>49</v>
      </c>
      <c r="C62" s="14">
        <v>42</v>
      </c>
      <c r="D62" s="18">
        <v>91</v>
      </c>
    </row>
    <row r="63" spans="1:4" ht="18" customHeight="1" x14ac:dyDescent="0.15">
      <c r="A63" s="5">
        <v>48</v>
      </c>
      <c r="B63" s="22">
        <v>36</v>
      </c>
      <c r="C63" s="14">
        <v>45</v>
      </c>
      <c r="D63" s="18">
        <v>81</v>
      </c>
    </row>
    <row r="64" spans="1:4" ht="18" customHeight="1" x14ac:dyDescent="0.15">
      <c r="A64" s="5">
        <v>49</v>
      </c>
      <c r="B64" s="22">
        <v>60</v>
      </c>
      <c r="C64" s="14">
        <v>31</v>
      </c>
      <c r="D64" s="18">
        <v>91</v>
      </c>
    </row>
    <row r="65" spans="1:4" ht="18" customHeight="1" x14ac:dyDescent="0.15">
      <c r="A65" s="5" t="s">
        <v>17</v>
      </c>
      <c r="B65" s="22">
        <v>233</v>
      </c>
      <c r="C65" s="14">
        <v>206</v>
      </c>
      <c r="D65" s="18">
        <v>439</v>
      </c>
    </row>
    <row r="66" spans="1:4" ht="18" customHeight="1" x14ac:dyDescent="0.15">
      <c r="A66" s="5">
        <v>50</v>
      </c>
      <c r="B66" s="22">
        <v>47</v>
      </c>
      <c r="C66" s="14">
        <v>39</v>
      </c>
      <c r="D66" s="18">
        <v>86</v>
      </c>
    </row>
    <row r="67" spans="1:4" ht="18" customHeight="1" x14ac:dyDescent="0.15">
      <c r="A67" s="5">
        <v>51</v>
      </c>
      <c r="B67" s="22">
        <v>53</v>
      </c>
      <c r="C67" s="14">
        <v>49</v>
      </c>
      <c r="D67" s="18">
        <v>102</v>
      </c>
    </row>
    <row r="68" spans="1:4" ht="18" customHeight="1" x14ac:dyDescent="0.15">
      <c r="A68" s="5">
        <v>52</v>
      </c>
      <c r="B68" s="22">
        <v>47</v>
      </c>
      <c r="C68" s="14">
        <v>52</v>
      </c>
      <c r="D68" s="18">
        <v>99</v>
      </c>
    </row>
    <row r="69" spans="1:4" ht="18" customHeight="1" x14ac:dyDescent="0.15">
      <c r="A69" s="5">
        <v>53</v>
      </c>
      <c r="B69" s="22">
        <v>38</v>
      </c>
      <c r="C69" s="14">
        <v>40</v>
      </c>
      <c r="D69" s="18">
        <v>78</v>
      </c>
    </row>
    <row r="70" spans="1:4" ht="18" customHeight="1" x14ac:dyDescent="0.15">
      <c r="A70" s="5">
        <v>54</v>
      </c>
      <c r="B70" s="22">
        <v>40</v>
      </c>
      <c r="C70" s="14">
        <v>40</v>
      </c>
      <c r="D70" s="18">
        <v>80</v>
      </c>
    </row>
    <row r="71" spans="1:4" ht="18" customHeight="1" x14ac:dyDescent="0.15">
      <c r="A71" s="5" t="s">
        <v>22</v>
      </c>
      <c r="B71" s="22">
        <v>225</v>
      </c>
      <c r="C71" s="14">
        <v>220</v>
      </c>
      <c r="D71" s="18">
        <v>445</v>
      </c>
    </row>
    <row r="72" spans="1:4" ht="18" customHeight="1" x14ac:dyDescent="0.15">
      <c r="A72" s="5">
        <v>55</v>
      </c>
      <c r="B72" s="22">
        <v>30</v>
      </c>
      <c r="C72" s="14">
        <v>32</v>
      </c>
      <c r="D72" s="18">
        <v>62</v>
      </c>
    </row>
    <row r="73" spans="1:4" ht="18" customHeight="1" x14ac:dyDescent="0.15">
      <c r="A73" s="5">
        <v>56</v>
      </c>
      <c r="B73" s="22">
        <v>38</v>
      </c>
      <c r="C73" s="14">
        <v>27</v>
      </c>
      <c r="D73" s="18">
        <v>65</v>
      </c>
    </row>
    <row r="74" spans="1:4" ht="18" customHeight="1" x14ac:dyDescent="0.15">
      <c r="A74" s="5">
        <v>57</v>
      </c>
      <c r="B74" s="22">
        <v>37</v>
      </c>
      <c r="C74" s="14">
        <v>37</v>
      </c>
      <c r="D74" s="18">
        <v>74</v>
      </c>
    </row>
    <row r="75" spans="1:4" ht="18" customHeight="1" x14ac:dyDescent="0.15">
      <c r="A75" s="5">
        <v>58</v>
      </c>
      <c r="B75" s="22">
        <v>36</v>
      </c>
      <c r="C75" s="14">
        <v>29</v>
      </c>
      <c r="D75" s="18">
        <v>65</v>
      </c>
    </row>
    <row r="76" spans="1:4" ht="18" customHeight="1" x14ac:dyDescent="0.15">
      <c r="A76" s="5">
        <v>59</v>
      </c>
      <c r="B76" s="22">
        <v>20</v>
      </c>
      <c r="C76" s="14">
        <v>20</v>
      </c>
      <c r="D76" s="18">
        <v>40</v>
      </c>
    </row>
    <row r="77" spans="1:4" ht="18" customHeight="1" x14ac:dyDescent="0.15">
      <c r="A77" s="5" t="s">
        <v>27</v>
      </c>
      <c r="B77" s="22">
        <v>161</v>
      </c>
      <c r="C77" s="14">
        <v>145</v>
      </c>
      <c r="D77" s="18">
        <v>306</v>
      </c>
    </row>
    <row r="78" spans="1:4" ht="18" customHeight="1" x14ac:dyDescent="0.15">
      <c r="A78" s="5">
        <v>60</v>
      </c>
      <c r="B78" s="22">
        <v>28</v>
      </c>
      <c r="C78" s="14">
        <v>17</v>
      </c>
      <c r="D78" s="18">
        <v>45</v>
      </c>
    </row>
    <row r="79" spans="1:4" ht="18" customHeight="1" x14ac:dyDescent="0.15">
      <c r="A79" s="5">
        <v>61</v>
      </c>
      <c r="B79" s="22">
        <v>30</v>
      </c>
      <c r="C79" s="14">
        <v>36</v>
      </c>
      <c r="D79" s="18">
        <v>66</v>
      </c>
    </row>
    <row r="80" spans="1:4" ht="18" customHeight="1" x14ac:dyDescent="0.15">
      <c r="A80" s="5">
        <v>62</v>
      </c>
      <c r="B80" s="22">
        <v>22</v>
      </c>
      <c r="C80" s="14">
        <v>28</v>
      </c>
      <c r="D80" s="18">
        <v>50</v>
      </c>
    </row>
    <row r="81" spans="1:4" ht="18" customHeight="1" x14ac:dyDescent="0.15">
      <c r="A81" s="5">
        <v>63</v>
      </c>
      <c r="B81" s="22">
        <v>21</v>
      </c>
      <c r="C81" s="14">
        <v>18</v>
      </c>
      <c r="D81" s="18">
        <v>39</v>
      </c>
    </row>
    <row r="82" spans="1:4" ht="18" customHeight="1" x14ac:dyDescent="0.15">
      <c r="A82" s="5">
        <v>64</v>
      </c>
      <c r="B82" s="22">
        <v>17</v>
      </c>
      <c r="C82" s="14">
        <v>19</v>
      </c>
      <c r="D82" s="18">
        <v>36</v>
      </c>
    </row>
    <row r="83" spans="1:4" ht="18" customHeight="1" x14ac:dyDescent="0.15">
      <c r="A83" s="5" t="s">
        <v>28</v>
      </c>
      <c r="B83" s="22">
        <v>118</v>
      </c>
      <c r="C83" s="14">
        <v>118</v>
      </c>
      <c r="D83" s="18">
        <v>236</v>
      </c>
    </row>
    <row r="84" spans="1:4" ht="18" customHeight="1" x14ac:dyDescent="0.15">
      <c r="A84" s="5" t="s">
        <v>31</v>
      </c>
      <c r="B84" s="22">
        <v>1933</v>
      </c>
      <c r="C84" s="14">
        <v>1763</v>
      </c>
      <c r="D84" s="18">
        <v>3696</v>
      </c>
    </row>
    <row r="85" spans="1:4" ht="18" customHeight="1" x14ac:dyDescent="0.15">
      <c r="A85" s="5">
        <v>65</v>
      </c>
      <c r="B85" s="22">
        <v>19</v>
      </c>
      <c r="C85" s="14">
        <v>35</v>
      </c>
      <c r="D85" s="18">
        <v>54</v>
      </c>
    </row>
    <row r="86" spans="1:4" ht="18" customHeight="1" x14ac:dyDescent="0.15">
      <c r="A86" s="5">
        <v>66</v>
      </c>
      <c r="B86" s="22">
        <v>11</v>
      </c>
      <c r="C86" s="14">
        <v>17</v>
      </c>
      <c r="D86" s="18">
        <v>28</v>
      </c>
    </row>
    <row r="87" spans="1:4" ht="18" customHeight="1" x14ac:dyDescent="0.15">
      <c r="A87" s="5">
        <v>67</v>
      </c>
      <c r="B87" s="22">
        <v>24</v>
      </c>
      <c r="C87" s="14">
        <v>24</v>
      </c>
      <c r="D87" s="18">
        <v>48</v>
      </c>
    </row>
    <row r="88" spans="1:4" ht="18" customHeight="1" x14ac:dyDescent="0.15">
      <c r="A88" s="5">
        <v>68</v>
      </c>
      <c r="B88" s="22">
        <v>20</v>
      </c>
      <c r="C88" s="14">
        <v>17</v>
      </c>
      <c r="D88" s="18">
        <v>37</v>
      </c>
    </row>
    <row r="89" spans="1:4" ht="18" customHeight="1" x14ac:dyDescent="0.15">
      <c r="A89" s="5">
        <v>69</v>
      </c>
      <c r="B89" s="22">
        <v>20</v>
      </c>
      <c r="C89" s="14">
        <v>16</v>
      </c>
      <c r="D89" s="18">
        <v>36</v>
      </c>
    </row>
    <row r="90" spans="1:4" ht="18" customHeight="1" x14ac:dyDescent="0.15">
      <c r="A90" s="5" t="s">
        <v>20</v>
      </c>
      <c r="B90" s="22">
        <v>94</v>
      </c>
      <c r="C90" s="14">
        <v>109</v>
      </c>
      <c r="D90" s="18">
        <v>203</v>
      </c>
    </row>
    <row r="91" spans="1:4" ht="18" customHeight="1" x14ac:dyDescent="0.15">
      <c r="A91" s="5">
        <v>70</v>
      </c>
      <c r="B91" s="22">
        <v>27</v>
      </c>
      <c r="C91" s="14">
        <v>18</v>
      </c>
      <c r="D91" s="18">
        <v>45</v>
      </c>
    </row>
    <row r="92" spans="1:4" ht="18" customHeight="1" x14ac:dyDescent="0.15">
      <c r="A92" s="5">
        <v>71</v>
      </c>
      <c r="B92" s="22">
        <v>26</v>
      </c>
      <c r="C92" s="14">
        <v>24</v>
      </c>
      <c r="D92" s="18">
        <v>50</v>
      </c>
    </row>
    <row r="93" spans="1:4" ht="18" customHeight="1" x14ac:dyDescent="0.15">
      <c r="A93" s="5">
        <v>72</v>
      </c>
      <c r="B93" s="22">
        <v>21</v>
      </c>
      <c r="C93" s="14">
        <v>26</v>
      </c>
      <c r="D93" s="18">
        <v>47</v>
      </c>
    </row>
    <row r="94" spans="1:4" ht="18" customHeight="1" x14ac:dyDescent="0.15">
      <c r="A94" s="5">
        <v>73</v>
      </c>
      <c r="B94" s="22">
        <v>27</v>
      </c>
      <c r="C94" s="14">
        <v>27</v>
      </c>
      <c r="D94" s="18">
        <v>54</v>
      </c>
    </row>
    <row r="95" spans="1:4" ht="18" customHeight="1" x14ac:dyDescent="0.15">
      <c r="A95" s="5">
        <v>74</v>
      </c>
      <c r="B95" s="22">
        <v>29</v>
      </c>
      <c r="C95" s="14">
        <v>23</v>
      </c>
      <c r="D95" s="18">
        <v>52</v>
      </c>
    </row>
    <row r="96" spans="1:4" ht="18" customHeight="1" x14ac:dyDescent="0.15">
      <c r="A96" s="5" t="s">
        <v>33</v>
      </c>
      <c r="B96" s="22">
        <v>130</v>
      </c>
      <c r="C96" s="14">
        <v>118</v>
      </c>
      <c r="D96" s="18">
        <v>248</v>
      </c>
    </row>
    <row r="97" spans="1:4" ht="18" customHeight="1" x14ac:dyDescent="0.15">
      <c r="A97" s="5">
        <v>75</v>
      </c>
      <c r="B97" s="22">
        <v>29</v>
      </c>
      <c r="C97" s="14">
        <v>34</v>
      </c>
      <c r="D97" s="18">
        <v>63</v>
      </c>
    </row>
    <row r="98" spans="1:4" ht="18" customHeight="1" x14ac:dyDescent="0.15">
      <c r="A98" s="5">
        <v>76</v>
      </c>
      <c r="B98" s="22">
        <v>29</v>
      </c>
      <c r="C98" s="14">
        <v>33</v>
      </c>
      <c r="D98" s="18">
        <v>62</v>
      </c>
    </row>
    <row r="99" spans="1:4" ht="18" customHeight="1" x14ac:dyDescent="0.15">
      <c r="A99" s="5">
        <v>77</v>
      </c>
      <c r="B99" s="22">
        <v>26</v>
      </c>
      <c r="C99" s="14">
        <v>23</v>
      </c>
      <c r="D99" s="18">
        <v>49</v>
      </c>
    </row>
    <row r="100" spans="1:4" ht="18" customHeight="1" x14ac:dyDescent="0.15">
      <c r="A100" s="5">
        <v>78</v>
      </c>
      <c r="B100" s="22">
        <v>29</v>
      </c>
      <c r="C100" s="14">
        <v>30</v>
      </c>
      <c r="D100" s="18">
        <v>59</v>
      </c>
    </row>
    <row r="101" spans="1:4" ht="18" customHeight="1" x14ac:dyDescent="0.15">
      <c r="A101" s="5">
        <v>79</v>
      </c>
      <c r="B101" s="22">
        <v>17</v>
      </c>
      <c r="C101" s="14">
        <v>18</v>
      </c>
      <c r="D101" s="18">
        <v>35</v>
      </c>
    </row>
    <row r="102" spans="1:4" ht="18" customHeight="1" x14ac:dyDescent="0.15">
      <c r="A102" s="5" t="s">
        <v>0</v>
      </c>
      <c r="B102" s="22">
        <v>130</v>
      </c>
      <c r="C102" s="14">
        <v>138</v>
      </c>
      <c r="D102" s="18">
        <v>268</v>
      </c>
    </row>
    <row r="103" spans="1:4" ht="18" customHeight="1" x14ac:dyDescent="0.15">
      <c r="A103" s="5">
        <v>80</v>
      </c>
      <c r="B103" s="22">
        <v>8</v>
      </c>
      <c r="C103" s="14">
        <v>16</v>
      </c>
      <c r="D103" s="18">
        <v>24</v>
      </c>
    </row>
    <row r="104" spans="1:4" ht="18" customHeight="1" x14ac:dyDescent="0.15">
      <c r="A104" s="5">
        <v>81</v>
      </c>
      <c r="B104" s="22">
        <v>9</v>
      </c>
      <c r="C104" s="14">
        <v>22</v>
      </c>
      <c r="D104" s="18">
        <v>31</v>
      </c>
    </row>
    <row r="105" spans="1:4" ht="18" customHeight="1" x14ac:dyDescent="0.15">
      <c r="A105" s="5">
        <v>82</v>
      </c>
      <c r="B105" s="22">
        <v>13</v>
      </c>
      <c r="C105" s="14">
        <v>27</v>
      </c>
      <c r="D105" s="18">
        <v>40</v>
      </c>
    </row>
    <row r="106" spans="1:4" ht="18" customHeight="1" x14ac:dyDescent="0.15">
      <c r="A106" s="5">
        <v>83</v>
      </c>
      <c r="B106" s="22">
        <v>10</v>
      </c>
      <c r="C106" s="14">
        <v>16</v>
      </c>
      <c r="D106" s="18">
        <v>26</v>
      </c>
    </row>
    <row r="107" spans="1:4" ht="18" customHeight="1" x14ac:dyDescent="0.15">
      <c r="A107" s="5">
        <v>84</v>
      </c>
      <c r="B107" s="22">
        <v>20</v>
      </c>
      <c r="C107" s="14">
        <v>27</v>
      </c>
      <c r="D107" s="18">
        <v>47</v>
      </c>
    </row>
    <row r="108" spans="1:4" ht="18" customHeight="1" x14ac:dyDescent="0.15">
      <c r="A108" s="5" t="s">
        <v>35</v>
      </c>
      <c r="B108" s="22">
        <v>60</v>
      </c>
      <c r="C108" s="14">
        <v>108</v>
      </c>
      <c r="D108" s="18">
        <v>168</v>
      </c>
    </row>
    <row r="109" spans="1:4" ht="18" customHeight="1" x14ac:dyDescent="0.15">
      <c r="A109" s="5">
        <v>85</v>
      </c>
      <c r="B109" s="22">
        <v>11</v>
      </c>
      <c r="C109" s="14">
        <v>20</v>
      </c>
      <c r="D109" s="18">
        <v>31</v>
      </c>
    </row>
    <row r="110" spans="1:4" ht="18" customHeight="1" x14ac:dyDescent="0.15">
      <c r="A110" s="5">
        <v>86</v>
      </c>
      <c r="B110" s="22">
        <v>5</v>
      </c>
      <c r="C110" s="14">
        <v>11</v>
      </c>
      <c r="D110" s="18">
        <v>16</v>
      </c>
    </row>
    <row r="111" spans="1:4" ht="18" customHeight="1" x14ac:dyDescent="0.15">
      <c r="A111" s="5">
        <v>87</v>
      </c>
      <c r="B111" s="22">
        <v>10</v>
      </c>
      <c r="C111" s="14">
        <v>11</v>
      </c>
      <c r="D111" s="18">
        <v>21</v>
      </c>
    </row>
    <row r="112" spans="1:4" ht="18" customHeight="1" x14ac:dyDescent="0.15">
      <c r="A112" s="5">
        <v>88</v>
      </c>
      <c r="B112" s="22">
        <v>7</v>
      </c>
      <c r="C112" s="14">
        <v>13</v>
      </c>
      <c r="D112" s="18">
        <v>20</v>
      </c>
    </row>
    <row r="113" spans="1:4" ht="18" customHeight="1" x14ac:dyDescent="0.15">
      <c r="A113" s="5">
        <v>89</v>
      </c>
      <c r="B113" s="22">
        <v>4</v>
      </c>
      <c r="C113" s="14">
        <v>14</v>
      </c>
      <c r="D113" s="18">
        <v>18</v>
      </c>
    </row>
    <row r="114" spans="1:4" ht="18" customHeight="1" x14ac:dyDescent="0.15">
      <c r="A114" s="5" t="s">
        <v>37</v>
      </c>
      <c r="B114" s="22">
        <v>37</v>
      </c>
      <c r="C114" s="14">
        <v>69</v>
      </c>
      <c r="D114" s="18">
        <v>106</v>
      </c>
    </row>
    <row r="115" spans="1:4" ht="18" customHeight="1" x14ac:dyDescent="0.15">
      <c r="A115" s="5">
        <v>90</v>
      </c>
      <c r="B115" s="22">
        <v>5</v>
      </c>
      <c r="C115" s="14">
        <v>6</v>
      </c>
      <c r="D115" s="18">
        <v>11</v>
      </c>
    </row>
    <row r="116" spans="1:4" ht="18" customHeight="1" x14ac:dyDescent="0.15">
      <c r="A116" s="5">
        <v>91</v>
      </c>
      <c r="B116" s="22">
        <v>1</v>
      </c>
      <c r="C116" s="14">
        <v>10</v>
      </c>
      <c r="D116" s="18">
        <v>11</v>
      </c>
    </row>
    <row r="117" spans="1:4" ht="18" customHeight="1" x14ac:dyDescent="0.15">
      <c r="A117" s="5">
        <v>92</v>
      </c>
      <c r="B117" s="22">
        <v>3</v>
      </c>
      <c r="C117" s="14">
        <v>16</v>
      </c>
      <c r="D117" s="18">
        <v>19</v>
      </c>
    </row>
    <row r="118" spans="1:4" ht="18" customHeight="1" x14ac:dyDescent="0.15">
      <c r="A118" s="5">
        <v>93</v>
      </c>
      <c r="B118" s="22">
        <v>0</v>
      </c>
      <c r="C118" s="14">
        <v>8</v>
      </c>
      <c r="D118" s="18">
        <v>8</v>
      </c>
    </row>
    <row r="119" spans="1:4" ht="18" customHeight="1" x14ac:dyDescent="0.15">
      <c r="A119" s="5">
        <v>94</v>
      </c>
      <c r="B119" s="22">
        <v>4</v>
      </c>
      <c r="C119" s="14">
        <v>6</v>
      </c>
      <c r="D119" s="18">
        <v>10</v>
      </c>
    </row>
    <row r="120" spans="1:4" ht="18" customHeight="1" x14ac:dyDescent="0.15">
      <c r="A120" s="5" t="s">
        <v>39</v>
      </c>
      <c r="B120" s="22">
        <v>13</v>
      </c>
      <c r="C120" s="14">
        <v>46</v>
      </c>
      <c r="D120" s="18">
        <v>59</v>
      </c>
    </row>
    <row r="121" spans="1:4" ht="18" customHeight="1" x14ac:dyDescent="0.15">
      <c r="A121" s="5">
        <v>95</v>
      </c>
      <c r="B121" s="22">
        <v>1</v>
      </c>
      <c r="C121" s="14">
        <v>2</v>
      </c>
      <c r="D121" s="18">
        <v>3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3</v>
      </c>
      <c r="C126" s="14">
        <v>7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467</v>
      </c>
      <c r="C130" s="14">
        <v>600</v>
      </c>
      <c r="D130" s="18">
        <v>1067</v>
      </c>
    </row>
    <row r="131" spans="1:4" ht="18" customHeight="1" x14ac:dyDescent="0.15">
      <c r="A131" s="7" t="s">
        <v>45</v>
      </c>
      <c r="B131" s="23">
        <v>2833</v>
      </c>
      <c r="C131" s="15">
        <v>2809</v>
      </c>
      <c r="D131" s="19">
        <v>564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4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4</v>
      </c>
      <c r="C5" s="13">
        <v>5</v>
      </c>
      <c r="D5" s="17">
        <v>19</v>
      </c>
    </row>
    <row r="6" spans="1:4" ht="18" customHeight="1" x14ac:dyDescent="0.15">
      <c r="A6" s="5">
        <v>1</v>
      </c>
      <c r="B6" s="22">
        <v>7</v>
      </c>
      <c r="C6" s="14">
        <v>15</v>
      </c>
      <c r="D6" s="18">
        <v>22</v>
      </c>
    </row>
    <row r="7" spans="1:4" ht="18" customHeight="1" x14ac:dyDescent="0.15">
      <c r="A7" s="5">
        <v>2</v>
      </c>
      <c r="B7" s="22">
        <v>9</v>
      </c>
      <c r="C7" s="14">
        <v>15</v>
      </c>
      <c r="D7" s="18">
        <v>24</v>
      </c>
    </row>
    <row r="8" spans="1:4" ht="18" customHeight="1" x14ac:dyDescent="0.15">
      <c r="A8" s="5">
        <v>3</v>
      </c>
      <c r="B8" s="22">
        <v>20</v>
      </c>
      <c r="C8" s="14">
        <v>13</v>
      </c>
      <c r="D8" s="18">
        <v>33</v>
      </c>
    </row>
    <row r="9" spans="1:4" ht="18" customHeight="1" x14ac:dyDescent="0.15">
      <c r="A9" s="5">
        <v>4</v>
      </c>
      <c r="B9" s="22">
        <v>19</v>
      </c>
      <c r="C9" s="14">
        <v>17</v>
      </c>
      <c r="D9" s="18">
        <v>36</v>
      </c>
    </row>
    <row r="10" spans="1:4" ht="18" customHeight="1" x14ac:dyDescent="0.15">
      <c r="A10" s="5" t="s">
        <v>7</v>
      </c>
      <c r="B10" s="22">
        <v>69</v>
      </c>
      <c r="C10" s="14">
        <v>65</v>
      </c>
      <c r="D10" s="18">
        <v>134</v>
      </c>
    </row>
    <row r="11" spans="1:4" ht="18" customHeight="1" x14ac:dyDescent="0.15">
      <c r="A11" s="5">
        <v>5</v>
      </c>
      <c r="B11" s="22">
        <v>13</v>
      </c>
      <c r="C11" s="14">
        <v>11</v>
      </c>
      <c r="D11" s="18">
        <v>24</v>
      </c>
    </row>
    <row r="12" spans="1:4" ht="18" customHeight="1" x14ac:dyDescent="0.15">
      <c r="A12" s="5">
        <v>6</v>
      </c>
      <c r="B12" s="22">
        <v>23</v>
      </c>
      <c r="C12" s="14">
        <v>18</v>
      </c>
      <c r="D12" s="18">
        <v>41</v>
      </c>
    </row>
    <row r="13" spans="1:4" ht="18" customHeight="1" x14ac:dyDescent="0.15">
      <c r="A13" s="5">
        <v>7</v>
      </c>
      <c r="B13" s="22">
        <v>26</v>
      </c>
      <c r="C13" s="14">
        <v>17</v>
      </c>
      <c r="D13" s="18">
        <v>43</v>
      </c>
    </row>
    <row r="14" spans="1:4" ht="18" customHeight="1" x14ac:dyDescent="0.15">
      <c r="A14" s="5">
        <v>8</v>
      </c>
      <c r="B14" s="22">
        <v>34</v>
      </c>
      <c r="C14" s="14">
        <v>19</v>
      </c>
      <c r="D14" s="18">
        <v>53</v>
      </c>
    </row>
    <row r="15" spans="1:4" ht="18" customHeight="1" x14ac:dyDescent="0.15">
      <c r="A15" s="5">
        <v>9</v>
      </c>
      <c r="B15" s="22">
        <v>28</v>
      </c>
      <c r="C15" s="14">
        <v>21</v>
      </c>
      <c r="D15" s="18">
        <v>49</v>
      </c>
    </row>
    <row r="16" spans="1:4" ht="18" customHeight="1" x14ac:dyDescent="0.15">
      <c r="A16" s="5" t="s">
        <v>11</v>
      </c>
      <c r="B16" s="22">
        <v>124</v>
      </c>
      <c r="C16" s="14">
        <v>86</v>
      </c>
      <c r="D16" s="18">
        <v>210</v>
      </c>
    </row>
    <row r="17" spans="1:4" ht="18" customHeight="1" x14ac:dyDescent="0.15">
      <c r="A17" s="5">
        <v>10</v>
      </c>
      <c r="B17" s="22">
        <v>26</v>
      </c>
      <c r="C17" s="14">
        <v>25</v>
      </c>
      <c r="D17" s="18">
        <v>51</v>
      </c>
    </row>
    <row r="18" spans="1:4" ht="18" customHeight="1" x14ac:dyDescent="0.15">
      <c r="A18" s="5">
        <v>11</v>
      </c>
      <c r="B18" s="22">
        <v>33</v>
      </c>
      <c r="C18" s="14">
        <v>17</v>
      </c>
      <c r="D18" s="18">
        <v>50</v>
      </c>
    </row>
    <row r="19" spans="1:4" ht="18" customHeight="1" x14ac:dyDescent="0.15">
      <c r="A19" s="5">
        <v>12</v>
      </c>
      <c r="B19" s="22">
        <v>21</v>
      </c>
      <c r="C19" s="14">
        <v>19</v>
      </c>
      <c r="D19" s="18">
        <v>40</v>
      </c>
    </row>
    <row r="20" spans="1:4" ht="18" customHeight="1" x14ac:dyDescent="0.15">
      <c r="A20" s="5">
        <v>13</v>
      </c>
      <c r="B20" s="22">
        <v>37</v>
      </c>
      <c r="C20" s="14">
        <v>20</v>
      </c>
      <c r="D20" s="18">
        <v>57</v>
      </c>
    </row>
    <row r="21" spans="1:4" ht="18" customHeight="1" x14ac:dyDescent="0.15">
      <c r="A21" s="5">
        <v>14</v>
      </c>
      <c r="B21" s="22">
        <v>28</v>
      </c>
      <c r="C21" s="14">
        <v>33</v>
      </c>
      <c r="D21" s="18">
        <v>61</v>
      </c>
    </row>
    <row r="22" spans="1:4" ht="18" customHeight="1" x14ac:dyDescent="0.15">
      <c r="A22" s="5" t="s">
        <v>12</v>
      </c>
      <c r="B22" s="22">
        <v>145</v>
      </c>
      <c r="C22" s="14">
        <v>114</v>
      </c>
      <c r="D22" s="18">
        <v>259</v>
      </c>
    </row>
    <row r="23" spans="1:4" ht="18" customHeight="1" x14ac:dyDescent="0.15">
      <c r="A23" s="5" t="s">
        <v>6</v>
      </c>
      <c r="B23" s="22">
        <v>338</v>
      </c>
      <c r="C23" s="14">
        <v>265</v>
      </c>
      <c r="D23" s="18">
        <v>603</v>
      </c>
    </row>
    <row r="24" spans="1:4" ht="18" customHeight="1" x14ac:dyDescent="0.15">
      <c r="A24" s="5">
        <v>15</v>
      </c>
      <c r="B24" s="22">
        <v>40</v>
      </c>
      <c r="C24" s="14">
        <v>35</v>
      </c>
      <c r="D24" s="18">
        <v>75</v>
      </c>
    </row>
    <row r="25" spans="1:4" ht="18" customHeight="1" x14ac:dyDescent="0.15">
      <c r="A25" s="5">
        <v>16</v>
      </c>
      <c r="B25" s="22">
        <v>42</v>
      </c>
      <c r="C25" s="14">
        <v>47</v>
      </c>
      <c r="D25" s="18">
        <v>89</v>
      </c>
    </row>
    <row r="26" spans="1:4" ht="18" customHeight="1" x14ac:dyDescent="0.15">
      <c r="A26" s="5">
        <v>17</v>
      </c>
      <c r="B26" s="22">
        <v>34</v>
      </c>
      <c r="C26" s="14">
        <v>33</v>
      </c>
      <c r="D26" s="18">
        <v>67</v>
      </c>
    </row>
    <row r="27" spans="1:4" ht="18" customHeight="1" x14ac:dyDescent="0.15">
      <c r="A27" s="5">
        <v>18</v>
      </c>
      <c r="B27" s="22">
        <v>36</v>
      </c>
      <c r="C27" s="14">
        <v>43</v>
      </c>
      <c r="D27" s="18">
        <v>79</v>
      </c>
    </row>
    <row r="28" spans="1:4" ht="18" customHeight="1" x14ac:dyDescent="0.15">
      <c r="A28" s="5">
        <v>19</v>
      </c>
      <c r="B28" s="22">
        <v>41</v>
      </c>
      <c r="C28" s="14">
        <v>33</v>
      </c>
      <c r="D28" s="18">
        <v>74</v>
      </c>
    </row>
    <row r="29" spans="1:4" ht="18" customHeight="1" x14ac:dyDescent="0.15">
      <c r="A29" s="5" t="s">
        <v>14</v>
      </c>
      <c r="B29" s="22">
        <v>193</v>
      </c>
      <c r="C29" s="14">
        <v>191</v>
      </c>
      <c r="D29" s="18">
        <v>384</v>
      </c>
    </row>
    <row r="30" spans="1:4" ht="18" customHeight="1" x14ac:dyDescent="0.15">
      <c r="A30" s="5">
        <v>20</v>
      </c>
      <c r="B30" s="22">
        <v>43</v>
      </c>
      <c r="C30" s="14">
        <v>42</v>
      </c>
      <c r="D30" s="18">
        <v>85</v>
      </c>
    </row>
    <row r="31" spans="1:4" ht="18" customHeight="1" x14ac:dyDescent="0.15">
      <c r="A31" s="5">
        <v>21</v>
      </c>
      <c r="B31" s="22">
        <v>36</v>
      </c>
      <c r="C31" s="14">
        <v>43</v>
      </c>
      <c r="D31" s="18">
        <v>79</v>
      </c>
    </row>
    <row r="32" spans="1:4" ht="18" customHeight="1" x14ac:dyDescent="0.15">
      <c r="A32" s="5">
        <v>22</v>
      </c>
      <c r="B32" s="22">
        <v>43</v>
      </c>
      <c r="C32" s="14">
        <v>20</v>
      </c>
      <c r="D32" s="18">
        <v>63</v>
      </c>
    </row>
    <row r="33" spans="1:4" ht="18" customHeight="1" x14ac:dyDescent="0.15">
      <c r="A33" s="5">
        <v>23</v>
      </c>
      <c r="B33" s="22">
        <v>30</v>
      </c>
      <c r="C33" s="14">
        <v>29</v>
      </c>
      <c r="D33" s="18">
        <v>59</v>
      </c>
    </row>
    <row r="34" spans="1:4" ht="18" customHeight="1" x14ac:dyDescent="0.15">
      <c r="A34" s="5">
        <v>24</v>
      </c>
      <c r="B34" s="22">
        <v>34</v>
      </c>
      <c r="C34" s="14">
        <v>30</v>
      </c>
      <c r="D34" s="18">
        <v>64</v>
      </c>
    </row>
    <row r="35" spans="1:4" ht="18" customHeight="1" x14ac:dyDescent="0.15">
      <c r="A35" s="5" t="s">
        <v>9</v>
      </c>
      <c r="B35" s="22">
        <v>186</v>
      </c>
      <c r="C35" s="14">
        <v>164</v>
      </c>
      <c r="D35" s="18">
        <v>350</v>
      </c>
    </row>
    <row r="36" spans="1:4" ht="18" customHeight="1" x14ac:dyDescent="0.15">
      <c r="A36" s="5">
        <v>25</v>
      </c>
      <c r="B36" s="22">
        <v>36</v>
      </c>
      <c r="C36" s="14">
        <v>28</v>
      </c>
      <c r="D36" s="18">
        <v>64</v>
      </c>
    </row>
    <row r="37" spans="1:4" ht="18" customHeight="1" x14ac:dyDescent="0.15">
      <c r="A37" s="5">
        <v>26</v>
      </c>
      <c r="B37" s="22">
        <v>15</v>
      </c>
      <c r="C37" s="14">
        <v>22</v>
      </c>
      <c r="D37" s="18">
        <v>37</v>
      </c>
    </row>
    <row r="38" spans="1:4" ht="18" customHeight="1" x14ac:dyDescent="0.15">
      <c r="A38" s="5">
        <v>27</v>
      </c>
      <c r="B38" s="22">
        <v>23</v>
      </c>
      <c r="C38" s="14">
        <v>16</v>
      </c>
      <c r="D38" s="18">
        <v>39</v>
      </c>
    </row>
    <row r="39" spans="1:4" ht="18" customHeight="1" x14ac:dyDescent="0.15">
      <c r="A39" s="5">
        <v>28</v>
      </c>
      <c r="B39" s="22">
        <v>27</v>
      </c>
      <c r="C39" s="14">
        <v>21</v>
      </c>
      <c r="D39" s="18">
        <v>48</v>
      </c>
    </row>
    <row r="40" spans="1:4" ht="18" customHeight="1" x14ac:dyDescent="0.15">
      <c r="A40" s="5">
        <v>29</v>
      </c>
      <c r="B40" s="22">
        <v>17</v>
      </c>
      <c r="C40" s="14">
        <v>23</v>
      </c>
      <c r="D40" s="18">
        <v>40</v>
      </c>
    </row>
    <row r="41" spans="1:4" ht="18" customHeight="1" x14ac:dyDescent="0.15">
      <c r="A41" s="5" t="s">
        <v>2</v>
      </c>
      <c r="B41" s="22">
        <v>118</v>
      </c>
      <c r="C41" s="14">
        <v>110</v>
      </c>
      <c r="D41" s="18">
        <v>228</v>
      </c>
    </row>
    <row r="42" spans="1:4" ht="18" customHeight="1" x14ac:dyDescent="0.15">
      <c r="A42" s="5">
        <v>30</v>
      </c>
      <c r="B42" s="22">
        <v>25</v>
      </c>
      <c r="C42" s="14">
        <v>29</v>
      </c>
      <c r="D42" s="18">
        <v>54</v>
      </c>
    </row>
    <row r="43" spans="1:4" ht="18" customHeight="1" x14ac:dyDescent="0.15">
      <c r="A43" s="5">
        <v>31</v>
      </c>
      <c r="B43" s="22">
        <v>12</v>
      </c>
      <c r="C43" s="14">
        <v>12</v>
      </c>
      <c r="D43" s="18">
        <v>24</v>
      </c>
    </row>
    <row r="44" spans="1:4" ht="18" customHeight="1" x14ac:dyDescent="0.15">
      <c r="A44" s="5">
        <v>32</v>
      </c>
      <c r="B44" s="22">
        <v>24</v>
      </c>
      <c r="C44" s="14">
        <v>15</v>
      </c>
      <c r="D44" s="18">
        <v>39</v>
      </c>
    </row>
    <row r="45" spans="1:4" ht="18" customHeight="1" x14ac:dyDescent="0.15">
      <c r="A45" s="5">
        <v>33</v>
      </c>
      <c r="B45" s="22">
        <v>28</v>
      </c>
      <c r="C45" s="14">
        <v>21</v>
      </c>
      <c r="D45" s="18">
        <v>49</v>
      </c>
    </row>
    <row r="46" spans="1:4" ht="18" customHeight="1" x14ac:dyDescent="0.15">
      <c r="A46" s="5">
        <v>34</v>
      </c>
      <c r="B46" s="22">
        <v>25</v>
      </c>
      <c r="C46" s="14">
        <v>27</v>
      </c>
      <c r="D46" s="18">
        <v>52</v>
      </c>
    </row>
    <row r="47" spans="1:4" ht="18" customHeight="1" x14ac:dyDescent="0.15">
      <c r="A47" s="5" t="s">
        <v>15</v>
      </c>
      <c r="B47" s="22">
        <v>114</v>
      </c>
      <c r="C47" s="14">
        <v>104</v>
      </c>
      <c r="D47" s="18">
        <v>218</v>
      </c>
    </row>
    <row r="48" spans="1:4" ht="18" customHeight="1" x14ac:dyDescent="0.15">
      <c r="A48" s="5">
        <v>35</v>
      </c>
      <c r="B48" s="22">
        <v>23</v>
      </c>
      <c r="C48" s="14">
        <v>21</v>
      </c>
      <c r="D48" s="18">
        <v>44</v>
      </c>
    </row>
    <row r="49" spans="1:4" ht="18" customHeight="1" x14ac:dyDescent="0.15">
      <c r="A49" s="5">
        <v>36</v>
      </c>
      <c r="B49" s="22">
        <v>28</v>
      </c>
      <c r="C49" s="14">
        <v>32</v>
      </c>
      <c r="D49" s="18">
        <v>60</v>
      </c>
    </row>
    <row r="50" spans="1:4" ht="18" customHeight="1" x14ac:dyDescent="0.15">
      <c r="A50" s="5">
        <v>37</v>
      </c>
      <c r="B50" s="22">
        <v>27</v>
      </c>
      <c r="C50" s="14">
        <v>21</v>
      </c>
      <c r="D50" s="18">
        <v>48</v>
      </c>
    </row>
    <row r="51" spans="1:4" ht="18" customHeight="1" x14ac:dyDescent="0.15">
      <c r="A51" s="5">
        <v>38</v>
      </c>
      <c r="B51" s="22">
        <v>30</v>
      </c>
      <c r="C51" s="14">
        <v>27</v>
      </c>
      <c r="D51" s="18">
        <v>57</v>
      </c>
    </row>
    <row r="52" spans="1:4" ht="18" customHeight="1" x14ac:dyDescent="0.15">
      <c r="A52" s="5">
        <v>39</v>
      </c>
      <c r="B52" s="22">
        <v>28</v>
      </c>
      <c r="C52" s="14">
        <v>28</v>
      </c>
      <c r="D52" s="18">
        <v>56</v>
      </c>
    </row>
    <row r="53" spans="1:4" ht="18" customHeight="1" x14ac:dyDescent="0.15">
      <c r="A53" s="5" t="s">
        <v>18</v>
      </c>
      <c r="B53" s="22">
        <v>136</v>
      </c>
      <c r="C53" s="14">
        <v>129</v>
      </c>
      <c r="D53" s="18">
        <v>265</v>
      </c>
    </row>
    <row r="54" spans="1:4" ht="18" customHeight="1" x14ac:dyDescent="0.15">
      <c r="A54" s="5">
        <v>40</v>
      </c>
      <c r="B54" s="22">
        <v>35</v>
      </c>
      <c r="C54" s="14">
        <v>44</v>
      </c>
      <c r="D54" s="18">
        <v>79</v>
      </c>
    </row>
    <row r="55" spans="1:4" ht="18" customHeight="1" x14ac:dyDescent="0.15">
      <c r="A55" s="5">
        <v>41</v>
      </c>
      <c r="B55" s="22">
        <v>34</v>
      </c>
      <c r="C55" s="14">
        <v>32</v>
      </c>
      <c r="D55" s="18">
        <v>66</v>
      </c>
    </row>
    <row r="56" spans="1:4" ht="18" customHeight="1" x14ac:dyDescent="0.15">
      <c r="A56" s="5">
        <v>42</v>
      </c>
      <c r="B56" s="22">
        <v>32</v>
      </c>
      <c r="C56" s="14">
        <v>24</v>
      </c>
      <c r="D56" s="18">
        <v>56</v>
      </c>
    </row>
    <row r="57" spans="1:4" ht="18" customHeight="1" x14ac:dyDescent="0.15">
      <c r="A57" s="5">
        <v>43</v>
      </c>
      <c r="B57" s="22">
        <v>32</v>
      </c>
      <c r="C57" s="14">
        <v>34</v>
      </c>
      <c r="D57" s="18">
        <v>66</v>
      </c>
    </row>
    <row r="58" spans="1:4" ht="18" customHeight="1" x14ac:dyDescent="0.15">
      <c r="A58" s="5">
        <v>44</v>
      </c>
      <c r="B58" s="22">
        <v>46</v>
      </c>
      <c r="C58" s="14">
        <v>43</v>
      </c>
      <c r="D58" s="18">
        <v>89</v>
      </c>
    </row>
    <row r="59" spans="1:4" ht="18" customHeight="1" x14ac:dyDescent="0.15">
      <c r="A59" s="5" t="s">
        <v>21</v>
      </c>
      <c r="B59" s="22">
        <v>179</v>
      </c>
      <c r="C59" s="14">
        <v>177</v>
      </c>
      <c r="D59" s="18">
        <v>356</v>
      </c>
    </row>
    <row r="60" spans="1:4" ht="18" customHeight="1" x14ac:dyDescent="0.15">
      <c r="A60" s="5">
        <v>45</v>
      </c>
      <c r="B60" s="22">
        <v>41</v>
      </c>
      <c r="C60" s="14">
        <v>30</v>
      </c>
      <c r="D60" s="18">
        <v>71</v>
      </c>
    </row>
    <row r="61" spans="1:4" ht="18" customHeight="1" x14ac:dyDescent="0.15">
      <c r="A61" s="5">
        <v>46</v>
      </c>
      <c r="B61" s="22">
        <v>42</v>
      </c>
      <c r="C61" s="14">
        <v>39</v>
      </c>
      <c r="D61" s="18">
        <v>81</v>
      </c>
    </row>
    <row r="62" spans="1:4" ht="18" customHeight="1" x14ac:dyDescent="0.15">
      <c r="A62" s="5">
        <v>47</v>
      </c>
      <c r="B62" s="22">
        <v>47</v>
      </c>
      <c r="C62" s="14">
        <v>41</v>
      </c>
      <c r="D62" s="18">
        <v>88</v>
      </c>
    </row>
    <row r="63" spans="1:4" ht="18" customHeight="1" x14ac:dyDescent="0.15">
      <c r="A63" s="5">
        <v>48</v>
      </c>
      <c r="B63" s="22">
        <v>57</v>
      </c>
      <c r="C63" s="14">
        <v>49</v>
      </c>
      <c r="D63" s="18">
        <v>106</v>
      </c>
    </row>
    <row r="64" spans="1:4" ht="18" customHeight="1" x14ac:dyDescent="0.15">
      <c r="A64" s="5">
        <v>49</v>
      </c>
      <c r="B64" s="22">
        <v>52</v>
      </c>
      <c r="C64" s="14">
        <v>50</v>
      </c>
      <c r="D64" s="18">
        <v>102</v>
      </c>
    </row>
    <row r="65" spans="1:4" ht="18" customHeight="1" x14ac:dyDescent="0.15">
      <c r="A65" s="5" t="s">
        <v>17</v>
      </c>
      <c r="B65" s="22">
        <v>239</v>
      </c>
      <c r="C65" s="14">
        <v>209</v>
      </c>
      <c r="D65" s="18">
        <v>448</v>
      </c>
    </row>
    <row r="66" spans="1:4" ht="18" customHeight="1" x14ac:dyDescent="0.15">
      <c r="A66" s="5">
        <v>50</v>
      </c>
      <c r="B66" s="22">
        <v>45</v>
      </c>
      <c r="C66" s="14">
        <v>54</v>
      </c>
      <c r="D66" s="18">
        <v>99</v>
      </c>
    </row>
    <row r="67" spans="1:4" ht="18" customHeight="1" x14ac:dyDescent="0.15">
      <c r="A67" s="5">
        <v>51</v>
      </c>
      <c r="B67" s="22">
        <v>71</v>
      </c>
      <c r="C67" s="14">
        <v>59</v>
      </c>
      <c r="D67" s="18">
        <v>130</v>
      </c>
    </row>
    <row r="68" spans="1:4" ht="18" customHeight="1" x14ac:dyDescent="0.15">
      <c r="A68" s="5">
        <v>52</v>
      </c>
      <c r="B68" s="22">
        <v>76</v>
      </c>
      <c r="C68" s="14">
        <v>92</v>
      </c>
      <c r="D68" s="18">
        <v>168</v>
      </c>
    </row>
    <row r="69" spans="1:4" ht="18" customHeight="1" x14ac:dyDescent="0.15">
      <c r="A69" s="5">
        <v>53</v>
      </c>
      <c r="B69" s="22">
        <v>67</v>
      </c>
      <c r="C69" s="14">
        <v>63</v>
      </c>
      <c r="D69" s="18">
        <v>130</v>
      </c>
    </row>
    <row r="70" spans="1:4" ht="18" customHeight="1" x14ac:dyDescent="0.15">
      <c r="A70" s="5">
        <v>54</v>
      </c>
      <c r="B70" s="22">
        <v>64</v>
      </c>
      <c r="C70" s="14">
        <v>79</v>
      </c>
      <c r="D70" s="18">
        <v>143</v>
      </c>
    </row>
    <row r="71" spans="1:4" ht="18" customHeight="1" x14ac:dyDescent="0.15">
      <c r="A71" s="5" t="s">
        <v>22</v>
      </c>
      <c r="B71" s="22">
        <v>323</v>
      </c>
      <c r="C71" s="14">
        <v>347</v>
      </c>
      <c r="D71" s="18">
        <v>670</v>
      </c>
    </row>
    <row r="72" spans="1:4" ht="18" customHeight="1" x14ac:dyDescent="0.15">
      <c r="A72" s="5">
        <v>55</v>
      </c>
      <c r="B72" s="22">
        <v>61</v>
      </c>
      <c r="C72" s="14">
        <v>55</v>
      </c>
      <c r="D72" s="18">
        <v>116</v>
      </c>
    </row>
    <row r="73" spans="1:4" ht="18" customHeight="1" x14ac:dyDescent="0.15">
      <c r="A73" s="5">
        <v>56</v>
      </c>
      <c r="B73" s="22">
        <v>59</v>
      </c>
      <c r="C73" s="14">
        <v>46</v>
      </c>
      <c r="D73" s="18">
        <v>105</v>
      </c>
    </row>
    <row r="74" spans="1:4" ht="18" customHeight="1" x14ac:dyDescent="0.15">
      <c r="A74" s="5">
        <v>57</v>
      </c>
      <c r="B74" s="22">
        <v>53</v>
      </c>
      <c r="C74" s="14">
        <v>46</v>
      </c>
      <c r="D74" s="18">
        <v>99</v>
      </c>
    </row>
    <row r="75" spans="1:4" ht="18" customHeight="1" x14ac:dyDescent="0.15">
      <c r="A75" s="5">
        <v>58</v>
      </c>
      <c r="B75" s="22">
        <v>54</v>
      </c>
      <c r="C75" s="14">
        <v>45</v>
      </c>
      <c r="D75" s="18">
        <v>99</v>
      </c>
    </row>
    <row r="76" spans="1:4" ht="18" customHeight="1" x14ac:dyDescent="0.15">
      <c r="A76" s="5">
        <v>59</v>
      </c>
      <c r="B76" s="22">
        <v>44</v>
      </c>
      <c r="C76" s="14">
        <v>39</v>
      </c>
      <c r="D76" s="18">
        <v>83</v>
      </c>
    </row>
    <row r="77" spans="1:4" ht="18" customHeight="1" x14ac:dyDescent="0.15">
      <c r="A77" s="5" t="s">
        <v>27</v>
      </c>
      <c r="B77" s="22">
        <v>271</v>
      </c>
      <c r="C77" s="14">
        <v>231</v>
      </c>
      <c r="D77" s="18">
        <v>502</v>
      </c>
    </row>
    <row r="78" spans="1:4" ht="18" customHeight="1" x14ac:dyDescent="0.15">
      <c r="A78" s="5">
        <v>60</v>
      </c>
      <c r="B78" s="22">
        <v>45</v>
      </c>
      <c r="C78" s="14">
        <v>52</v>
      </c>
      <c r="D78" s="18">
        <v>97</v>
      </c>
    </row>
    <row r="79" spans="1:4" ht="18" customHeight="1" x14ac:dyDescent="0.15">
      <c r="A79" s="5">
        <v>61</v>
      </c>
      <c r="B79" s="22">
        <v>47</v>
      </c>
      <c r="C79" s="14">
        <v>41</v>
      </c>
      <c r="D79" s="18">
        <v>88</v>
      </c>
    </row>
    <row r="80" spans="1:4" ht="18" customHeight="1" x14ac:dyDescent="0.15">
      <c r="A80" s="5">
        <v>62</v>
      </c>
      <c r="B80" s="22">
        <v>34</v>
      </c>
      <c r="C80" s="14">
        <v>38</v>
      </c>
      <c r="D80" s="18">
        <v>72</v>
      </c>
    </row>
    <row r="81" spans="1:4" ht="18" customHeight="1" x14ac:dyDescent="0.15">
      <c r="A81" s="5">
        <v>63</v>
      </c>
      <c r="B81" s="22">
        <v>36</v>
      </c>
      <c r="C81" s="14">
        <v>38</v>
      </c>
      <c r="D81" s="18">
        <v>74</v>
      </c>
    </row>
    <row r="82" spans="1:4" ht="18" customHeight="1" x14ac:dyDescent="0.15">
      <c r="A82" s="5">
        <v>64</v>
      </c>
      <c r="B82" s="22">
        <v>37</v>
      </c>
      <c r="C82" s="14">
        <v>34</v>
      </c>
      <c r="D82" s="18">
        <v>71</v>
      </c>
    </row>
    <row r="83" spans="1:4" ht="18" customHeight="1" x14ac:dyDescent="0.15">
      <c r="A83" s="5" t="s">
        <v>28</v>
      </c>
      <c r="B83" s="22">
        <v>199</v>
      </c>
      <c r="C83" s="14">
        <v>203</v>
      </c>
      <c r="D83" s="18">
        <v>402</v>
      </c>
    </row>
    <row r="84" spans="1:4" ht="18" customHeight="1" x14ac:dyDescent="0.15">
      <c r="A84" s="5" t="s">
        <v>31</v>
      </c>
      <c r="B84" s="22">
        <v>1958</v>
      </c>
      <c r="C84" s="14">
        <v>1865</v>
      </c>
      <c r="D84" s="18">
        <v>3823</v>
      </c>
    </row>
    <row r="85" spans="1:4" ht="18" customHeight="1" x14ac:dyDescent="0.15">
      <c r="A85" s="5">
        <v>65</v>
      </c>
      <c r="B85" s="22">
        <v>44</v>
      </c>
      <c r="C85" s="14">
        <v>34</v>
      </c>
      <c r="D85" s="18">
        <v>78</v>
      </c>
    </row>
    <row r="86" spans="1:4" ht="18" customHeight="1" x14ac:dyDescent="0.15">
      <c r="A86" s="5">
        <v>66</v>
      </c>
      <c r="B86" s="22">
        <v>36</v>
      </c>
      <c r="C86" s="14">
        <v>55</v>
      </c>
      <c r="D86" s="18">
        <v>91</v>
      </c>
    </row>
    <row r="87" spans="1:4" ht="18" customHeight="1" x14ac:dyDescent="0.15">
      <c r="A87" s="5">
        <v>67</v>
      </c>
      <c r="B87" s="22">
        <v>39</v>
      </c>
      <c r="C87" s="14">
        <v>43</v>
      </c>
      <c r="D87" s="18">
        <v>82</v>
      </c>
    </row>
    <row r="88" spans="1:4" ht="18" customHeight="1" x14ac:dyDescent="0.15">
      <c r="A88" s="5">
        <v>68</v>
      </c>
      <c r="B88" s="22">
        <v>54</v>
      </c>
      <c r="C88" s="14">
        <v>40</v>
      </c>
      <c r="D88" s="18">
        <v>94</v>
      </c>
    </row>
    <row r="89" spans="1:4" ht="18" customHeight="1" x14ac:dyDescent="0.15">
      <c r="A89" s="5">
        <v>69</v>
      </c>
      <c r="B89" s="22">
        <v>37</v>
      </c>
      <c r="C89" s="14">
        <v>45</v>
      </c>
      <c r="D89" s="18">
        <v>82</v>
      </c>
    </row>
    <row r="90" spans="1:4" ht="18" customHeight="1" x14ac:dyDescent="0.15">
      <c r="A90" s="5" t="s">
        <v>20</v>
      </c>
      <c r="B90" s="22">
        <v>210</v>
      </c>
      <c r="C90" s="14">
        <v>217</v>
      </c>
      <c r="D90" s="18">
        <v>427</v>
      </c>
    </row>
    <row r="91" spans="1:4" ht="18" customHeight="1" x14ac:dyDescent="0.15">
      <c r="A91" s="5">
        <v>70</v>
      </c>
      <c r="B91" s="22">
        <v>29</v>
      </c>
      <c r="C91" s="14">
        <v>50</v>
      </c>
      <c r="D91" s="18">
        <v>79</v>
      </c>
    </row>
    <row r="92" spans="1:4" ht="18" customHeight="1" x14ac:dyDescent="0.15">
      <c r="A92" s="5">
        <v>71</v>
      </c>
      <c r="B92" s="22">
        <v>51</v>
      </c>
      <c r="C92" s="14">
        <v>37</v>
      </c>
      <c r="D92" s="18">
        <v>88</v>
      </c>
    </row>
    <row r="93" spans="1:4" ht="18" customHeight="1" x14ac:dyDescent="0.15">
      <c r="A93" s="5">
        <v>72</v>
      </c>
      <c r="B93" s="22">
        <v>33</v>
      </c>
      <c r="C93" s="14">
        <v>44</v>
      </c>
      <c r="D93" s="18">
        <v>77</v>
      </c>
    </row>
    <row r="94" spans="1:4" ht="18" customHeight="1" x14ac:dyDescent="0.15">
      <c r="A94" s="5">
        <v>73</v>
      </c>
      <c r="B94" s="22">
        <v>48</v>
      </c>
      <c r="C94" s="14">
        <v>54</v>
      </c>
      <c r="D94" s="18">
        <v>102</v>
      </c>
    </row>
    <row r="95" spans="1:4" ht="18" customHeight="1" x14ac:dyDescent="0.15">
      <c r="A95" s="5">
        <v>74</v>
      </c>
      <c r="B95" s="22">
        <v>37</v>
      </c>
      <c r="C95" s="14">
        <v>50</v>
      </c>
      <c r="D95" s="18">
        <v>87</v>
      </c>
    </row>
    <row r="96" spans="1:4" ht="18" customHeight="1" x14ac:dyDescent="0.15">
      <c r="A96" s="5" t="s">
        <v>33</v>
      </c>
      <c r="B96" s="22">
        <v>198</v>
      </c>
      <c r="C96" s="14">
        <v>235</v>
      </c>
      <c r="D96" s="18">
        <v>433</v>
      </c>
    </row>
    <row r="97" spans="1:4" ht="18" customHeight="1" x14ac:dyDescent="0.15">
      <c r="A97" s="5">
        <v>75</v>
      </c>
      <c r="B97" s="22">
        <v>49</v>
      </c>
      <c r="C97" s="14">
        <v>55</v>
      </c>
      <c r="D97" s="18">
        <v>104</v>
      </c>
    </row>
    <row r="98" spans="1:4" ht="18" customHeight="1" x14ac:dyDescent="0.15">
      <c r="A98" s="5">
        <v>76</v>
      </c>
      <c r="B98" s="22">
        <v>52</v>
      </c>
      <c r="C98" s="14">
        <v>79</v>
      </c>
      <c r="D98" s="18">
        <v>131</v>
      </c>
    </row>
    <row r="99" spans="1:4" ht="18" customHeight="1" x14ac:dyDescent="0.15">
      <c r="A99" s="5">
        <v>77</v>
      </c>
      <c r="B99" s="22">
        <v>57</v>
      </c>
      <c r="C99" s="14">
        <v>70</v>
      </c>
      <c r="D99" s="18">
        <v>127</v>
      </c>
    </row>
    <row r="100" spans="1:4" ht="18" customHeight="1" x14ac:dyDescent="0.15">
      <c r="A100" s="5">
        <v>78</v>
      </c>
      <c r="B100" s="22">
        <v>58</v>
      </c>
      <c r="C100" s="14">
        <v>66</v>
      </c>
      <c r="D100" s="18">
        <v>124</v>
      </c>
    </row>
    <row r="101" spans="1:4" ht="18" customHeight="1" x14ac:dyDescent="0.15">
      <c r="A101" s="5">
        <v>79</v>
      </c>
      <c r="B101" s="22">
        <v>33</v>
      </c>
      <c r="C101" s="14">
        <v>40</v>
      </c>
      <c r="D101" s="18">
        <v>73</v>
      </c>
    </row>
    <row r="102" spans="1:4" ht="18" customHeight="1" x14ac:dyDescent="0.15">
      <c r="A102" s="5" t="s">
        <v>0</v>
      </c>
      <c r="B102" s="22">
        <v>249</v>
      </c>
      <c r="C102" s="14">
        <v>310</v>
      </c>
      <c r="D102" s="18">
        <v>559</v>
      </c>
    </row>
    <row r="103" spans="1:4" ht="18" customHeight="1" x14ac:dyDescent="0.15">
      <c r="A103" s="5">
        <v>80</v>
      </c>
      <c r="B103" s="22">
        <v>20</v>
      </c>
      <c r="C103" s="14">
        <v>45</v>
      </c>
      <c r="D103" s="18">
        <v>65</v>
      </c>
    </row>
    <row r="104" spans="1:4" ht="18" customHeight="1" x14ac:dyDescent="0.15">
      <c r="A104" s="5">
        <v>81</v>
      </c>
      <c r="B104" s="22">
        <v>32</v>
      </c>
      <c r="C104" s="14">
        <v>59</v>
      </c>
      <c r="D104" s="18">
        <v>91</v>
      </c>
    </row>
    <row r="105" spans="1:4" ht="18" customHeight="1" x14ac:dyDescent="0.15">
      <c r="A105" s="5">
        <v>82</v>
      </c>
      <c r="B105" s="22">
        <v>42</v>
      </c>
      <c r="C105" s="14">
        <v>60</v>
      </c>
      <c r="D105" s="18">
        <v>102</v>
      </c>
    </row>
    <row r="106" spans="1:4" ht="18" customHeight="1" x14ac:dyDescent="0.15">
      <c r="A106" s="5">
        <v>83</v>
      </c>
      <c r="B106" s="22">
        <v>25</v>
      </c>
      <c r="C106" s="14">
        <v>46</v>
      </c>
      <c r="D106" s="18">
        <v>71</v>
      </c>
    </row>
    <row r="107" spans="1:4" ht="18" customHeight="1" x14ac:dyDescent="0.15">
      <c r="A107" s="5">
        <v>84</v>
      </c>
      <c r="B107" s="22">
        <v>36</v>
      </c>
      <c r="C107" s="14">
        <v>38</v>
      </c>
      <c r="D107" s="18">
        <v>74</v>
      </c>
    </row>
    <row r="108" spans="1:4" ht="18" customHeight="1" x14ac:dyDescent="0.15">
      <c r="A108" s="5" t="s">
        <v>35</v>
      </c>
      <c r="B108" s="22">
        <v>155</v>
      </c>
      <c r="C108" s="14">
        <v>248</v>
      </c>
      <c r="D108" s="18">
        <v>403</v>
      </c>
    </row>
    <row r="109" spans="1:4" ht="18" customHeight="1" x14ac:dyDescent="0.15">
      <c r="A109" s="5">
        <v>85</v>
      </c>
      <c r="B109" s="22">
        <v>29</v>
      </c>
      <c r="C109" s="14">
        <v>40</v>
      </c>
      <c r="D109" s="18">
        <v>69</v>
      </c>
    </row>
    <row r="110" spans="1:4" ht="18" customHeight="1" x14ac:dyDescent="0.15">
      <c r="A110" s="5">
        <v>86</v>
      </c>
      <c r="B110" s="22">
        <v>29</v>
      </c>
      <c r="C110" s="14">
        <v>28</v>
      </c>
      <c r="D110" s="18">
        <v>57</v>
      </c>
    </row>
    <row r="111" spans="1:4" ht="18" customHeight="1" x14ac:dyDescent="0.15">
      <c r="A111" s="5">
        <v>87</v>
      </c>
      <c r="B111" s="22">
        <v>19</v>
      </c>
      <c r="C111" s="14">
        <v>17</v>
      </c>
      <c r="D111" s="18">
        <v>36</v>
      </c>
    </row>
    <row r="112" spans="1:4" ht="18" customHeight="1" x14ac:dyDescent="0.15">
      <c r="A112" s="5">
        <v>88</v>
      </c>
      <c r="B112" s="22">
        <v>18</v>
      </c>
      <c r="C112" s="14">
        <v>37</v>
      </c>
      <c r="D112" s="18">
        <v>55</v>
      </c>
    </row>
    <row r="113" spans="1:4" ht="18" customHeight="1" x14ac:dyDescent="0.15">
      <c r="A113" s="5">
        <v>89</v>
      </c>
      <c r="B113" s="22">
        <v>16</v>
      </c>
      <c r="C113" s="14">
        <v>30</v>
      </c>
      <c r="D113" s="18">
        <v>46</v>
      </c>
    </row>
    <row r="114" spans="1:4" ht="18" customHeight="1" x14ac:dyDescent="0.15">
      <c r="A114" s="5" t="s">
        <v>37</v>
      </c>
      <c r="B114" s="22">
        <v>111</v>
      </c>
      <c r="C114" s="14">
        <v>152</v>
      </c>
      <c r="D114" s="18">
        <v>263</v>
      </c>
    </row>
    <row r="115" spans="1:4" ht="18" customHeight="1" x14ac:dyDescent="0.15">
      <c r="A115" s="5">
        <v>90</v>
      </c>
      <c r="B115" s="22">
        <v>12</v>
      </c>
      <c r="C115" s="14">
        <v>33</v>
      </c>
      <c r="D115" s="18">
        <v>45</v>
      </c>
    </row>
    <row r="116" spans="1:4" ht="18" customHeight="1" x14ac:dyDescent="0.15">
      <c r="A116" s="5">
        <v>91</v>
      </c>
      <c r="B116" s="22">
        <v>6</v>
      </c>
      <c r="C116" s="14">
        <v>19</v>
      </c>
      <c r="D116" s="18">
        <v>25</v>
      </c>
    </row>
    <row r="117" spans="1:4" ht="18" customHeight="1" x14ac:dyDescent="0.15">
      <c r="A117" s="5">
        <v>92</v>
      </c>
      <c r="B117" s="22">
        <v>8</v>
      </c>
      <c r="C117" s="14">
        <v>20</v>
      </c>
      <c r="D117" s="18">
        <v>28</v>
      </c>
    </row>
    <row r="118" spans="1:4" ht="18" customHeight="1" x14ac:dyDescent="0.15">
      <c r="A118" s="5">
        <v>93</v>
      </c>
      <c r="B118" s="22">
        <v>8</v>
      </c>
      <c r="C118" s="14">
        <v>23</v>
      </c>
      <c r="D118" s="18">
        <v>31</v>
      </c>
    </row>
    <row r="119" spans="1:4" ht="18" customHeight="1" x14ac:dyDescent="0.15">
      <c r="A119" s="5">
        <v>94</v>
      </c>
      <c r="B119" s="22">
        <v>7</v>
      </c>
      <c r="C119" s="14">
        <v>11</v>
      </c>
      <c r="D119" s="18">
        <v>18</v>
      </c>
    </row>
    <row r="120" spans="1:4" ht="18" customHeight="1" x14ac:dyDescent="0.15">
      <c r="A120" s="5" t="s">
        <v>39</v>
      </c>
      <c r="B120" s="22">
        <v>41</v>
      </c>
      <c r="C120" s="14">
        <v>106</v>
      </c>
      <c r="D120" s="18">
        <v>147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2</v>
      </c>
      <c r="C122" s="14">
        <v>8</v>
      </c>
      <c r="D122" s="18">
        <v>10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5</v>
      </c>
      <c r="C126" s="14">
        <v>20</v>
      </c>
      <c r="D126" s="18">
        <v>25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7</v>
      </c>
      <c r="D129" s="18">
        <v>7</v>
      </c>
    </row>
    <row r="130" spans="1:4" ht="18" customHeight="1" x14ac:dyDescent="0.15">
      <c r="A130" s="5" t="s">
        <v>46</v>
      </c>
      <c r="B130" s="22">
        <v>969</v>
      </c>
      <c r="C130" s="14">
        <v>1295</v>
      </c>
      <c r="D130" s="18">
        <v>2264</v>
      </c>
    </row>
    <row r="131" spans="1:4" ht="18" customHeight="1" x14ac:dyDescent="0.15">
      <c r="A131" s="7" t="s">
        <v>45</v>
      </c>
      <c r="B131" s="23">
        <v>3265</v>
      </c>
      <c r="C131" s="15">
        <v>3425</v>
      </c>
      <c r="D131" s="19">
        <v>66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4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9</v>
      </c>
      <c r="C5" s="13">
        <v>7</v>
      </c>
      <c r="D5" s="17">
        <v>16</v>
      </c>
    </row>
    <row r="6" spans="1:4" ht="18" customHeight="1" x14ac:dyDescent="0.15">
      <c r="A6" s="5">
        <v>1</v>
      </c>
      <c r="B6" s="22">
        <v>10</v>
      </c>
      <c r="C6" s="14">
        <v>9</v>
      </c>
      <c r="D6" s="18">
        <v>19</v>
      </c>
    </row>
    <row r="7" spans="1:4" ht="18" customHeight="1" x14ac:dyDescent="0.15">
      <c r="A7" s="5">
        <v>2</v>
      </c>
      <c r="B7" s="22">
        <v>15</v>
      </c>
      <c r="C7" s="14">
        <v>12</v>
      </c>
      <c r="D7" s="18">
        <v>27</v>
      </c>
    </row>
    <row r="8" spans="1:4" ht="18" customHeight="1" x14ac:dyDescent="0.15">
      <c r="A8" s="5">
        <v>3</v>
      </c>
      <c r="B8" s="22">
        <v>11</v>
      </c>
      <c r="C8" s="14">
        <v>12</v>
      </c>
      <c r="D8" s="18">
        <v>23</v>
      </c>
    </row>
    <row r="9" spans="1:4" ht="18" customHeight="1" x14ac:dyDescent="0.15">
      <c r="A9" s="5">
        <v>4</v>
      </c>
      <c r="B9" s="22">
        <v>17</v>
      </c>
      <c r="C9" s="14">
        <v>12</v>
      </c>
      <c r="D9" s="18">
        <v>29</v>
      </c>
    </row>
    <row r="10" spans="1:4" ht="18" customHeight="1" x14ac:dyDescent="0.15">
      <c r="A10" s="5" t="s">
        <v>7</v>
      </c>
      <c r="B10" s="22">
        <v>62</v>
      </c>
      <c r="C10" s="14">
        <v>52</v>
      </c>
      <c r="D10" s="18">
        <v>114</v>
      </c>
    </row>
    <row r="11" spans="1:4" ht="18" customHeight="1" x14ac:dyDescent="0.15">
      <c r="A11" s="5">
        <v>5</v>
      </c>
      <c r="B11" s="22">
        <v>7</v>
      </c>
      <c r="C11" s="14">
        <v>16</v>
      </c>
      <c r="D11" s="18">
        <v>23</v>
      </c>
    </row>
    <row r="12" spans="1:4" ht="18" customHeight="1" x14ac:dyDescent="0.15">
      <c r="A12" s="5">
        <v>6</v>
      </c>
      <c r="B12" s="22">
        <v>18</v>
      </c>
      <c r="C12" s="14">
        <v>14</v>
      </c>
      <c r="D12" s="18">
        <v>32</v>
      </c>
    </row>
    <row r="13" spans="1:4" ht="18" customHeight="1" x14ac:dyDescent="0.15">
      <c r="A13" s="5">
        <v>7</v>
      </c>
      <c r="B13" s="22">
        <v>14</v>
      </c>
      <c r="C13" s="14">
        <v>10</v>
      </c>
      <c r="D13" s="18">
        <v>24</v>
      </c>
    </row>
    <row r="14" spans="1:4" ht="18" customHeight="1" x14ac:dyDescent="0.15">
      <c r="A14" s="5">
        <v>8</v>
      </c>
      <c r="B14" s="22">
        <v>20</v>
      </c>
      <c r="C14" s="14">
        <v>15</v>
      </c>
      <c r="D14" s="18">
        <v>35</v>
      </c>
    </row>
    <row r="15" spans="1:4" ht="18" customHeight="1" x14ac:dyDescent="0.15">
      <c r="A15" s="5">
        <v>9</v>
      </c>
      <c r="B15" s="22">
        <v>22</v>
      </c>
      <c r="C15" s="14">
        <v>12</v>
      </c>
      <c r="D15" s="18">
        <v>34</v>
      </c>
    </row>
    <row r="16" spans="1:4" ht="18" customHeight="1" x14ac:dyDescent="0.15">
      <c r="A16" s="5" t="s">
        <v>11</v>
      </c>
      <c r="B16" s="22">
        <v>81</v>
      </c>
      <c r="C16" s="14">
        <v>67</v>
      </c>
      <c r="D16" s="18">
        <v>148</v>
      </c>
    </row>
    <row r="17" spans="1:4" ht="18" customHeight="1" x14ac:dyDescent="0.15">
      <c r="A17" s="5">
        <v>10</v>
      </c>
      <c r="B17" s="22">
        <v>18</v>
      </c>
      <c r="C17" s="14">
        <v>20</v>
      </c>
      <c r="D17" s="18">
        <v>38</v>
      </c>
    </row>
    <row r="18" spans="1:4" ht="18" customHeight="1" x14ac:dyDescent="0.15">
      <c r="A18" s="5">
        <v>11</v>
      </c>
      <c r="B18" s="22">
        <v>21</v>
      </c>
      <c r="C18" s="14">
        <v>26</v>
      </c>
      <c r="D18" s="18">
        <v>47</v>
      </c>
    </row>
    <row r="19" spans="1:4" ht="18" customHeight="1" x14ac:dyDescent="0.15">
      <c r="A19" s="5">
        <v>12</v>
      </c>
      <c r="B19" s="22">
        <v>20</v>
      </c>
      <c r="C19" s="14">
        <v>21</v>
      </c>
      <c r="D19" s="18">
        <v>41</v>
      </c>
    </row>
    <row r="20" spans="1:4" ht="18" customHeight="1" x14ac:dyDescent="0.15">
      <c r="A20" s="5">
        <v>13</v>
      </c>
      <c r="B20" s="22">
        <v>27</v>
      </c>
      <c r="C20" s="14">
        <v>19</v>
      </c>
      <c r="D20" s="18">
        <v>46</v>
      </c>
    </row>
    <row r="21" spans="1:4" ht="18" customHeight="1" x14ac:dyDescent="0.15">
      <c r="A21" s="5">
        <v>14</v>
      </c>
      <c r="B21" s="22">
        <v>29</v>
      </c>
      <c r="C21" s="14">
        <v>25</v>
      </c>
      <c r="D21" s="18">
        <v>54</v>
      </c>
    </row>
    <row r="22" spans="1:4" ht="18" customHeight="1" x14ac:dyDescent="0.15">
      <c r="A22" s="5" t="s">
        <v>12</v>
      </c>
      <c r="B22" s="22">
        <v>115</v>
      </c>
      <c r="C22" s="14">
        <v>111</v>
      </c>
      <c r="D22" s="18">
        <v>226</v>
      </c>
    </row>
    <row r="23" spans="1:4" ht="18" customHeight="1" x14ac:dyDescent="0.15">
      <c r="A23" s="5" t="s">
        <v>6</v>
      </c>
      <c r="B23" s="22">
        <v>258</v>
      </c>
      <c r="C23" s="14">
        <v>230</v>
      </c>
      <c r="D23" s="18">
        <v>488</v>
      </c>
    </row>
    <row r="24" spans="1:4" ht="18" customHeight="1" x14ac:dyDescent="0.15">
      <c r="A24" s="5">
        <v>15</v>
      </c>
      <c r="B24" s="22">
        <v>19</v>
      </c>
      <c r="C24" s="14">
        <v>32</v>
      </c>
      <c r="D24" s="18">
        <v>51</v>
      </c>
    </row>
    <row r="25" spans="1:4" ht="18" customHeight="1" x14ac:dyDescent="0.15">
      <c r="A25" s="5">
        <v>16</v>
      </c>
      <c r="B25" s="22">
        <v>28</v>
      </c>
      <c r="C25" s="14">
        <v>26</v>
      </c>
      <c r="D25" s="18">
        <v>54</v>
      </c>
    </row>
    <row r="26" spans="1:4" ht="18" customHeight="1" x14ac:dyDescent="0.15">
      <c r="A26" s="5">
        <v>17</v>
      </c>
      <c r="B26" s="22">
        <v>22</v>
      </c>
      <c r="C26" s="14">
        <v>23</v>
      </c>
      <c r="D26" s="18">
        <v>45</v>
      </c>
    </row>
    <row r="27" spans="1:4" ht="18" customHeight="1" x14ac:dyDescent="0.15">
      <c r="A27" s="5">
        <v>18</v>
      </c>
      <c r="B27" s="22">
        <v>37</v>
      </c>
      <c r="C27" s="14">
        <v>30</v>
      </c>
      <c r="D27" s="18">
        <v>67</v>
      </c>
    </row>
    <row r="28" spans="1:4" ht="18" customHeight="1" x14ac:dyDescent="0.15">
      <c r="A28" s="5">
        <v>19</v>
      </c>
      <c r="B28" s="22">
        <v>28</v>
      </c>
      <c r="C28" s="14">
        <v>26</v>
      </c>
      <c r="D28" s="18">
        <v>54</v>
      </c>
    </row>
    <row r="29" spans="1:4" ht="18" customHeight="1" x14ac:dyDescent="0.15">
      <c r="A29" s="5" t="s">
        <v>14</v>
      </c>
      <c r="B29" s="22">
        <v>134</v>
      </c>
      <c r="C29" s="14">
        <v>137</v>
      </c>
      <c r="D29" s="18">
        <v>271</v>
      </c>
    </row>
    <row r="30" spans="1:4" ht="18" customHeight="1" x14ac:dyDescent="0.15">
      <c r="A30" s="5">
        <v>20</v>
      </c>
      <c r="B30" s="22">
        <v>24</v>
      </c>
      <c r="C30" s="14">
        <v>32</v>
      </c>
      <c r="D30" s="18">
        <v>56</v>
      </c>
    </row>
    <row r="31" spans="1:4" ht="18" customHeight="1" x14ac:dyDescent="0.15">
      <c r="A31" s="5">
        <v>21</v>
      </c>
      <c r="B31" s="22">
        <v>29</v>
      </c>
      <c r="C31" s="14">
        <v>22</v>
      </c>
      <c r="D31" s="18">
        <v>51</v>
      </c>
    </row>
    <row r="32" spans="1:4" ht="18" customHeight="1" x14ac:dyDescent="0.15">
      <c r="A32" s="5">
        <v>22</v>
      </c>
      <c r="B32" s="22">
        <v>19</v>
      </c>
      <c r="C32" s="14">
        <v>22</v>
      </c>
      <c r="D32" s="18">
        <v>41</v>
      </c>
    </row>
    <row r="33" spans="1:4" ht="18" customHeight="1" x14ac:dyDescent="0.15">
      <c r="A33" s="5">
        <v>23</v>
      </c>
      <c r="B33" s="22">
        <v>29</v>
      </c>
      <c r="C33" s="14">
        <v>17</v>
      </c>
      <c r="D33" s="18">
        <v>46</v>
      </c>
    </row>
    <row r="34" spans="1:4" ht="18" customHeight="1" x14ac:dyDescent="0.15">
      <c r="A34" s="5">
        <v>24</v>
      </c>
      <c r="B34" s="22">
        <v>26</v>
      </c>
      <c r="C34" s="14">
        <v>23</v>
      </c>
      <c r="D34" s="18">
        <v>49</v>
      </c>
    </row>
    <row r="35" spans="1:4" ht="18" customHeight="1" x14ac:dyDescent="0.15">
      <c r="A35" s="5" t="s">
        <v>9</v>
      </c>
      <c r="B35" s="22">
        <v>127</v>
      </c>
      <c r="C35" s="14">
        <v>116</v>
      </c>
      <c r="D35" s="18">
        <v>243</v>
      </c>
    </row>
    <row r="36" spans="1:4" ht="18" customHeight="1" x14ac:dyDescent="0.15">
      <c r="A36" s="5">
        <v>25</v>
      </c>
      <c r="B36" s="22">
        <v>20</v>
      </c>
      <c r="C36" s="14">
        <v>15</v>
      </c>
      <c r="D36" s="18">
        <v>35</v>
      </c>
    </row>
    <row r="37" spans="1:4" ht="18" customHeight="1" x14ac:dyDescent="0.15">
      <c r="A37" s="5">
        <v>26</v>
      </c>
      <c r="B37" s="22">
        <v>18</v>
      </c>
      <c r="C37" s="14">
        <v>15</v>
      </c>
      <c r="D37" s="18">
        <v>33</v>
      </c>
    </row>
    <row r="38" spans="1:4" ht="18" customHeight="1" x14ac:dyDescent="0.15">
      <c r="A38" s="5">
        <v>27</v>
      </c>
      <c r="B38" s="22">
        <v>19</v>
      </c>
      <c r="C38" s="14">
        <v>15</v>
      </c>
      <c r="D38" s="18">
        <v>34</v>
      </c>
    </row>
    <row r="39" spans="1:4" ht="18" customHeight="1" x14ac:dyDescent="0.15">
      <c r="A39" s="5">
        <v>28</v>
      </c>
      <c r="B39" s="22">
        <v>21</v>
      </c>
      <c r="C39" s="14">
        <v>16</v>
      </c>
      <c r="D39" s="18">
        <v>37</v>
      </c>
    </row>
    <row r="40" spans="1:4" ht="18" customHeight="1" x14ac:dyDescent="0.15">
      <c r="A40" s="5">
        <v>29</v>
      </c>
      <c r="B40" s="22">
        <v>19</v>
      </c>
      <c r="C40" s="14">
        <v>15</v>
      </c>
      <c r="D40" s="18">
        <v>34</v>
      </c>
    </row>
    <row r="41" spans="1:4" ht="18" customHeight="1" x14ac:dyDescent="0.15">
      <c r="A41" s="5" t="s">
        <v>2</v>
      </c>
      <c r="B41" s="22">
        <v>97</v>
      </c>
      <c r="C41" s="14">
        <v>76</v>
      </c>
      <c r="D41" s="18">
        <v>173</v>
      </c>
    </row>
    <row r="42" spans="1:4" ht="18" customHeight="1" x14ac:dyDescent="0.15">
      <c r="A42" s="5">
        <v>30</v>
      </c>
      <c r="B42" s="22">
        <v>20</v>
      </c>
      <c r="C42" s="14">
        <v>12</v>
      </c>
      <c r="D42" s="18">
        <v>32</v>
      </c>
    </row>
    <row r="43" spans="1:4" ht="18" customHeight="1" x14ac:dyDescent="0.15">
      <c r="A43" s="5">
        <v>31</v>
      </c>
      <c r="B43" s="22">
        <v>18</v>
      </c>
      <c r="C43" s="14">
        <v>21</v>
      </c>
      <c r="D43" s="18">
        <v>39</v>
      </c>
    </row>
    <row r="44" spans="1:4" ht="18" customHeight="1" x14ac:dyDescent="0.15">
      <c r="A44" s="5">
        <v>32</v>
      </c>
      <c r="B44" s="22">
        <v>21</v>
      </c>
      <c r="C44" s="14">
        <v>15</v>
      </c>
      <c r="D44" s="18">
        <v>36</v>
      </c>
    </row>
    <row r="45" spans="1:4" ht="18" customHeight="1" x14ac:dyDescent="0.15">
      <c r="A45" s="5">
        <v>33</v>
      </c>
      <c r="B45" s="22">
        <v>16</v>
      </c>
      <c r="C45" s="14">
        <v>14</v>
      </c>
      <c r="D45" s="18">
        <v>30</v>
      </c>
    </row>
    <row r="46" spans="1:4" ht="18" customHeight="1" x14ac:dyDescent="0.15">
      <c r="A46" s="5">
        <v>34</v>
      </c>
      <c r="B46" s="22">
        <v>24</v>
      </c>
      <c r="C46" s="14">
        <v>17</v>
      </c>
      <c r="D46" s="18">
        <v>41</v>
      </c>
    </row>
    <row r="47" spans="1:4" ht="18" customHeight="1" x14ac:dyDescent="0.15">
      <c r="A47" s="5" t="s">
        <v>15</v>
      </c>
      <c r="B47" s="22">
        <v>99</v>
      </c>
      <c r="C47" s="14">
        <v>79</v>
      </c>
      <c r="D47" s="18">
        <v>178</v>
      </c>
    </row>
    <row r="48" spans="1:4" ht="18" customHeight="1" x14ac:dyDescent="0.15">
      <c r="A48" s="5">
        <v>35</v>
      </c>
      <c r="B48" s="22">
        <v>13</v>
      </c>
      <c r="C48" s="14">
        <v>11</v>
      </c>
      <c r="D48" s="18">
        <v>24</v>
      </c>
    </row>
    <row r="49" spans="1:4" ht="18" customHeight="1" x14ac:dyDescent="0.15">
      <c r="A49" s="5">
        <v>36</v>
      </c>
      <c r="B49" s="22">
        <v>13</v>
      </c>
      <c r="C49" s="14">
        <v>23</v>
      </c>
      <c r="D49" s="18">
        <v>36</v>
      </c>
    </row>
    <row r="50" spans="1:4" ht="18" customHeight="1" x14ac:dyDescent="0.15">
      <c r="A50" s="5">
        <v>37</v>
      </c>
      <c r="B50" s="22">
        <v>21</v>
      </c>
      <c r="C50" s="14">
        <v>23</v>
      </c>
      <c r="D50" s="18">
        <v>44</v>
      </c>
    </row>
    <row r="51" spans="1:4" ht="18" customHeight="1" x14ac:dyDescent="0.15">
      <c r="A51" s="5">
        <v>38</v>
      </c>
      <c r="B51" s="22">
        <v>24</v>
      </c>
      <c r="C51" s="14">
        <v>20</v>
      </c>
      <c r="D51" s="18">
        <v>44</v>
      </c>
    </row>
    <row r="52" spans="1:4" ht="18" customHeight="1" x14ac:dyDescent="0.15">
      <c r="A52" s="5">
        <v>39</v>
      </c>
      <c r="B52" s="22">
        <v>31</v>
      </c>
      <c r="C52" s="14">
        <v>24</v>
      </c>
      <c r="D52" s="18">
        <v>55</v>
      </c>
    </row>
    <row r="53" spans="1:4" ht="18" customHeight="1" x14ac:dyDescent="0.15">
      <c r="A53" s="5" t="s">
        <v>18</v>
      </c>
      <c r="B53" s="22">
        <v>102</v>
      </c>
      <c r="C53" s="14">
        <v>101</v>
      </c>
      <c r="D53" s="18">
        <v>203</v>
      </c>
    </row>
    <row r="54" spans="1:4" ht="18" customHeight="1" x14ac:dyDescent="0.15">
      <c r="A54" s="5">
        <v>40</v>
      </c>
      <c r="B54" s="22">
        <v>22</v>
      </c>
      <c r="C54" s="14">
        <v>23</v>
      </c>
      <c r="D54" s="18">
        <v>45</v>
      </c>
    </row>
    <row r="55" spans="1:4" ht="18" customHeight="1" x14ac:dyDescent="0.15">
      <c r="A55" s="5">
        <v>41</v>
      </c>
      <c r="B55" s="22">
        <v>24</v>
      </c>
      <c r="C55" s="14">
        <v>24</v>
      </c>
      <c r="D55" s="18">
        <v>48</v>
      </c>
    </row>
    <row r="56" spans="1:4" ht="18" customHeight="1" x14ac:dyDescent="0.15">
      <c r="A56" s="5">
        <v>42</v>
      </c>
      <c r="B56" s="22">
        <v>26</v>
      </c>
      <c r="C56" s="14">
        <v>31</v>
      </c>
      <c r="D56" s="18">
        <v>57</v>
      </c>
    </row>
    <row r="57" spans="1:4" ht="18" customHeight="1" x14ac:dyDescent="0.15">
      <c r="A57" s="5">
        <v>43</v>
      </c>
      <c r="B57" s="22">
        <v>30</v>
      </c>
      <c r="C57" s="14">
        <v>26</v>
      </c>
      <c r="D57" s="18">
        <v>56</v>
      </c>
    </row>
    <row r="58" spans="1:4" ht="18" customHeight="1" x14ac:dyDescent="0.15">
      <c r="A58" s="5">
        <v>44</v>
      </c>
      <c r="B58" s="22">
        <v>33</v>
      </c>
      <c r="C58" s="14">
        <v>33</v>
      </c>
      <c r="D58" s="18">
        <v>66</v>
      </c>
    </row>
    <row r="59" spans="1:4" ht="18" customHeight="1" x14ac:dyDescent="0.15">
      <c r="A59" s="5" t="s">
        <v>21</v>
      </c>
      <c r="B59" s="22">
        <v>135</v>
      </c>
      <c r="C59" s="14">
        <v>137</v>
      </c>
      <c r="D59" s="18">
        <v>272</v>
      </c>
    </row>
    <row r="60" spans="1:4" ht="18" customHeight="1" x14ac:dyDescent="0.15">
      <c r="A60" s="5">
        <v>45</v>
      </c>
      <c r="B60" s="22">
        <v>34</v>
      </c>
      <c r="C60" s="14">
        <v>33</v>
      </c>
      <c r="D60" s="18">
        <v>67</v>
      </c>
    </row>
    <row r="61" spans="1:4" ht="18" customHeight="1" x14ac:dyDescent="0.15">
      <c r="A61" s="5">
        <v>46</v>
      </c>
      <c r="B61" s="22">
        <v>33</v>
      </c>
      <c r="C61" s="14">
        <v>42</v>
      </c>
      <c r="D61" s="18">
        <v>75</v>
      </c>
    </row>
    <row r="62" spans="1:4" ht="18" customHeight="1" x14ac:dyDescent="0.15">
      <c r="A62" s="5">
        <v>47</v>
      </c>
      <c r="B62" s="22">
        <v>53</v>
      </c>
      <c r="C62" s="14">
        <v>46</v>
      </c>
      <c r="D62" s="18">
        <v>99</v>
      </c>
    </row>
    <row r="63" spans="1:4" ht="18" customHeight="1" x14ac:dyDescent="0.15">
      <c r="A63" s="5">
        <v>48</v>
      </c>
      <c r="B63" s="22">
        <v>49</v>
      </c>
      <c r="C63" s="14">
        <v>26</v>
      </c>
      <c r="D63" s="18">
        <v>75</v>
      </c>
    </row>
    <row r="64" spans="1:4" ht="18" customHeight="1" x14ac:dyDescent="0.15">
      <c r="A64" s="5">
        <v>49</v>
      </c>
      <c r="B64" s="22">
        <v>34</v>
      </c>
      <c r="C64" s="14">
        <v>34</v>
      </c>
      <c r="D64" s="18">
        <v>68</v>
      </c>
    </row>
    <row r="65" spans="1:4" ht="18" customHeight="1" x14ac:dyDescent="0.15">
      <c r="A65" s="5" t="s">
        <v>17</v>
      </c>
      <c r="B65" s="22">
        <v>203</v>
      </c>
      <c r="C65" s="14">
        <v>181</v>
      </c>
      <c r="D65" s="18">
        <v>384</v>
      </c>
    </row>
    <row r="66" spans="1:4" ht="18" customHeight="1" x14ac:dyDescent="0.15">
      <c r="A66" s="5">
        <v>50</v>
      </c>
      <c r="B66" s="22">
        <v>54</v>
      </c>
      <c r="C66" s="14">
        <v>38</v>
      </c>
      <c r="D66" s="18">
        <v>92</v>
      </c>
    </row>
    <row r="67" spans="1:4" ht="18" customHeight="1" x14ac:dyDescent="0.15">
      <c r="A67" s="5">
        <v>51</v>
      </c>
      <c r="B67" s="22">
        <v>42</v>
      </c>
      <c r="C67" s="14">
        <v>51</v>
      </c>
      <c r="D67" s="18">
        <v>93</v>
      </c>
    </row>
    <row r="68" spans="1:4" ht="18" customHeight="1" x14ac:dyDescent="0.15">
      <c r="A68" s="5">
        <v>52</v>
      </c>
      <c r="B68" s="22">
        <v>56</v>
      </c>
      <c r="C68" s="14">
        <v>47</v>
      </c>
      <c r="D68" s="18">
        <v>103</v>
      </c>
    </row>
    <row r="69" spans="1:4" ht="18" customHeight="1" x14ac:dyDescent="0.15">
      <c r="A69" s="5">
        <v>53</v>
      </c>
      <c r="B69" s="22">
        <v>50</v>
      </c>
      <c r="C69" s="14">
        <v>52</v>
      </c>
      <c r="D69" s="18">
        <v>102</v>
      </c>
    </row>
    <row r="70" spans="1:4" ht="18" customHeight="1" x14ac:dyDescent="0.15">
      <c r="A70" s="5">
        <v>54</v>
      </c>
      <c r="B70" s="22">
        <v>36</v>
      </c>
      <c r="C70" s="14">
        <v>54</v>
      </c>
      <c r="D70" s="18">
        <v>90</v>
      </c>
    </row>
    <row r="71" spans="1:4" ht="18" customHeight="1" x14ac:dyDescent="0.15">
      <c r="A71" s="5" t="s">
        <v>22</v>
      </c>
      <c r="B71" s="22">
        <v>238</v>
      </c>
      <c r="C71" s="14">
        <v>242</v>
      </c>
      <c r="D71" s="18">
        <v>480</v>
      </c>
    </row>
    <row r="72" spans="1:4" ht="18" customHeight="1" x14ac:dyDescent="0.15">
      <c r="A72" s="5">
        <v>55</v>
      </c>
      <c r="B72" s="22">
        <v>55</v>
      </c>
      <c r="C72" s="14">
        <v>50</v>
      </c>
      <c r="D72" s="18">
        <v>105</v>
      </c>
    </row>
    <row r="73" spans="1:4" ht="18" customHeight="1" x14ac:dyDescent="0.15">
      <c r="A73" s="5">
        <v>56</v>
      </c>
      <c r="B73" s="22">
        <v>57</v>
      </c>
      <c r="C73" s="14">
        <v>48</v>
      </c>
      <c r="D73" s="18">
        <v>105</v>
      </c>
    </row>
    <row r="74" spans="1:4" ht="18" customHeight="1" x14ac:dyDescent="0.15">
      <c r="A74" s="5">
        <v>57</v>
      </c>
      <c r="B74" s="22">
        <v>50</v>
      </c>
      <c r="C74" s="14">
        <v>38</v>
      </c>
      <c r="D74" s="18">
        <v>88</v>
      </c>
    </row>
    <row r="75" spans="1:4" ht="18" customHeight="1" x14ac:dyDescent="0.15">
      <c r="A75" s="5">
        <v>58</v>
      </c>
      <c r="B75" s="22">
        <v>40</v>
      </c>
      <c r="C75" s="14">
        <v>42</v>
      </c>
      <c r="D75" s="18">
        <v>82</v>
      </c>
    </row>
    <row r="76" spans="1:4" ht="18" customHeight="1" x14ac:dyDescent="0.15">
      <c r="A76" s="5">
        <v>59</v>
      </c>
      <c r="B76" s="22">
        <v>33</v>
      </c>
      <c r="C76" s="14">
        <v>41</v>
      </c>
      <c r="D76" s="18">
        <v>74</v>
      </c>
    </row>
    <row r="77" spans="1:4" ht="18" customHeight="1" x14ac:dyDescent="0.15">
      <c r="A77" s="5" t="s">
        <v>27</v>
      </c>
      <c r="B77" s="22">
        <v>235</v>
      </c>
      <c r="C77" s="14">
        <v>219</v>
      </c>
      <c r="D77" s="18">
        <v>454</v>
      </c>
    </row>
    <row r="78" spans="1:4" ht="18" customHeight="1" x14ac:dyDescent="0.15">
      <c r="A78" s="5">
        <v>60</v>
      </c>
      <c r="B78" s="22">
        <v>45</v>
      </c>
      <c r="C78" s="14">
        <v>39</v>
      </c>
      <c r="D78" s="18">
        <v>84</v>
      </c>
    </row>
    <row r="79" spans="1:4" ht="18" customHeight="1" x14ac:dyDescent="0.15">
      <c r="A79" s="5">
        <v>61</v>
      </c>
      <c r="B79" s="22">
        <v>32</v>
      </c>
      <c r="C79" s="14">
        <v>44</v>
      </c>
      <c r="D79" s="18">
        <v>76</v>
      </c>
    </row>
    <row r="80" spans="1:4" ht="18" customHeight="1" x14ac:dyDescent="0.15">
      <c r="A80" s="5">
        <v>62</v>
      </c>
      <c r="B80" s="22">
        <v>30</v>
      </c>
      <c r="C80" s="14">
        <v>40</v>
      </c>
      <c r="D80" s="18">
        <v>70</v>
      </c>
    </row>
    <row r="81" spans="1:4" ht="18" customHeight="1" x14ac:dyDescent="0.15">
      <c r="A81" s="5">
        <v>63</v>
      </c>
      <c r="B81" s="22">
        <v>42</v>
      </c>
      <c r="C81" s="14">
        <v>38</v>
      </c>
      <c r="D81" s="18">
        <v>80</v>
      </c>
    </row>
    <row r="82" spans="1:4" ht="18" customHeight="1" x14ac:dyDescent="0.15">
      <c r="A82" s="5">
        <v>64</v>
      </c>
      <c r="B82" s="22">
        <v>33</v>
      </c>
      <c r="C82" s="14">
        <v>39</v>
      </c>
      <c r="D82" s="18">
        <v>72</v>
      </c>
    </row>
    <row r="83" spans="1:4" ht="18" customHeight="1" x14ac:dyDescent="0.15">
      <c r="A83" s="5" t="s">
        <v>28</v>
      </c>
      <c r="B83" s="22">
        <v>182</v>
      </c>
      <c r="C83" s="14">
        <v>200</v>
      </c>
      <c r="D83" s="18">
        <v>382</v>
      </c>
    </row>
    <row r="84" spans="1:4" ht="18" customHeight="1" x14ac:dyDescent="0.15">
      <c r="A84" s="5" t="s">
        <v>31</v>
      </c>
      <c r="B84" s="22">
        <v>1552</v>
      </c>
      <c r="C84" s="14">
        <v>1488</v>
      </c>
      <c r="D84" s="18">
        <v>3040</v>
      </c>
    </row>
    <row r="85" spans="1:4" ht="18" customHeight="1" x14ac:dyDescent="0.15">
      <c r="A85" s="5">
        <v>65</v>
      </c>
      <c r="B85" s="22">
        <v>37</v>
      </c>
      <c r="C85" s="14">
        <v>40</v>
      </c>
      <c r="D85" s="18">
        <v>77</v>
      </c>
    </row>
    <row r="86" spans="1:4" ht="18" customHeight="1" x14ac:dyDescent="0.15">
      <c r="A86" s="5">
        <v>66</v>
      </c>
      <c r="B86" s="22">
        <v>21</v>
      </c>
      <c r="C86" s="14">
        <v>38</v>
      </c>
      <c r="D86" s="18">
        <v>59</v>
      </c>
    </row>
    <row r="87" spans="1:4" ht="18" customHeight="1" x14ac:dyDescent="0.15">
      <c r="A87" s="5">
        <v>67</v>
      </c>
      <c r="B87" s="22">
        <v>45</v>
      </c>
      <c r="C87" s="14">
        <v>43</v>
      </c>
      <c r="D87" s="18">
        <v>88</v>
      </c>
    </row>
    <row r="88" spans="1:4" ht="18" customHeight="1" x14ac:dyDescent="0.15">
      <c r="A88" s="5">
        <v>68</v>
      </c>
      <c r="B88" s="22">
        <v>41</v>
      </c>
      <c r="C88" s="14">
        <v>43</v>
      </c>
      <c r="D88" s="18">
        <v>84</v>
      </c>
    </row>
    <row r="89" spans="1:4" ht="18" customHeight="1" x14ac:dyDescent="0.15">
      <c r="A89" s="5">
        <v>69</v>
      </c>
      <c r="B89" s="22">
        <v>29</v>
      </c>
      <c r="C89" s="14">
        <v>35</v>
      </c>
      <c r="D89" s="18">
        <v>64</v>
      </c>
    </row>
    <row r="90" spans="1:4" ht="18" customHeight="1" x14ac:dyDescent="0.15">
      <c r="A90" s="5" t="s">
        <v>20</v>
      </c>
      <c r="B90" s="22">
        <v>173</v>
      </c>
      <c r="C90" s="14">
        <v>199</v>
      </c>
      <c r="D90" s="18">
        <v>372</v>
      </c>
    </row>
    <row r="91" spans="1:4" ht="18" customHeight="1" x14ac:dyDescent="0.15">
      <c r="A91" s="5">
        <v>70</v>
      </c>
      <c r="B91" s="22">
        <v>44</v>
      </c>
      <c r="C91" s="14">
        <v>48</v>
      </c>
      <c r="D91" s="18">
        <v>92</v>
      </c>
    </row>
    <row r="92" spans="1:4" ht="18" customHeight="1" x14ac:dyDescent="0.15">
      <c r="A92" s="5">
        <v>71</v>
      </c>
      <c r="B92" s="22">
        <v>33</v>
      </c>
      <c r="C92" s="14">
        <v>47</v>
      </c>
      <c r="D92" s="18">
        <v>80</v>
      </c>
    </row>
    <row r="93" spans="1:4" ht="18" customHeight="1" x14ac:dyDescent="0.15">
      <c r="A93" s="5">
        <v>72</v>
      </c>
      <c r="B93" s="22">
        <v>34</v>
      </c>
      <c r="C93" s="14">
        <v>65</v>
      </c>
      <c r="D93" s="18">
        <v>99</v>
      </c>
    </row>
    <row r="94" spans="1:4" ht="18" customHeight="1" x14ac:dyDescent="0.15">
      <c r="A94" s="5">
        <v>73</v>
      </c>
      <c r="B94" s="22">
        <v>56</v>
      </c>
      <c r="C94" s="14">
        <v>70</v>
      </c>
      <c r="D94" s="18">
        <v>126</v>
      </c>
    </row>
    <row r="95" spans="1:4" ht="18" customHeight="1" x14ac:dyDescent="0.15">
      <c r="A95" s="5">
        <v>74</v>
      </c>
      <c r="B95" s="22">
        <v>52</v>
      </c>
      <c r="C95" s="14">
        <v>67</v>
      </c>
      <c r="D95" s="18">
        <v>119</v>
      </c>
    </row>
    <row r="96" spans="1:4" ht="18" customHeight="1" x14ac:dyDescent="0.15">
      <c r="A96" s="5" t="s">
        <v>33</v>
      </c>
      <c r="B96" s="22">
        <v>219</v>
      </c>
      <c r="C96" s="14">
        <v>297</v>
      </c>
      <c r="D96" s="18">
        <v>516</v>
      </c>
    </row>
    <row r="97" spans="1:4" ht="18" customHeight="1" x14ac:dyDescent="0.15">
      <c r="A97" s="5">
        <v>75</v>
      </c>
      <c r="B97" s="22">
        <v>66</v>
      </c>
      <c r="C97" s="14">
        <v>67</v>
      </c>
      <c r="D97" s="18">
        <v>133</v>
      </c>
    </row>
    <row r="98" spans="1:4" ht="18" customHeight="1" x14ac:dyDescent="0.15">
      <c r="A98" s="5">
        <v>76</v>
      </c>
      <c r="B98" s="22">
        <v>74</v>
      </c>
      <c r="C98" s="14">
        <v>76</v>
      </c>
      <c r="D98" s="18">
        <v>150</v>
      </c>
    </row>
    <row r="99" spans="1:4" ht="18" customHeight="1" x14ac:dyDescent="0.15">
      <c r="A99" s="5">
        <v>77</v>
      </c>
      <c r="B99" s="22">
        <v>71</v>
      </c>
      <c r="C99" s="14">
        <v>70</v>
      </c>
      <c r="D99" s="18">
        <v>141</v>
      </c>
    </row>
    <row r="100" spans="1:4" ht="18" customHeight="1" x14ac:dyDescent="0.15">
      <c r="A100" s="5">
        <v>78</v>
      </c>
      <c r="B100" s="22">
        <v>63</v>
      </c>
      <c r="C100" s="14">
        <v>78</v>
      </c>
      <c r="D100" s="18">
        <v>141</v>
      </c>
    </row>
    <row r="101" spans="1:4" ht="18" customHeight="1" x14ac:dyDescent="0.15">
      <c r="A101" s="5">
        <v>79</v>
      </c>
      <c r="B101" s="22">
        <v>45</v>
      </c>
      <c r="C101" s="14">
        <v>59</v>
      </c>
      <c r="D101" s="18">
        <v>104</v>
      </c>
    </row>
    <row r="102" spans="1:4" ht="18" customHeight="1" x14ac:dyDescent="0.15">
      <c r="A102" s="5" t="s">
        <v>0</v>
      </c>
      <c r="B102" s="22">
        <v>319</v>
      </c>
      <c r="C102" s="14">
        <v>350</v>
      </c>
      <c r="D102" s="18">
        <v>669</v>
      </c>
    </row>
    <row r="103" spans="1:4" ht="18" customHeight="1" x14ac:dyDescent="0.15">
      <c r="A103" s="5">
        <v>80</v>
      </c>
      <c r="B103" s="22">
        <v>34</v>
      </c>
      <c r="C103" s="14">
        <v>56</v>
      </c>
      <c r="D103" s="18">
        <v>90</v>
      </c>
    </row>
    <row r="104" spans="1:4" ht="18" customHeight="1" x14ac:dyDescent="0.15">
      <c r="A104" s="5">
        <v>81</v>
      </c>
      <c r="B104" s="22">
        <v>51</v>
      </c>
      <c r="C104" s="14">
        <v>51</v>
      </c>
      <c r="D104" s="18">
        <v>102</v>
      </c>
    </row>
    <row r="105" spans="1:4" ht="18" customHeight="1" x14ac:dyDescent="0.15">
      <c r="A105" s="5">
        <v>82</v>
      </c>
      <c r="B105" s="22">
        <v>42</v>
      </c>
      <c r="C105" s="14">
        <v>44</v>
      </c>
      <c r="D105" s="18">
        <v>86</v>
      </c>
    </row>
    <row r="106" spans="1:4" ht="18" customHeight="1" x14ac:dyDescent="0.15">
      <c r="A106" s="5">
        <v>83</v>
      </c>
      <c r="B106" s="22">
        <v>43</v>
      </c>
      <c r="C106" s="14">
        <v>42</v>
      </c>
      <c r="D106" s="18">
        <v>85</v>
      </c>
    </row>
    <row r="107" spans="1:4" ht="18" customHeight="1" x14ac:dyDescent="0.15">
      <c r="A107" s="5">
        <v>84</v>
      </c>
      <c r="B107" s="22">
        <v>31</v>
      </c>
      <c r="C107" s="14">
        <v>51</v>
      </c>
      <c r="D107" s="18">
        <v>82</v>
      </c>
    </row>
    <row r="108" spans="1:4" ht="18" customHeight="1" x14ac:dyDescent="0.15">
      <c r="A108" s="5" t="s">
        <v>35</v>
      </c>
      <c r="B108" s="22">
        <v>201</v>
      </c>
      <c r="C108" s="14">
        <v>244</v>
      </c>
      <c r="D108" s="18">
        <v>445</v>
      </c>
    </row>
    <row r="109" spans="1:4" ht="18" customHeight="1" x14ac:dyDescent="0.15">
      <c r="A109" s="5">
        <v>85</v>
      </c>
      <c r="B109" s="22">
        <v>30</v>
      </c>
      <c r="C109" s="14">
        <v>43</v>
      </c>
      <c r="D109" s="18">
        <v>73</v>
      </c>
    </row>
    <row r="110" spans="1:4" ht="18" customHeight="1" x14ac:dyDescent="0.15">
      <c r="A110" s="5">
        <v>86</v>
      </c>
      <c r="B110" s="22">
        <v>24</v>
      </c>
      <c r="C110" s="14">
        <v>32</v>
      </c>
      <c r="D110" s="18">
        <v>56</v>
      </c>
    </row>
    <row r="111" spans="1:4" ht="18" customHeight="1" x14ac:dyDescent="0.15">
      <c r="A111" s="5">
        <v>87</v>
      </c>
      <c r="B111" s="22">
        <v>20</v>
      </c>
      <c r="C111" s="14">
        <v>27</v>
      </c>
      <c r="D111" s="18">
        <v>47</v>
      </c>
    </row>
    <row r="112" spans="1:4" ht="18" customHeight="1" x14ac:dyDescent="0.15">
      <c r="A112" s="5">
        <v>88</v>
      </c>
      <c r="B112" s="22">
        <v>19</v>
      </c>
      <c r="C112" s="14">
        <v>26</v>
      </c>
      <c r="D112" s="18">
        <v>45</v>
      </c>
    </row>
    <row r="113" spans="1:4" ht="18" customHeight="1" x14ac:dyDescent="0.15">
      <c r="A113" s="5">
        <v>89</v>
      </c>
      <c r="B113" s="22">
        <v>11</v>
      </c>
      <c r="C113" s="14">
        <v>26</v>
      </c>
      <c r="D113" s="18">
        <v>37</v>
      </c>
    </row>
    <row r="114" spans="1:4" ht="18" customHeight="1" x14ac:dyDescent="0.15">
      <c r="A114" s="5" t="s">
        <v>37</v>
      </c>
      <c r="B114" s="22">
        <v>104</v>
      </c>
      <c r="C114" s="14">
        <v>154</v>
      </c>
      <c r="D114" s="18">
        <v>258</v>
      </c>
    </row>
    <row r="115" spans="1:4" ht="18" customHeight="1" x14ac:dyDescent="0.15">
      <c r="A115" s="5">
        <v>90</v>
      </c>
      <c r="B115" s="22">
        <v>5</v>
      </c>
      <c r="C115" s="14">
        <v>27</v>
      </c>
      <c r="D115" s="18">
        <v>32</v>
      </c>
    </row>
    <row r="116" spans="1:4" ht="18" customHeight="1" x14ac:dyDescent="0.15">
      <c r="A116" s="5">
        <v>91</v>
      </c>
      <c r="B116" s="22">
        <v>12</v>
      </c>
      <c r="C116" s="14">
        <v>16</v>
      </c>
      <c r="D116" s="18">
        <v>28</v>
      </c>
    </row>
    <row r="117" spans="1:4" ht="18" customHeight="1" x14ac:dyDescent="0.15">
      <c r="A117" s="5">
        <v>92</v>
      </c>
      <c r="B117" s="22">
        <v>5</v>
      </c>
      <c r="C117" s="14">
        <v>11</v>
      </c>
      <c r="D117" s="18">
        <v>16</v>
      </c>
    </row>
    <row r="118" spans="1:4" ht="18" customHeight="1" x14ac:dyDescent="0.15">
      <c r="A118" s="5">
        <v>93</v>
      </c>
      <c r="B118" s="22">
        <v>4</v>
      </c>
      <c r="C118" s="14">
        <v>11</v>
      </c>
      <c r="D118" s="18">
        <v>15</v>
      </c>
    </row>
    <row r="119" spans="1:4" ht="18" customHeight="1" x14ac:dyDescent="0.15">
      <c r="A119" s="5">
        <v>94</v>
      </c>
      <c r="B119" s="22">
        <v>3</v>
      </c>
      <c r="C119" s="14">
        <v>10</v>
      </c>
      <c r="D119" s="18">
        <v>13</v>
      </c>
    </row>
    <row r="120" spans="1:4" ht="18" customHeight="1" x14ac:dyDescent="0.15">
      <c r="A120" s="5" t="s">
        <v>39</v>
      </c>
      <c r="B120" s="22">
        <v>29</v>
      </c>
      <c r="C120" s="14">
        <v>75</v>
      </c>
      <c r="D120" s="18">
        <v>104</v>
      </c>
    </row>
    <row r="121" spans="1:4" ht="18" customHeight="1" x14ac:dyDescent="0.15">
      <c r="A121" s="5">
        <v>95</v>
      </c>
      <c r="B121" s="22">
        <v>4</v>
      </c>
      <c r="C121" s="14">
        <v>13</v>
      </c>
      <c r="D121" s="18">
        <v>17</v>
      </c>
    </row>
    <row r="122" spans="1:4" ht="18" customHeight="1" x14ac:dyDescent="0.15">
      <c r="A122" s="5">
        <v>96</v>
      </c>
      <c r="B122" s="22">
        <v>1</v>
      </c>
      <c r="C122" s="14">
        <v>9</v>
      </c>
      <c r="D122" s="18">
        <v>10</v>
      </c>
    </row>
    <row r="123" spans="1:4" ht="18" customHeight="1" x14ac:dyDescent="0.15">
      <c r="A123" s="5">
        <v>97</v>
      </c>
      <c r="B123" s="22">
        <v>3</v>
      </c>
      <c r="C123" s="14">
        <v>7</v>
      </c>
      <c r="D123" s="18">
        <v>10</v>
      </c>
    </row>
    <row r="124" spans="1:4" ht="18" customHeight="1" x14ac:dyDescent="0.15">
      <c r="A124" s="5">
        <v>98</v>
      </c>
      <c r="B124" s="22">
        <v>2</v>
      </c>
      <c r="C124" s="14">
        <v>3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4</v>
      </c>
      <c r="D125" s="18">
        <v>4</v>
      </c>
    </row>
    <row r="126" spans="1:4" ht="18" customHeight="1" x14ac:dyDescent="0.15">
      <c r="A126" s="5" t="s">
        <v>40</v>
      </c>
      <c r="B126" s="22">
        <v>10</v>
      </c>
      <c r="C126" s="14">
        <v>36</v>
      </c>
      <c r="D126" s="18">
        <v>46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2</v>
      </c>
      <c r="C128" s="14">
        <v>3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4</v>
      </c>
      <c r="D129" s="18">
        <v>6</v>
      </c>
    </row>
    <row r="130" spans="1:4" ht="18" customHeight="1" x14ac:dyDescent="0.15">
      <c r="A130" s="5" t="s">
        <v>46</v>
      </c>
      <c r="B130" s="22">
        <v>1057</v>
      </c>
      <c r="C130" s="14">
        <v>1359</v>
      </c>
      <c r="D130" s="18">
        <v>2416</v>
      </c>
    </row>
    <row r="131" spans="1:4" ht="18" customHeight="1" x14ac:dyDescent="0.15">
      <c r="A131" s="7" t="s">
        <v>45</v>
      </c>
      <c r="B131" s="23">
        <v>2867</v>
      </c>
      <c r="C131" s="15">
        <v>3077</v>
      </c>
      <c r="D131" s="19">
        <v>59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4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1</v>
      </c>
      <c r="C5" s="13">
        <v>7</v>
      </c>
      <c r="D5" s="17">
        <v>18</v>
      </c>
    </row>
    <row r="6" spans="1:4" ht="18" customHeight="1" x14ac:dyDescent="0.15">
      <c r="A6" s="5">
        <v>1</v>
      </c>
      <c r="B6" s="22">
        <v>8</v>
      </c>
      <c r="C6" s="14">
        <v>6</v>
      </c>
      <c r="D6" s="18">
        <v>14</v>
      </c>
    </row>
    <row r="7" spans="1:4" ht="18" customHeight="1" x14ac:dyDescent="0.15">
      <c r="A7" s="5">
        <v>2</v>
      </c>
      <c r="B7" s="22">
        <v>6</v>
      </c>
      <c r="C7" s="14">
        <v>11</v>
      </c>
      <c r="D7" s="18">
        <v>17</v>
      </c>
    </row>
    <row r="8" spans="1:4" ht="18" customHeight="1" x14ac:dyDescent="0.15">
      <c r="A8" s="5">
        <v>3</v>
      </c>
      <c r="B8" s="22">
        <v>7</v>
      </c>
      <c r="C8" s="14">
        <v>7</v>
      </c>
      <c r="D8" s="18">
        <v>14</v>
      </c>
    </row>
    <row r="9" spans="1:4" ht="18" customHeight="1" x14ac:dyDescent="0.15">
      <c r="A9" s="5">
        <v>4</v>
      </c>
      <c r="B9" s="22">
        <v>7</v>
      </c>
      <c r="C9" s="14">
        <v>7</v>
      </c>
      <c r="D9" s="18">
        <v>14</v>
      </c>
    </row>
    <row r="10" spans="1:4" ht="18" customHeight="1" x14ac:dyDescent="0.15">
      <c r="A10" s="5" t="s">
        <v>7</v>
      </c>
      <c r="B10" s="22">
        <v>39</v>
      </c>
      <c r="C10" s="14">
        <v>38</v>
      </c>
      <c r="D10" s="18">
        <v>77</v>
      </c>
    </row>
    <row r="11" spans="1:4" ht="18" customHeight="1" x14ac:dyDescent="0.15">
      <c r="A11" s="5">
        <v>5</v>
      </c>
      <c r="B11" s="22">
        <v>6</v>
      </c>
      <c r="C11" s="14">
        <v>4</v>
      </c>
      <c r="D11" s="18">
        <v>10</v>
      </c>
    </row>
    <row r="12" spans="1:4" ht="18" customHeight="1" x14ac:dyDescent="0.15">
      <c r="A12" s="5">
        <v>6</v>
      </c>
      <c r="B12" s="22">
        <v>8</v>
      </c>
      <c r="C12" s="14">
        <v>11</v>
      </c>
      <c r="D12" s="18">
        <v>19</v>
      </c>
    </row>
    <row r="13" spans="1:4" ht="18" customHeight="1" x14ac:dyDescent="0.15">
      <c r="A13" s="5">
        <v>7</v>
      </c>
      <c r="B13" s="22">
        <v>5</v>
      </c>
      <c r="C13" s="14">
        <v>4</v>
      </c>
      <c r="D13" s="18">
        <v>9</v>
      </c>
    </row>
    <row r="14" spans="1:4" ht="18" customHeight="1" x14ac:dyDescent="0.15">
      <c r="A14" s="5">
        <v>8</v>
      </c>
      <c r="B14" s="22">
        <v>7</v>
      </c>
      <c r="C14" s="14">
        <v>10</v>
      </c>
      <c r="D14" s="18">
        <v>17</v>
      </c>
    </row>
    <row r="15" spans="1:4" ht="18" customHeight="1" x14ac:dyDescent="0.15">
      <c r="A15" s="5">
        <v>9</v>
      </c>
      <c r="B15" s="22">
        <v>5</v>
      </c>
      <c r="C15" s="14">
        <v>2</v>
      </c>
      <c r="D15" s="18">
        <v>7</v>
      </c>
    </row>
    <row r="16" spans="1:4" ht="18" customHeight="1" x14ac:dyDescent="0.15">
      <c r="A16" s="5" t="s">
        <v>11</v>
      </c>
      <c r="B16" s="22">
        <v>31</v>
      </c>
      <c r="C16" s="14">
        <v>31</v>
      </c>
      <c r="D16" s="18">
        <v>62</v>
      </c>
    </row>
    <row r="17" spans="1:4" ht="18" customHeight="1" x14ac:dyDescent="0.15">
      <c r="A17" s="5">
        <v>10</v>
      </c>
      <c r="B17" s="22">
        <v>9</v>
      </c>
      <c r="C17" s="14">
        <v>3</v>
      </c>
      <c r="D17" s="18">
        <v>12</v>
      </c>
    </row>
    <row r="18" spans="1:4" ht="18" customHeight="1" x14ac:dyDescent="0.15">
      <c r="A18" s="5">
        <v>11</v>
      </c>
      <c r="B18" s="22">
        <v>9</v>
      </c>
      <c r="C18" s="14">
        <v>7</v>
      </c>
      <c r="D18" s="18">
        <v>16</v>
      </c>
    </row>
    <row r="19" spans="1:4" ht="18" customHeight="1" x14ac:dyDescent="0.15">
      <c r="A19" s="5">
        <v>12</v>
      </c>
      <c r="B19" s="22">
        <v>16</v>
      </c>
      <c r="C19" s="14">
        <v>8</v>
      </c>
      <c r="D19" s="18">
        <v>24</v>
      </c>
    </row>
    <row r="20" spans="1:4" ht="18" customHeight="1" x14ac:dyDescent="0.15">
      <c r="A20" s="5">
        <v>13</v>
      </c>
      <c r="B20" s="22">
        <v>13</v>
      </c>
      <c r="C20" s="14">
        <v>9</v>
      </c>
      <c r="D20" s="18">
        <v>22</v>
      </c>
    </row>
    <row r="21" spans="1:4" ht="18" customHeight="1" x14ac:dyDescent="0.15">
      <c r="A21" s="5">
        <v>14</v>
      </c>
      <c r="B21" s="22">
        <v>13</v>
      </c>
      <c r="C21" s="14">
        <v>10</v>
      </c>
      <c r="D21" s="18">
        <v>23</v>
      </c>
    </row>
    <row r="22" spans="1:4" ht="18" customHeight="1" x14ac:dyDescent="0.15">
      <c r="A22" s="5" t="s">
        <v>12</v>
      </c>
      <c r="B22" s="22">
        <v>60</v>
      </c>
      <c r="C22" s="14">
        <v>37</v>
      </c>
      <c r="D22" s="18">
        <v>97</v>
      </c>
    </row>
    <row r="23" spans="1:4" ht="18" customHeight="1" x14ac:dyDescent="0.15">
      <c r="A23" s="5" t="s">
        <v>6</v>
      </c>
      <c r="B23" s="22">
        <v>130</v>
      </c>
      <c r="C23" s="14">
        <v>106</v>
      </c>
      <c r="D23" s="18">
        <v>236</v>
      </c>
    </row>
    <row r="24" spans="1:4" ht="18" customHeight="1" x14ac:dyDescent="0.15">
      <c r="A24" s="5">
        <v>15</v>
      </c>
      <c r="B24" s="22">
        <v>15</v>
      </c>
      <c r="C24" s="14">
        <v>12</v>
      </c>
      <c r="D24" s="18">
        <v>27</v>
      </c>
    </row>
    <row r="25" spans="1:4" ht="18" customHeight="1" x14ac:dyDescent="0.15">
      <c r="A25" s="5">
        <v>16</v>
      </c>
      <c r="B25" s="22">
        <v>15</v>
      </c>
      <c r="C25" s="14">
        <v>11</v>
      </c>
      <c r="D25" s="18">
        <v>26</v>
      </c>
    </row>
    <row r="26" spans="1:4" ht="18" customHeight="1" x14ac:dyDescent="0.15">
      <c r="A26" s="5">
        <v>17</v>
      </c>
      <c r="B26" s="22">
        <v>15</v>
      </c>
      <c r="C26" s="14">
        <v>14</v>
      </c>
      <c r="D26" s="18">
        <v>29</v>
      </c>
    </row>
    <row r="27" spans="1:4" ht="18" customHeight="1" x14ac:dyDescent="0.15">
      <c r="A27" s="5">
        <v>18</v>
      </c>
      <c r="B27" s="22">
        <v>19</v>
      </c>
      <c r="C27" s="14">
        <v>20</v>
      </c>
      <c r="D27" s="18">
        <v>39</v>
      </c>
    </row>
    <row r="28" spans="1:4" ht="18" customHeight="1" x14ac:dyDescent="0.15">
      <c r="A28" s="5">
        <v>19</v>
      </c>
      <c r="B28" s="22">
        <v>16</v>
      </c>
      <c r="C28" s="14">
        <v>12</v>
      </c>
      <c r="D28" s="18">
        <v>28</v>
      </c>
    </row>
    <row r="29" spans="1:4" ht="18" customHeight="1" x14ac:dyDescent="0.15">
      <c r="A29" s="5" t="s">
        <v>14</v>
      </c>
      <c r="B29" s="22">
        <v>80</v>
      </c>
      <c r="C29" s="14">
        <v>69</v>
      </c>
      <c r="D29" s="18">
        <v>149</v>
      </c>
    </row>
    <row r="30" spans="1:4" ht="18" customHeight="1" x14ac:dyDescent="0.15">
      <c r="A30" s="5">
        <v>20</v>
      </c>
      <c r="B30" s="22">
        <v>22</v>
      </c>
      <c r="C30" s="14">
        <v>11</v>
      </c>
      <c r="D30" s="18">
        <v>33</v>
      </c>
    </row>
    <row r="31" spans="1:4" ht="18" customHeight="1" x14ac:dyDescent="0.15">
      <c r="A31" s="5">
        <v>21</v>
      </c>
      <c r="B31" s="22">
        <v>17</v>
      </c>
      <c r="C31" s="14">
        <v>14</v>
      </c>
      <c r="D31" s="18">
        <v>31</v>
      </c>
    </row>
    <row r="32" spans="1:4" ht="18" customHeight="1" x14ac:dyDescent="0.15">
      <c r="A32" s="5">
        <v>22</v>
      </c>
      <c r="B32" s="22">
        <v>20</v>
      </c>
      <c r="C32" s="14">
        <v>17</v>
      </c>
      <c r="D32" s="18">
        <v>37</v>
      </c>
    </row>
    <row r="33" spans="1:4" ht="18" customHeight="1" x14ac:dyDescent="0.15">
      <c r="A33" s="5">
        <v>23</v>
      </c>
      <c r="B33" s="22">
        <v>22</v>
      </c>
      <c r="C33" s="14">
        <v>19</v>
      </c>
      <c r="D33" s="18">
        <v>41</v>
      </c>
    </row>
    <row r="34" spans="1:4" ht="18" customHeight="1" x14ac:dyDescent="0.15">
      <c r="A34" s="5">
        <v>24</v>
      </c>
      <c r="B34" s="22">
        <v>22</v>
      </c>
      <c r="C34" s="14">
        <v>12</v>
      </c>
      <c r="D34" s="18">
        <v>34</v>
      </c>
    </row>
    <row r="35" spans="1:4" ht="18" customHeight="1" x14ac:dyDescent="0.15">
      <c r="A35" s="5" t="s">
        <v>9</v>
      </c>
      <c r="B35" s="22">
        <v>103</v>
      </c>
      <c r="C35" s="14">
        <v>73</v>
      </c>
      <c r="D35" s="18">
        <v>176</v>
      </c>
    </row>
    <row r="36" spans="1:4" ht="18" customHeight="1" x14ac:dyDescent="0.15">
      <c r="A36" s="5">
        <v>25</v>
      </c>
      <c r="B36" s="22">
        <v>25</v>
      </c>
      <c r="C36" s="14">
        <v>28</v>
      </c>
      <c r="D36" s="18">
        <v>53</v>
      </c>
    </row>
    <row r="37" spans="1:4" ht="18" customHeight="1" x14ac:dyDescent="0.15">
      <c r="A37" s="5">
        <v>26</v>
      </c>
      <c r="B37" s="22">
        <v>15</v>
      </c>
      <c r="C37" s="14">
        <v>18</v>
      </c>
      <c r="D37" s="18">
        <v>33</v>
      </c>
    </row>
    <row r="38" spans="1:4" ht="18" customHeight="1" x14ac:dyDescent="0.15">
      <c r="A38" s="5">
        <v>27</v>
      </c>
      <c r="B38" s="22">
        <v>10</v>
      </c>
      <c r="C38" s="14">
        <v>20</v>
      </c>
      <c r="D38" s="18">
        <v>30</v>
      </c>
    </row>
    <row r="39" spans="1:4" ht="18" customHeight="1" x14ac:dyDescent="0.15">
      <c r="A39" s="5">
        <v>28</v>
      </c>
      <c r="B39" s="22">
        <v>24</v>
      </c>
      <c r="C39" s="14">
        <v>13</v>
      </c>
      <c r="D39" s="18">
        <v>37</v>
      </c>
    </row>
    <row r="40" spans="1:4" ht="18" customHeight="1" x14ac:dyDescent="0.15">
      <c r="A40" s="5">
        <v>29</v>
      </c>
      <c r="B40" s="22">
        <v>17</v>
      </c>
      <c r="C40" s="14">
        <v>12</v>
      </c>
      <c r="D40" s="18">
        <v>29</v>
      </c>
    </row>
    <row r="41" spans="1:4" ht="18" customHeight="1" x14ac:dyDescent="0.15">
      <c r="A41" s="5" t="s">
        <v>2</v>
      </c>
      <c r="B41" s="22">
        <v>91</v>
      </c>
      <c r="C41" s="14">
        <v>91</v>
      </c>
      <c r="D41" s="18">
        <v>182</v>
      </c>
    </row>
    <row r="42" spans="1:4" ht="18" customHeight="1" x14ac:dyDescent="0.15">
      <c r="A42" s="5">
        <v>30</v>
      </c>
      <c r="B42" s="22">
        <v>18</v>
      </c>
      <c r="C42" s="14">
        <v>10</v>
      </c>
      <c r="D42" s="18">
        <v>28</v>
      </c>
    </row>
    <row r="43" spans="1:4" ht="18" customHeight="1" x14ac:dyDescent="0.15">
      <c r="A43" s="5">
        <v>31</v>
      </c>
      <c r="B43" s="22">
        <v>14</v>
      </c>
      <c r="C43" s="14">
        <v>12</v>
      </c>
      <c r="D43" s="18">
        <v>26</v>
      </c>
    </row>
    <row r="44" spans="1:4" ht="18" customHeight="1" x14ac:dyDescent="0.15">
      <c r="A44" s="5">
        <v>32</v>
      </c>
      <c r="B44" s="22">
        <v>16</v>
      </c>
      <c r="C44" s="14">
        <v>22</v>
      </c>
      <c r="D44" s="18">
        <v>38</v>
      </c>
    </row>
    <row r="45" spans="1:4" ht="18" customHeight="1" x14ac:dyDescent="0.15">
      <c r="A45" s="5">
        <v>33</v>
      </c>
      <c r="B45" s="22">
        <v>22</v>
      </c>
      <c r="C45" s="14">
        <v>7</v>
      </c>
      <c r="D45" s="18">
        <v>29</v>
      </c>
    </row>
    <row r="46" spans="1:4" ht="18" customHeight="1" x14ac:dyDescent="0.15">
      <c r="A46" s="5">
        <v>34</v>
      </c>
      <c r="B46" s="22">
        <v>15</v>
      </c>
      <c r="C46" s="14">
        <v>15</v>
      </c>
      <c r="D46" s="18">
        <v>30</v>
      </c>
    </row>
    <row r="47" spans="1:4" ht="18" customHeight="1" x14ac:dyDescent="0.15">
      <c r="A47" s="5" t="s">
        <v>15</v>
      </c>
      <c r="B47" s="22">
        <v>85</v>
      </c>
      <c r="C47" s="14">
        <v>66</v>
      </c>
      <c r="D47" s="18">
        <v>151</v>
      </c>
    </row>
    <row r="48" spans="1:4" ht="18" customHeight="1" x14ac:dyDescent="0.15">
      <c r="A48" s="5">
        <v>35</v>
      </c>
      <c r="B48" s="22">
        <v>17</v>
      </c>
      <c r="C48" s="14">
        <v>9</v>
      </c>
      <c r="D48" s="18">
        <v>26</v>
      </c>
    </row>
    <row r="49" spans="1:4" ht="18" customHeight="1" x14ac:dyDescent="0.15">
      <c r="A49" s="5">
        <v>36</v>
      </c>
      <c r="B49" s="22">
        <v>15</v>
      </c>
      <c r="C49" s="14">
        <v>12</v>
      </c>
      <c r="D49" s="18">
        <v>27</v>
      </c>
    </row>
    <row r="50" spans="1:4" ht="18" customHeight="1" x14ac:dyDescent="0.15">
      <c r="A50" s="5">
        <v>37</v>
      </c>
      <c r="B50" s="22">
        <v>13</v>
      </c>
      <c r="C50" s="14">
        <v>11</v>
      </c>
      <c r="D50" s="18">
        <v>24</v>
      </c>
    </row>
    <row r="51" spans="1:4" ht="18" customHeight="1" x14ac:dyDescent="0.15">
      <c r="A51" s="5">
        <v>38</v>
      </c>
      <c r="B51" s="22">
        <v>12</v>
      </c>
      <c r="C51" s="14">
        <v>15</v>
      </c>
      <c r="D51" s="18">
        <v>27</v>
      </c>
    </row>
    <row r="52" spans="1:4" ht="18" customHeight="1" x14ac:dyDescent="0.15">
      <c r="A52" s="5">
        <v>39</v>
      </c>
      <c r="B52" s="22">
        <v>15</v>
      </c>
      <c r="C52" s="14">
        <v>17</v>
      </c>
      <c r="D52" s="18">
        <v>32</v>
      </c>
    </row>
    <row r="53" spans="1:4" ht="18" customHeight="1" x14ac:dyDescent="0.15">
      <c r="A53" s="5" t="s">
        <v>18</v>
      </c>
      <c r="B53" s="22">
        <v>72</v>
      </c>
      <c r="C53" s="14">
        <v>64</v>
      </c>
      <c r="D53" s="18">
        <v>136</v>
      </c>
    </row>
    <row r="54" spans="1:4" ht="18" customHeight="1" x14ac:dyDescent="0.15">
      <c r="A54" s="5">
        <v>40</v>
      </c>
      <c r="B54" s="22">
        <v>11</v>
      </c>
      <c r="C54" s="14">
        <v>10</v>
      </c>
      <c r="D54" s="18">
        <v>21</v>
      </c>
    </row>
    <row r="55" spans="1:4" ht="18" customHeight="1" x14ac:dyDescent="0.15">
      <c r="A55" s="5">
        <v>41</v>
      </c>
      <c r="B55" s="22">
        <v>15</v>
      </c>
      <c r="C55" s="14">
        <v>17</v>
      </c>
      <c r="D55" s="18">
        <v>32</v>
      </c>
    </row>
    <row r="56" spans="1:4" ht="18" customHeight="1" x14ac:dyDescent="0.15">
      <c r="A56" s="5">
        <v>42</v>
      </c>
      <c r="B56" s="22">
        <v>12</v>
      </c>
      <c r="C56" s="14">
        <v>8</v>
      </c>
      <c r="D56" s="18">
        <v>20</v>
      </c>
    </row>
    <row r="57" spans="1:4" ht="18" customHeight="1" x14ac:dyDescent="0.15">
      <c r="A57" s="5">
        <v>43</v>
      </c>
      <c r="B57" s="22">
        <v>16</v>
      </c>
      <c r="C57" s="14">
        <v>19</v>
      </c>
      <c r="D57" s="18">
        <v>35</v>
      </c>
    </row>
    <row r="58" spans="1:4" ht="18" customHeight="1" x14ac:dyDescent="0.15">
      <c r="A58" s="5">
        <v>44</v>
      </c>
      <c r="B58" s="22">
        <v>14</v>
      </c>
      <c r="C58" s="14">
        <v>17</v>
      </c>
      <c r="D58" s="18">
        <v>31</v>
      </c>
    </row>
    <row r="59" spans="1:4" ht="18" customHeight="1" x14ac:dyDescent="0.15">
      <c r="A59" s="5" t="s">
        <v>21</v>
      </c>
      <c r="B59" s="22">
        <v>68</v>
      </c>
      <c r="C59" s="14">
        <v>71</v>
      </c>
      <c r="D59" s="18">
        <v>139</v>
      </c>
    </row>
    <row r="60" spans="1:4" ht="18" customHeight="1" x14ac:dyDescent="0.15">
      <c r="A60" s="5">
        <v>45</v>
      </c>
      <c r="B60" s="22">
        <v>17</v>
      </c>
      <c r="C60" s="14">
        <v>11</v>
      </c>
      <c r="D60" s="18">
        <v>28</v>
      </c>
    </row>
    <row r="61" spans="1:4" ht="18" customHeight="1" x14ac:dyDescent="0.15">
      <c r="A61" s="5">
        <v>46</v>
      </c>
      <c r="B61" s="22">
        <v>18</v>
      </c>
      <c r="C61" s="14">
        <v>14</v>
      </c>
      <c r="D61" s="18">
        <v>32</v>
      </c>
    </row>
    <row r="62" spans="1:4" ht="18" customHeight="1" x14ac:dyDescent="0.15">
      <c r="A62" s="5">
        <v>47</v>
      </c>
      <c r="B62" s="22">
        <v>23</v>
      </c>
      <c r="C62" s="14">
        <v>13</v>
      </c>
      <c r="D62" s="18">
        <v>36</v>
      </c>
    </row>
    <row r="63" spans="1:4" ht="18" customHeight="1" x14ac:dyDescent="0.15">
      <c r="A63" s="5">
        <v>48</v>
      </c>
      <c r="B63" s="22">
        <v>19</v>
      </c>
      <c r="C63" s="14">
        <v>24</v>
      </c>
      <c r="D63" s="18">
        <v>43</v>
      </c>
    </row>
    <row r="64" spans="1:4" ht="18" customHeight="1" x14ac:dyDescent="0.15">
      <c r="A64" s="5">
        <v>49</v>
      </c>
      <c r="B64" s="22">
        <v>20</v>
      </c>
      <c r="C64" s="14">
        <v>20</v>
      </c>
      <c r="D64" s="18">
        <v>40</v>
      </c>
    </row>
    <row r="65" spans="1:4" ht="18" customHeight="1" x14ac:dyDescent="0.15">
      <c r="A65" s="5" t="s">
        <v>17</v>
      </c>
      <c r="B65" s="22">
        <v>97</v>
      </c>
      <c r="C65" s="14">
        <v>82</v>
      </c>
      <c r="D65" s="18">
        <v>179</v>
      </c>
    </row>
    <row r="66" spans="1:4" ht="18" customHeight="1" x14ac:dyDescent="0.15">
      <c r="A66" s="5">
        <v>50</v>
      </c>
      <c r="B66" s="22">
        <v>27</v>
      </c>
      <c r="C66" s="14">
        <v>20</v>
      </c>
      <c r="D66" s="18">
        <v>47</v>
      </c>
    </row>
    <row r="67" spans="1:4" ht="18" customHeight="1" x14ac:dyDescent="0.15">
      <c r="A67" s="5">
        <v>51</v>
      </c>
      <c r="B67" s="22">
        <v>31</v>
      </c>
      <c r="C67" s="14">
        <v>31</v>
      </c>
      <c r="D67" s="18">
        <v>62</v>
      </c>
    </row>
    <row r="68" spans="1:4" ht="18" customHeight="1" x14ac:dyDescent="0.15">
      <c r="A68" s="5">
        <v>52</v>
      </c>
      <c r="B68" s="22">
        <v>26</v>
      </c>
      <c r="C68" s="14">
        <v>31</v>
      </c>
      <c r="D68" s="18">
        <v>57</v>
      </c>
    </row>
    <row r="69" spans="1:4" ht="18" customHeight="1" x14ac:dyDescent="0.15">
      <c r="A69" s="5">
        <v>53</v>
      </c>
      <c r="B69" s="22">
        <v>26</v>
      </c>
      <c r="C69" s="14">
        <v>40</v>
      </c>
      <c r="D69" s="18">
        <v>66</v>
      </c>
    </row>
    <row r="70" spans="1:4" ht="18" customHeight="1" x14ac:dyDescent="0.15">
      <c r="A70" s="5">
        <v>54</v>
      </c>
      <c r="B70" s="22">
        <v>31</v>
      </c>
      <c r="C70" s="14">
        <v>31</v>
      </c>
      <c r="D70" s="18">
        <v>62</v>
      </c>
    </row>
    <row r="71" spans="1:4" ht="18" customHeight="1" x14ac:dyDescent="0.15">
      <c r="A71" s="5" t="s">
        <v>22</v>
      </c>
      <c r="B71" s="22">
        <v>141</v>
      </c>
      <c r="C71" s="14">
        <v>153</v>
      </c>
      <c r="D71" s="18">
        <v>294</v>
      </c>
    </row>
    <row r="72" spans="1:4" ht="18" customHeight="1" x14ac:dyDescent="0.15">
      <c r="A72" s="5">
        <v>55</v>
      </c>
      <c r="B72" s="22">
        <v>35</v>
      </c>
      <c r="C72" s="14">
        <v>26</v>
      </c>
      <c r="D72" s="18">
        <v>61</v>
      </c>
    </row>
    <row r="73" spans="1:4" ht="18" customHeight="1" x14ac:dyDescent="0.15">
      <c r="A73" s="5">
        <v>56</v>
      </c>
      <c r="B73" s="22">
        <v>40</v>
      </c>
      <c r="C73" s="14">
        <v>37</v>
      </c>
      <c r="D73" s="18">
        <v>77</v>
      </c>
    </row>
    <row r="74" spans="1:4" ht="18" customHeight="1" x14ac:dyDescent="0.15">
      <c r="A74" s="5">
        <v>57</v>
      </c>
      <c r="B74" s="22">
        <v>24</v>
      </c>
      <c r="C74" s="14">
        <v>23</v>
      </c>
      <c r="D74" s="18">
        <v>47</v>
      </c>
    </row>
    <row r="75" spans="1:4" ht="18" customHeight="1" x14ac:dyDescent="0.15">
      <c r="A75" s="5">
        <v>58</v>
      </c>
      <c r="B75" s="22">
        <v>36</v>
      </c>
      <c r="C75" s="14">
        <v>31</v>
      </c>
      <c r="D75" s="18">
        <v>67</v>
      </c>
    </row>
    <row r="76" spans="1:4" ht="18" customHeight="1" x14ac:dyDescent="0.15">
      <c r="A76" s="5">
        <v>59</v>
      </c>
      <c r="B76" s="22">
        <v>19</v>
      </c>
      <c r="C76" s="14">
        <v>28</v>
      </c>
      <c r="D76" s="18">
        <v>47</v>
      </c>
    </row>
    <row r="77" spans="1:4" ht="18" customHeight="1" x14ac:dyDescent="0.15">
      <c r="A77" s="5" t="s">
        <v>27</v>
      </c>
      <c r="B77" s="22">
        <v>154</v>
      </c>
      <c r="C77" s="14">
        <v>145</v>
      </c>
      <c r="D77" s="18">
        <v>299</v>
      </c>
    </row>
    <row r="78" spans="1:4" ht="18" customHeight="1" x14ac:dyDescent="0.15">
      <c r="A78" s="5">
        <v>60</v>
      </c>
      <c r="B78" s="22">
        <v>25</v>
      </c>
      <c r="C78" s="14">
        <v>23</v>
      </c>
      <c r="D78" s="18">
        <v>48</v>
      </c>
    </row>
    <row r="79" spans="1:4" ht="18" customHeight="1" x14ac:dyDescent="0.15">
      <c r="A79" s="5">
        <v>61</v>
      </c>
      <c r="B79" s="22">
        <v>24</v>
      </c>
      <c r="C79" s="14">
        <v>22</v>
      </c>
      <c r="D79" s="18">
        <v>46</v>
      </c>
    </row>
    <row r="80" spans="1:4" ht="18" customHeight="1" x14ac:dyDescent="0.15">
      <c r="A80" s="5">
        <v>62</v>
      </c>
      <c r="B80" s="22">
        <v>24</v>
      </c>
      <c r="C80" s="14">
        <v>23</v>
      </c>
      <c r="D80" s="18">
        <v>47</v>
      </c>
    </row>
    <row r="81" spans="1:4" ht="18" customHeight="1" x14ac:dyDescent="0.15">
      <c r="A81" s="5">
        <v>63</v>
      </c>
      <c r="B81" s="22">
        <v>29</v>
      </c>
      <c r="C81" s="14">
        <v>27</v>
      </c>
      <c r="D81" s="18">
        <v>56</v>
      </c>
    </row>
    <row r="82" spans="1:4" ht="18" customHeight="1" x14ac:dyDescent="0.15">
      <c r="A82" s="5">
        <v>64</v>
      </c>
      <c r="B82" s="22">
        <v>20</v>
      </c>
      <c r="C82" s="14">
        <v>18</v>
      </c>
      <c r="D82" s="18">
        <v>38</v>
      </c>
    </row>
    <row r="83" spans="1:4" ht="18" customHeight="1" x14ac:dyDescent="0.15">
      <c r="A83" s="5" t="s">
        <v>28</v>
      </c>
      <c r="B83" s="22">
        <v>122</v>
      </c>
      <c r="C83" s="14">
        <v>113</v>
      </c>
      <c r="D83" s="18">
        <v>235</v>
      </c>
    </row>
    <row r="84" spans="1:4" ht="18" customHeight="1" x14ac:dyDescent="0.15">
      <c r="A84" s="5" t="s">
        <v>31</v>
      </c>
      <c r="B84" s="22">
        <v>1013</v>
      </c>
      <c r="C84" s="14">
        <v>927</v>
      </c>
      <c r="D84" s="18">
        <v>1940</v>
      </c>
    </row>
    <row r="85" spans="1:4" ht="18" customHeight="1" x14ac:dyDescent="0.15">
      <c r="A85" s="5">
        <v>65</v>
      </c>
      <c r="B85" s="22">
        <v>9</v>
      </c>
      <c r="C85" s="14">
        <v>21</v>
      </c>
      <c r="D85" s="18">
        <v>30</v>
      </c>
    </row>
    <row r="86" spans="1:4" ht="18" customHeight="1" x14ac:dyDescent="0.15">
      <c r="A86" s="5">
        <v>66</v>
      </c>
      <c r="B86" s="22">
        <v>24</v>
      </c>
      <c r="C86" s="14">
        <v>18</v>
      </c>
      <c r="D86" s="18">
        <v>42</v>
      </c>
    </row>
    <row r="87" spans="1:4" ht="18" customHeight="1" x14ac:dyDescent="0.15">
      <c r="A87" s="5">
        <v>67</v>
      </c>
      <c r="B87" s="22">
        <v>21</v>
      </c>
      <c r="C87" s="14">
        <v>26</v>
      </c>
      <c r="D87" s="18">
        <v>47</v>
      </c>
    </row>
    <row r="88" spans="1:4" ht="18" customHeight="1" x14ac:dyDescent="0.15">
      <c r="A88" s="5">
        <v>68</v>
      </c>
      <c r="B88" s="22">
        <v>25</v>
      </c>
      <c r="C88" s="14">
        <v>21</v>
      </c>
      <c r="D88" s="18">
        <v>46</v>
      </c>
    </row>
    <row r="89" spans="1:4" ht="18" customHeight="1" x14ac:dyDescent="0.15">
      <c r="A89" s="5">
        <v>69</v>
      </c>
      <c r="B89" s="22">
        <v>17</v>
      </c>
      <c r="C89" s="14">
        <v>20</v>
      </c>
      <c r="D89" s="18">
        <v>37</v>
      </c>
    </row>
    <row r="90" spans="1:4" ht="18" customHeight="1" x14ac:dyDescent="0.15">
      <c r="A90" s="5" t="s">
        <v>20</v>
      </c>
      <c r="B90" s="22">
        <v>96</v>
      </c>
      <c r="C90" s="14">
        <v>106</v>
      </c>
      <c r="D90" s="18">
        <v>202</v>
      </c>
    </row>
    <row r="91" spans="1:4" ht="18" customHeight="1" x14ac:dyDescent="0.15">
      <c r="A91" s="5">
        <v>70</v>
      </c>
      <c r="B91" s="22">
        <v>32</v>
      </c>
      <c r="C91" s="14">
        <v>21</v>
      </c>
      <c r="D91" s="18">
        <v>53</v>
      </c>
    </row>
    <row r="92" spans="1:4" ht="18" customHeight="1" x14ac:dyDescent="0.15">
      <c r="A92" s="5">
        <v>71</v>
      </c>
      <c r="B92" s="22">
        <v>14</v>
      </c>
      <c r="C92" s="14">
        <v>13</v>
      </c>
      <c r="D92" s="18">
        <v>27</v>
      </c>
    </row>
    <row r="93" spans="1:4" ht="18" customHeight="1" x14ac:dyDescent="0.15">
      <c r="A93" s="5">
        <v>72</v>
      </c>
      <c r="B93" s="22">
        <v>18</v>
      </c>
      <c r="C93" s="14">
        <v>24</v>
      </c>
      <c r="D93" s="18">
        <v>42</v>
      </c>
    </row>
    <row r="94" spans="1:4" ht="18" customHeight="1" x14ac:dyDescent="0.15">
      <c r="A94" s="5">
        <v>73</v>
      </c>
      <c r="B94" s="22">
        <v>23</v>
      </c>
      <c r="C94" s="14">
        <v>15</v>
      </c>
      <c r="D94" s="18">
        <v>38</v>
      </c>
    </row>
    <row r="95" spans="1:4" ht="18" customHeight="1" x14ac:dyDescent="0.15">
      <c r="A95" s="5">
        <v>74</v>
      </c>
      <c r="B95" s="22">
        <v>19</v>
      </c>
      <c r="C95" s="14">
        <v>15</v>
      </c>
      <c r="D95" s="18">
        <v>34</v>
      </c>
    </row>
    <row r="96" spans="1:4" ht="18" customHeight="1" x14ac:dyDescent="0.15">
      <c r="A96" s="5" t="s">
        <v>33</v>
      </c>
      <c r="B96" s="22">
        <v>106</v>
      </c>
      <c r="C96" s="14">
        <v>88</v>
      </c>
      <c r="D96" s="18">
        <v>194</v>
      </c>
    </row>
    <row r="97" spans="1:4" ht="18" customHeight="1" x14ac:dyDescent="0.15">
      <c r="A97" s="5">
        <v>75</v>
      </c>
      <c r="B97" s="22">
        <v>18</v>
      </c>
      <c r="C97" s="14">
        <v>22</v>
      </c>
      <c r="D97" s="18">
        <v>40</v>
      </c>
    </row>
    <row r="98" spans="1:4" ht="18" customHeight="1" x14ac:dyDescent="0.15">
      <c r="A98" s="5">
        <v>76</v>
      </c>
      <c r="B98" s="22">
        <v>24</v>
      </c>
      <c r="C98" s="14">
        <v>33</v>
      </c>
      <c r="D98" s="18">
        <v>57</v>
      </c>
    </row>
    <row r="99" spans="1:4" ht="18" customHeight="1" x14ac:dyDescent="0.15">
      <c r="A99" s="5">
        <v>77</v>
      </c>
      <c r="B99" s="22">
        <v>21</v>
      </c>
      <c r="C99" s="14">
        <v>30</v>
      </c>
      <c r="D99" s="18">
        <v>51</v>
      </c>
    </row>
    <row r="100" spans="1:4" ht="18" customHeight="1" x14ac:dyDescent="0.15">
      <c r="A100" s="5">
        <v>78</v>
      </c>
      <c r="B100" s="22">
        <v>31</v>
      </c>
      <c r="C100" s="14">
        <v>30</v>
      </c>
      <c r="D100" s="18">
        <v>61</v>
      </c>
    </row>
    <row r="101" spans="1:4" ht="18" customHeight="1" x14ac:dyDescent="0.15">
      <c r="A101" s="5">
        <v>79</v>
      </c>
      <c r="B101" s="22">
        <v>10</v>
      </c>
      <c r="C101" s="14">
        <v>27</v>
      </c>
      <c r="D101" s="18">
        <v>37</v>
      </c>
    </row>
    <row r="102" spans="1:4" ht="18" customHeight="1" x14ac:dyDescent="0.15">
      <c r="A102" s="5" t="s">
        <v>0</v>
      </c>
      <c r="B102" s="22">
        <v>104</v>
      </c>
      <c r="C102" s="14">
        <v>142</v>
      </c>
      <c r="D102" s="18">
        <v>246</v>
      </c>
    </row>
    <row r="103" spans="1:4" ht="18" customHeight="1" x14ac:dyDescent="0.15">
      <c r="A103" s="5">
        <v>80</v>
      </c>
      <c r="B103" s="22">
        <v>13</v>
      </c>
      <c r="C103" s="14">
        <v>26</v>
      </c>
      <c r="D103" s="18">
        <v>39</v>
      </c>
    </row>
    <row r="104" spans="1:4" ht="18" customHeight="1" x14ac:dyDescent="0.15">
      <c r="A104" s="5">
        <v>81</v>
      </c>
      <c r="B104" s="22">
        <v>20</v>
      </c>
      <c r="C104" s="14">
        <v>23</v>
      </c>
      <c r="D104" s="18">
        <v>43</v>
      </c>
    </row>
    <row r="105" spans="1:4" ht="18" customHeight="1" x14ac:dyDescent="0.15">
      <c r="A105" s="5">
        <v>82</v>
      </c>
      <c r="B105" s="22">
        <v>15</v>
      </c>
      <c r="C105" s="14">
        <v>17</v>
      </c>
      <c r="D105" s="18">
        <v>32</v>
      </c>
    </row>
    <row r="106" spans="1:4" ht="18" customHeight="1" x14ac:dyDescent="0.15">
      <c r="A106" s="5">
        <v>83</v>
      </c>
      <c r="B106" s="22">
        <v>16</v>
      </c>
      <c r="C106" s="14">
        <v>19</v>
      </c>
      <c r="D106" s="18">
        <v>35</v>
      </c>
    </row>
    <row r="107" spans="1:4" ht="18" customHeight="1" x14ac:dyDescent="0.15">
      <c r="A107" s="5">
        <v>84</v>
      </c>
      <c r="B107" s="22">
        <v>7</v>
      </c>
      <c r="C107" s="14">
        <v>19</v>
      </c>
      <c r="D107" s="18">
        <v>26</v>
      </c>
    </row>
    <row r="108" spans="1:4" ht="18" customHeight="1" x14ac:dyDescent="0.15">
      <c r="A108" s="5" t="s">
        <v>35</v>
      </c>
      <c r="B108" s="22">
        <v>71</v>
      </c>
      <c r="C108" s="14">
        <v>104</v>
      </c>
      <c r="D108" s="18">
        <v>175</v>
      </c>
    </row>
    <row r="109" spans="1:4" ht="18" customHeight="1" x14ac:dyDescent="0.15">
      <c r="A109" s="5">
        <v>85</v>
      </c>
      <c r="B109" s="22">
        <v>11</v>
      </c>
      <c r="C109" s="14">
        <v>15</v>
      </c>
      <c r="D109" s="18">
        <v>26</v>
      </c>
    </row>
    <row r="110" spans="1:4" ht="18" customHeight="1" x14ac:dyDescent="0.15">
      <c r="A110" s="5">
        <v>86</v>
      </c>
      <c r="B110" s="22">
        <v>9</v>
      </c>
      <c r="C110" s="14">
        <v>10</v>
      </c>
      <c r="D110" s="18">
        <v>19</v>
      </c>
    </row>
    <row r="111" spans="1:4" ht="18" customHeight="1" x14ac:dyDescent="0.15">
      <c r="A111" s="5">
        <v>87</v>
      </c>
      <c r="B111" s="22">
        <v>2</v>
      </c>
      <c r="C111" s="14">
        <v>10</v>
      </c>
      <c r="D111" s="18">
        <v>12</v>
      </c>
    </row>
    <row r="112" spans="1:4" ht="18" customHeight="1" x14ac:dyDescent="0.15">
      <c r="A112" s="5">
        <v>88</v>
      </c>
      <c r="B112" s="22">
        <v>6</v>
      </c>
      <c r="C112" s="14">
        <v>21</v>
      </c>
      <c r="D112" s="18">
        <v>27</v>
      </c>
    </row>
    <row r="113" spans="1:4" ht="18" customHeight="1" x14ac:dyDescent="0.15">
      <c r="A113" s="5">
        <v>89</v>
      </c>
      <c r="B113" s="22">
        <v>6</v>
      </c>
      <c r="C113" s="14">
        <v>14</v>
      </c>
      <c r="D113" s="18">
        <v>20</v>
      </c>
    </row>
    <row r="114" spans="1:4" ht="18" customHeight="1" x14ac:dyDescent="0.15">
      <c r="A114" s="5" t="s">
        <v>37</v>
      </c>
      <c r="B114" s="22">
        <v>34</v>
      </c>
      <c r="C114" s="14">
        <v>70</v>
      </c>
      <c r="D114" s="18">
        <v>104</v>
      </c>
    </row>
    <row r="115" spans="1:4" ht="18" customHeight="1" x14ac:dyDescent="0.15">
      <c r="A115" s="5">
        <v>90</v>
      </c>
      <c r="B115" s="22">
        <v>4</v>
      </c>
      <c r="C115" s="14">
        <v>9</v>
      </c>
      <c r="D115" s="18">
        <v>13</v>
      </c>
    </row>
    <row r="116" spans="1:4" ht="18" customHeight="1" x14ac:dyDescent="0.15">
      <c r="A116" s="5">
        <v>91</v>
      </c>
      <c r="B116" s="22">
        <v>3</v>
      </c>
      <c r="C116" s="14">
        <v>12</v>
      </c>
      <c r="D116" s="18">
        <v>15</v>
      </c>
    </row>
    <row r="117" spans="1:4" ht="18" customHeight="1" x14ac:dyDescent="0.15">
      <c r="A117" s="5">
        <v>92</v>
      </c>
      <c r="B117" s="22">
        <v>6</v>
      </c>
      <c r="C117" s="14">
        <v>11</v>
      </c>
      <c r="D117" s="18">
        <v>17</v>
      </c>
    </row>
    <row r="118" spans="1:4" ht="18" customHeight="1" x14ac:dyDescent="0.15">
      <c r="A118" s="5">
        <v>93</v>
      </c>
      <c r="B118" s="22">
        <v>1</v>
      </c>
      <c r="C118" s="14">
        <v>9</v>
      </c>
      <c r="D118" s="18">
        <v>10</v>
      </c>
    </row>
    <row r="119" spans="1:4" ht="18" customHeight="1" x14ac:dyDescent="0.15">
      <c r="A119" s="5">
        <v>94</v>
      </c>
      <c r="B119" s="22">
        <v>2</v>
      </c>
      <c r="C119" s="14">
        <v>6</v>
      </c>
      <c r="D119" s="18">
        <v>8</v>
      </c>
    </row>
    <row r="120" spans="1:4" ht="18" customHeight="1" x14ac:dyDescent="0.15">
      <c r="A120" s="5" t="s">
        <v>39</v>
      </c>
      <c r="B120" s="22">
        <v>16</v>
      </c>
      <c r="C120" s="14">
        <v>47</v>
      </c>
      <c r="D120" s="18">
        <v>63</v>
      </c>
    </row>
    <row r="121" spans="1:4" ht="18" customHeight="1" x14ac:dyDescent="0.15">
      <c r="A121" s="5">
        <v>95</v>
      </c>
      <c r="B121" s="22">
        <v>0</v>
      </c>
      <c r="C121" s="14">
        <v>11</v>
      </c>
      <c r="D121" s="18">
        <v>11</v>
      </c>
    </row>
    <row r="122" spans="1:4" ht="18" customHeight="1" x14ac:dyDescent="0.15">
      <c r="A122" s="5">
        <v>96</v>
      </c>
      <c r="B122" s="22">
        <v>2</v>
      </c>
      <c r="C122" s="14">
        <v>3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1</v>
      </c>
      <c r="C124" s="14">
        <v>5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4</v>
      </c>
      <c r="C126" s="14">
        <v>22</v>
      </c>
      <c r="D126" s="18">
        <v>2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431</v>
      </c>
      <c r="C130" s="14">
        <v>583</v>
      </c>
      <c r="D130" s="18">
        <v>1014</v>
      </c>
    </row>
    <row r="131" spans="1:4" ht="18" customHeight="1" x14ac:dyDescent="0.15">
      <c r="A131" s="7" t="s">
        <v>45</v>
      </c>
      <c r="B131" s="23">
        <v>1574</v>
      </c>
      <c r="C131" s="15">
        <v>1616</v>
      </c>
      <c r="D131" s="19">
        <v>31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4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2</v>
      </c>
      <c r="C5" s="13">
        <v>2</v>
      </c>
      <c r="D5" s="17">
        <v>4</v>
      </c>
    </row>
    <row r="6" spans="1:4" ht="18" customHeight="1" x14ac:dyDescent="0.15">
      <c r="A6" s="5">
        <v>1</v>
      </c>
      <c r="B6" s="22">
        <v>4</v>
      </c>
      <c r="C6" s="14">
        <v>4</v>
      </c>
      <c r="D6" s="18">
        <v>8</v>
      </c>
    </row>
    <row r="7" spans="1:4" ht="18" customHeight="1" x14ac:dyDescent="0.15">
      <c r="A7" s="5">
        <v>2</v>
      </c>
      <c r="B7" s="22">
        <v>4</v>
      </c>
      <c r="C7" s="14">
        <v>6</v>
      </c>
      <c r="D7" s="18">
        <v>10</v>
      </c>
    </row>
    <row r="8" spans="1:4" ht="18" customHeight="1" x14ac:dyDescent="0.15">
      <c r="A8" s="5">
        <v>3</v>
      </c>
      <c r="B8" s="22">
        <v>3</v>
      </c>
      <c r="C8" s="14">
        <v>4</v>
      </c>
      <c r="D8" s="18">
        <v>7</v>
      </c>
    </row>
    <row r="9" spans="1:4" ht="18" customHeight="1" x14ac:dyDescent="0.15">
      <c r="A9" s="5">
        <v>4</v>
      </c>
      <c r="B9" s="22">
        <v>9</v>
      </c>
      <c r="C9" s="14">
        <v>4</v>
      </c>
      <c r="D9" s="18">
        <v>13</v>
      </c>
    </row>
    <row r="10" spans="1:4" ht="18" customHeight="1" x14ac:dyDescent="0.15">
      <c r="A10" s="5" t="s">
        <v>7</v>
      </c>
      <c r="B10" s="22">
        <v>22</v>
      </c>
      <c r="C10" s="14">
        <v>20</v>
      </c>
      <c r="D10" s="18">
        <v>42</v>
      </c>
    </row>
    <row r="11" spans="1:4" ht="18" customHeight="1" x14ac:dyDescent="0.15">
      <c r="A11" s="5">
        <v>5</v>
      </c>
      <c r="B11" s="22">
        <v>4</v>
      </c>
      <c r="C11" s="14">
        <v>6</v>
      </c>
      <c r="D11" s="18">
        <v>10</v>
      </c>
    </row>
    <row r="12" spans="1:4" ht="18" customHeight="1" x14ac:dyDescent="0.15">
      <c r="A12" s="5">
        <v>6</v>
      </c>
      <c r="B12" s="22">
        <v>4</v>
      </c>
      <c r="C12" s="14">
        <v>4</v>
      </c>
      <c r="D12" s="18">
        <v>8</v>
      </c>
    </row>
    <row r="13" spans="1:4" ht="18" customHeight="1" x14ac:dyDescent="0.15">
      <c r="A13" s="5">
        <v>7</v>
      </c>
      <c r="B13" s="22">
        <v>10</v>
      </c>
      <c r="C13" s="14">
        <v>7</v>
      </c>
      <c r="D13" s="18">
        <v>17</v>
      </c>
    </row>
    <row r="14" spans="1:4" ht="18" customHeight="1" x14ac:dyDescent="0.15">
      <c r="A14" s="5">
        <v>8</v>
      </c>
      <c r="B14" s="22">
        <v>6</v>
      </c>
      <c r="C14" s="14">
        <v>4</v>
      </c>
      <c r="D14" s="18">
        <v>10</v>
      </c>
    </row>
    <row r="15" spans="1:4" ht="18" customHeight="1" x14ac:dyDescent="0.15">
      <c r="A15" s="5">
        <v>9</v>
      </c>
      <c r="B15" s="22">
        <v>3</v>
      </c>
      <c r="C15" s="14">
        <v>8</v>
      </c>
      <c r="D15" s="18">
        <v>11</v>
      </c>
    </row>
    <row r="16" spans="1:4" ht="18" customHeight="1" x14ac:dyDescent="0.15">
      <c r="A16" s="5" t="s">
        <v>11</v>
      </c>
      <c r="B16" s="22">
        <v>27</v>
      </c>
      <c r="C16" s="14">
        <v>29</v>
      </c>
      <c r="D16" s="18">
        <v>56</v>
      </c>
    </row>
    <row r="17" spans="1:4" ht="18" customHeight="1" x14ac:dyDescent="0.15">
      <c r="A17" s="5">
        <v>10</v>
      </c>
      <c r="B17" s="22">
        <v>9</v>
      </c>
      <c r="C17" s="14">
        <v>10</v>
      </c>
      <c r="D17" s="18">
        <v>19</v>
      </c>
    </row>
    <row r="18" spans="1:4" ht="18" customHeight="1" x14ac:dyDescent="0.15">
      <c r="A18" s="5">
        <v>11</v>
      </c>
      <c r="B18" s="22">
        <v>9</v>
      </c>
      <c r="C18" s="14">
        <v>4</v>
      </c>
      <c r="D18" s="18">
        <v>13</v>
      </c>
    </row>
    <row r="19" spans="1:4" ht="18" customHeight="1" x14ac:dyDescent="0.15">
      <c r="A19" s="5">
        <v>12</v>
      </c>
      <c r="B19" s="22">
        <v>6</v>
      </c>
      <c r="C19" s="14">
        <v>3</v>
      </c>
      <c r="D19" s="18">
        <v>9</v>
      </c>
    </row>
    <row r="20" spans="1:4" ht="18" customHeight="1" x14ac:dyDescent="0.15">
      <c r="A20" s="5">
        <v>13</v>
      </c>
      <c r="B20" s="22">
        <v>11</v>
      </c>
      <c r="C20" s="14">
        <v>5</v>
      </c>
      <c r="D20" s="18">
        <v>16</v>
      </c>
    </row>
    <row r="21" spans="1:4" ht="18" customHeight="1" x14ac:dyDescent="0.15">
      <c r="A21" s="5">
        <v>14</v>
      </c>
      <c r="B21" s="22">
        <v>9</v>
      </c>
      <c r="C21" s="14">
        <v>5</v>
      </c>
      <c r="D21" s="18">
        <v>14</v>
      </c>
    </row>
    <row r="22" spans="1:4" ht="18" customHeight="1" x14ac:dyDescent="0.15">
      <c r="A22" s="5" t="s">
        <v>12</v>
      </c>
      <c r="B22" s="22">
        <v>44</v>
      </c>
      <c r="C22" s="14">
        <v>27</v>
      </c>
      <c r="D22" s="18">
        <v>71</v>
      </c>
    </row>
    <row r="23" spans="1:4" ht="18" customHeight="1" x14ac:dyDescent="0.15">
      <c r="A23" s="5" t="s">
        <v>6</v>
      </c>
      <c r="B23" s="22">
        <v>93</v>
      </c>
      <c r="C23" s="14">
        <v>76</v>
      </c>
      <c r="D23" s="18">
        <v>169</v>
      </c>
    </row>
    <row r="24" spans="1:4" ht="18" customHeight="1" x14ac:dyDescent="0.15">
      <c r="A24" s="5">
        <v>15</v>
      </c>
      <c r="B24" s="22">
        <v>7</v>
      </c>
      <c r="C24" s="14">
        <v>9</v>
      </c>
      <c r="D24" s="18">
        <v>16</v>
      </c>
    </row>
    <row r="25" spans="1:4" ht="18" customHeight="1" x14ac:dyDescent="0.15">
      <c r="A25" s="5">
        <v>16</v>
      </c>
      <c r="B25" s="22">
        <v>8</v>
      </c>
      <c r="C25" s="14">
        <v>6</v>
      </c>
      <c r="D25" s="18">
        <v>14</v>
      </c>
    </row>
    <row r="26" spans="1:4" ht="18" customHeight="1" x14ac:dyDescent="0.15">
      <c r="A26" s="5">
        <v>17</v>
      </c>
      <c r="B26" s="22">
        <v>7</v>
      </c>
      <c r="C26" s="14">
        <v>12</v>
      </c>
      <c r="D26" s="18">
        <v>19</v>
      </c>
    </row>
    <row r="27" spans="1:4" ht="18" customHeight="1" x14ac:dyDescent="0.15">
      <c r="A27" s="5">
        <v>18</v>
      </c>
      <c r="B27" s="22">
        <v>9</v>
      </c>
      <c r="C27" s="14">
        <v>6</v>
      </c>
      <c r="D27" s="18">
        <v>15</v>
      </c>
    </row>
    <row r="28" spans="1:4" ht="18" customHeight="1" x14ac:dyDescent="0.15">
      <c r="A28" s="5">
        <v>19</v>
      </c>
      <c r="B28" s="22">
        <v>8</v>
      </c>
      <c r="C28" s="14">
        <v>10</v>
      </c>
      <c r="D28" s="18">
        <v>18</v>
      </c>
    </row>
    <row r="29" spans="1:4" ht="18" customHeight="1" x14ac:dyDescent="0.15">
      <c r="A29" s="5" t="s">
        <v>14</v>
      </c>
      <c r="B29" s="22">
        <v>39</v>
      </c>
      <c r="C29" s="14">
        <v>43</v>
      </c>
      <c r="D29" s="18">
        <v>82</v>
      </c>
    </row>
    <row r="30" spans="1:4" ht="18" customHeight="1" x14ac:dyDescent="0.15">
      <c r="A30" s="5">
        <v>20</v>
      </c>
      <c r="B30" s="22">
        <v>6</v>
      </c>
      <c r="C30" s="14">
        <v>6</v>
      </c>
      <c r="D30" s="18">
        <v>12</v>
      </c>
    </row>
    <row r="31" spans="1:4" ht="18" customHeight="1" x14ac:dyDescent="0.15">
      <c r="A31" s="5">
        <v>21</v>
      </c>
      <c r="B31" s="22">
        <v>10</v>
      </c>
      <c r="C31" s="14">
        <v>5</v>
      </c>
      <c r="D31" s="18">
        <v>15</v>
      </c>
    </row>
    <row r="32" spans="1:4" ht="18" customHeight="1" x14ac:dyDescent="0.15">
      <c r="A32" s="5">
        <v>22</v>
      </c>
      <c r="B32" s="22">
        <v>9</v>
      </c>
      <c r="C32" s="14">
        <v>4</v>
      </c>
      <c r="D32" s="18">
        <v>13</v>
      </c>
    </row>
    <row r="33" spans="1:4" ht="18" customHeight="1" x14ac:dyDescent="0.15">
      <c r="A33" s="5">
        <v>23</v>
      </c>
      <c r="B33" s="22">
        <v>7</v>
      </c>
      <c r="C33" s="14">
        <v>4</v>
      </c>
      <c r="D33" s="18">
        <v>11</v>
      </c>
    </row>
    <row r="34" spans="1:4" ht="18" customHeight="1" x14ac:dyDescent="0.15">
      <c r="A34" s="5">
        <v>24</v>
      </c>
      <c r="B34" s="22">
        <v>12</v>
      </c>
      <c r="C34" s="14">
        <v>8</v>
      </c>
      <c r="D34" s="18">
        <v>20</v>
      </c>
    </row>
    <row r="35" spans="1:4" ht="18" customHeight="1" x14ac:dyDescent="0.15">
      <c r="A35" s="5" t="s">
        <v>9</v>
      </c>
      <c r="B35" s="22">
        <v>44</v>
      </c>
      <c r="C35" s="14">
        <v>27</v>
      </c>
      <c r="D35" s="18">
        <v>71</v>
      </c>
    </row>
    <row r="36" spans="1:4" ht="18" customHeight="1" x14ac:dyDescent="0.15">
      <c r="A36" s="5">
        <v>25</v>
      </c>
      <c r="B36" s="22">
        <v>7</v>
      </c>
      <c r="C36" s="14">
        <v>11</v>
      </c>
      <c r="D36" s="18">
        <v>18</v>
      </c>
    </row>
    <row r="37" spans="1:4" ht="18" customHeight="1" x14ac:dyDescent="0.15">
      <c r="A37" s="5">
        <v>26</v>
      </c>
      <c r="B37" s="22">
        <v>6</v>
      </c>
      <c r="C37" s="14">
        <v>6</v>
      </c>
      <c r="D37" s="18">
        <v>12</v>
      </c>
    </row>
    <row r="38" spans="1:4" ht="18" customHeight="1" x14ac:dyDescent="0.15">
      <c r="A38" s="5">
        <v>27</v>
      </c>
      <c r="B38" s="22">
        <v>6</v>
      </c>
      <c r="C38" s="14">
        <v>8</v>
      </c>
      <c r="D38" s="18">
        <v>14</v>
      </c>
    </row>
    <row r="39" spans="1:4" ht="18" customHeight="1" x14ac:dyDescent="0.15">
      <c r="A39" s="5">
        <v>28</v>
      </c>
      <c r="B39" s="22">
        <v>9</v>
      </c>
      <c r="C39" s="14">
        <v>5</v>
      </c>
      <c r="D39" s="18">
        <v>14</v>
      </c>
    </row>
    <row r="40" spans="1:4" ht="18" customHeight="1" x14ac:dyDescent="0.15">
      <c r="A40" s="5">
        <v>29</v>
      </c>
      <c r="B40" s="22">
        <v>13</v>
      </c>
      <c r="C40" s="14">
        <v>8</v>
      </c>
      <c r="D40" s="18">
        <v>21</v>
      </c>
    </row>
    <row r="41" spans="1:4" ht="18" customHeight="1" x14ac:dyDescent="0.15">
      <c r="A41" s="5" t="s">
        <v>2</v>
      </c>
      <c r="B41" s="22">
        <v>41</v>
      </c>
      <c r="C41" s="14">
        <v>38</v>
      </c>
      <c r="D41" s="18">
        <v>79</v>
      </c>
    </row>
    <row r="42" spans="1:4" ht="18" customHeight="1" x14ac:dyDescent="0.15">
      <c r="A42" s="5">
        <v>30</v>
      </c>
      <c r="B42" s="22">
        <v>8</v>
      </c>
      <c r="C42" s="14">
        <v>3</v>
      </c>
      <c r="D42" s="18">
        <v>11</v>
      </c>
    </row>
    <row r="43" spans="1:4" ht="18" customHeight="1" x14ac:dyDescent="0.15">
      <c r="A43" s="5">
        <v>31</v>
      </c>
      <c r="B43" s="22">
        <v>8</v>
      </c>
      <c r="C43" s="14">
        <v>4</v>
      </c>
      <c r="D43" s="18">
        <v>12</v>
      </c>
    </row>
    <row r="44" spans="1:4" ht="18" customHeight="1" x14ac:dyDescent="0.15">
      <c r="A44" s="5">
        <v>32</v>
      </c>
      <c r="B44" s="22">
        <v>12</v>
      </c>
      <c r="C44" s="14">
        <v>5</v>
      </c>
      <c r="D44" s="18">
        <v>17</v>
      </c>
    </row>
    <row r="45" spans="1:4" ht="18" customHeight="1" x14ac:dyDescent="0.15">
      <c r="A45" s="5">
        <v>33</v>
      </c>
      <c r="B45" s="22">
        <v>12</v>
      </c>
      <c r="C45" s="14">
        <v>3</v>
      </c>
      <c r="D45" s="18">
        <v>15</v>
      </c>
    </row>
    <row r="46" spans="1:4" ht="18" customHeight="1" x14ac:dyDescent="0.15">
      <c r="A46" s="5">
        <v>34</v>
      </c>
      <c r="B46" s="22">
        <v>4</v>
      </c>
      <c r="C46" s="14">
        <v>3</v>
      </c>
      <c r="D46" s="18">
        <v>7</v>
      </c>
    </row>
    <row r="47" spans="1:4" ht="18" customHeight="1" x14ac:dyDescent="0.15">
      <c r="A47" s="5" t="s">
        <v>15</v>
      </c>
      <c r="B47" s="22">
        <v>44</v>
      </c>
      <c r="C47" s="14">
        <v>18</v>
      </c>
      <c r="D47" s="18">
        <v>62</v>
      </c>
    </row>
    <row r="48" spans="1:4" ht="18" customHeight="1" x14ac:dyDescent="0.15">
      <c r="A48" s="5">
        <v>35</v>
      </c>
      <c r="B48" s="22">
        <v>6</v>
      </c>
      <c r="C48" s="14">
        <v>6</v>
      </c>
      <c r="D48" s="18">
        <v>12</v>
      </c>
    </row>
    <row r="49" spans="1:4" ht="18" customHeight="1" x14ac:dyDescent="0.15">
      <c r="A49" s="5">
        <v>36</v>
      </c>
      <c r="B49" s="22">
        <v>6</v>
      </c>
      <c r="C49" s="14">
        <v>9</v>
      </c>
      <c r="D49" s="18">
        <v>15</v>
      </c>
    </row>
    <row r="50" spans="1:4" ht="18" customHeight="1" x14ac:dyDescent="0.15">
      <c r="A50" s="5">
        <v>37</v>
      </c>
      <c r="B50" s="22">
        <v>9</v>
      </c>
      <c r="C50" s="14">
        <v>12</v>
      </c>
      <c r="D50" s="18">
        <v>21</v>
      </c>
    </row>
    <row r="51" spans="1:4" ht="18" customHeight="1" x14ac:dyDescent="0.15">
      <c r="A51" s="5">
        <v>38</v>
      </c>
      <c r="B51" s="22">
        <v>12</v>
      </c>
      <c r="C51" s="14">
        <v>6</v>
      </c>
      <c r="D51" s="18">
        <v>18</v>
      </c>
    </row>
    <row r="52" spans="1:4" ht="18" customHeight="1" x14ac:dyDescent="0.15">
      <c r="A52" s="5">
        <v>39</v>
      </c>
      <c r="B52" s="22">
        <v>5</v>
      </c>
      <c r="C52" s="14">
        <v>5</v>
      </c>
      <c r="D52" s="18">
        <v>10</v>
      </c>
    </row>
    <row r="53" spans="1:4" ht="18" customHeight="1" x14ac:dyDescent="0.15">
      <c r="A53" s="5" t="s">
        <v>18</v>
      </c>
      <c r="B53" s="22">
        <v>38</v>
      </c>
      <c r="C53" s="14">
        <v>38</v>
      </c>
      <c r="D53" s="18">
        <v>76</v>
      </c>
    </row>
    <row r="54" spans="1:4" ht="18" customHeight="1" x14ac:dyDescent="0.15">
      <c r="A54" s="5">
        <v>40</v>
      </c>
      <c r="B54" s="22">
        <v>11</v>
      </c>
      <c r="C54" s="14">
        <v>6</v>
      </c>
      <c r="D54" s="18">
        <v>17</v>
      </c>
    </row>
    <row r="55" spans="1:4" ht="18" customHeight="1" x14ac:dyDescent="0.15">
      <c r="A55" s="5">
        <v>41</v>
      </c>
      <c r="B55" s="22">
        <v>9</v>
      </c>
      <c r="C55" s="14">
        <v>3</v>
      </c>
      <c r="D55" s="18">
        <v>12</v>
      </c>
    </row>
    <row r="56" spans="1:4" ht="18" customHeight="1" x14ac:dyDescent="0.15">
      <c r="A56" s="5">
        <v>42</v>
      </c>
      <c r="B56" s="22">
        <v>14</v>
      </c>
      <c r="C56" s="14">
        <v>19</v>
      </c>
      <c r="D56" s="18">
        <v>33</v>
      </c>
    </row>
    <row r="57" spans="1:4" ht="18" customHeight="1" x14ac:dyDescent="0.15">
      <c r="A57" s="5">
        <v>43</v>
      </c>
      <c r="B57" s="22">
        <v>13</v>
      </c>
      <c r="C57" s="14">
        <v>5</v>
      </c>
      <c r="D57" s="18">
        <v>18</v>
      </c>
    </row>
    <row r="58" spans="1:4" ht="18" customHeight="1" x14ac:dyDescent="0.15">
      <c r="A58" s="5">
        <v>44</v>
      </c>
      <c r="B58" s="22">
        <v>11</v>
      </c>
      <c r="C58" s="14">
        <v>8</v>
      </c>
      <c r="D58" s="18">
        <v>19</v>
      </c>
    </row>
    <row r="59" spans="1:4" ht="18" customHeight="1" x14ac:dyDescent="0.15">
      <c r="A59" s="5" t="s">
        <v>21</v>
      </c>
      <c r="B59" s="22">
        <v>58</v>
      </c>
      <c r="C59" s="14">
        <v>41</v>
      </c>
      <c r="D59" s="18">
        <v>99</v>
      </c>
    </row>
    <row r="60" spans="1:4" ht="18" customHeight="1" x14ac:dyDescent="0.15">
      <c r="A60" s="5">
        <v>45</v>
      </c>
      <c r="B60" s="22">
        <v>10</v>
      </c>
      <c r="C60" s="14">
        <v>18</v>
      </c>
      <c r="D60" s="18">
        <v>28</v>
      </c>
    </row>
    <row r="61" spans="1:4" ht="18" customHeight="1" x14ac:dyDescent="0.15">
      <c r="A61" s="5">
        <v>46</v>
      </c>
      <c r="B61" s="22">
        <v>15</v>
      </c>
      <c r="C61" s="14">
        <v>16</v>
      </c>
      <c r="D61" s="18">
        <v>31</v>
      </c>
    </row>
    <row r="62" spans="1:4" ht="18" customHeight="1" x14ac:dyDescent="0.15">
      <c r="A62" s="5">
        <v>47</v>
      </c>
      <c r="B62" s="22">
        <v>15</v>
      </c>
      <c r="C62" s="14">
        <v>11</v>
      </c>
      <c r="D62" s="18">
        <v>26</v>
      </c>
    </row>
    <row r="63" spans="1:4" ht="18" customHeight="1" x14ac:dyDescent="0.15">
      <c r="A63" s="5">
        <v>48</v>
      </c>
      <c r="B63" s="22">
        <v>11</v>
      </c>
      <c r="C63" s="14">
        <v>12</v>
      </c>
      <c r="D63" s="18">
        <v>23</v>
      </c>
    </row>
    <row r="64" spans="1:4" ht="18" customHeight="1" x14ac:dyDescent="0.15">
      <c r="A64" s="5">
        <v>49</v>
      </c>
      <c r="B64" s="22">
        <v>19</v>
      </c>
      <c r="C64" s="14">
        <v>12</v>
      </c>
      <c r="D64" s="18">
        <v>31</v>
      </c>
    </row>
    <row r="65" spans="1:4" ht="18" customHeight="1" x14ac:dyDescent="0.15">
      <c r="A65" s="5" t="s">
        <v>17</v>
      </c>
      <c r="B65" s="22">
        <v>70</v>
      </c>
      <c r="C65" s="14">
        <v>69</v>
      </c>
      <c r="D65" s="18">
        <v>139</v>
      </c>
    </row>
    <row r="66" spans="1:4" ht="18" customHeight="1" x14ac:dyDescent="0.15">
      <c r="A66" s="5">
        <v>50</v>
      </c>
      <c r="B66" s="22">
        <v>14</v>
      </c>
      <c r="C66" s="14">
        <v>17</v>
      </c>
      <c r="D66" s="18">
        <v>31</v>
      </c>
    </row>
    <row r="67" spans="1:4" ht="18" customHeight="1" x14ac:dyDescent="0.15">
      <c r="A67" s="5">
        <v>51</v>
      </c>
      <c r="B67" s="22">
        <v>22</v>
      </c>
      <c r="C67" s="14">
        <v>13</v>
      </c>
      <c r="D67" s="18">
        <v>35</v>
      </c>
    </row>
    <row r="68" spans="1:4" ht="18" customHeight="1" x14ac:dyDescent="0.15">
      <c r="A68" s="5">
        <v>52</v>
      </c>
      <c r="B68" s="22">
        <v>26</v>
      </c>
      <c r="C68" s="14">
        <v>16</v>
      </c>
      <c r="D68" s="18">
        <v>42</v>
      </c>
    </row>
    <row r="69" spans="1:4" ht="18" customHeight="1" x14ac:dyDescent="0.15">
      <c r="A69" s="5">
        <v>53</v>
      </c>
      <c r="B69" s="22">
        <v>15</v>
      </c>
      <c r="C69" s="14">
        <v>18</v>
      </c>
      <c r="D69" s="18">
        <v>33</v>
      </c>
    </row>
    <row r="70" spans="1:4" ht="18" customHeight="1" x14ac:dyDescent="0.15">
      <c r="A70" s="5">
        <v>54</v>
      </c>
      <c r="B70" s="22">
        <v>14</v>
      </c>
      <c r="C70" s="14">
        <v>11</v>
      </c>
      <c r="D70" s="18">
        <v>25</v>
      </c>
    </row>
    <row r="71" spans="1:4" ht="18" customHeight="1" x14ac:dyDescent="0.15">
      <c r="A71" s="5" t="s">
        <v>22</v>
      </c>
      <c r="B71" s="22">
        <v>91</v>
      </c>
      <c r="C71" s="14">
        <v>75</v>
      </c>
      <c r="D71" s="18">
        <v>166</v>
      </c>
    </row>
    <row r="72" spans="1:4" ht="18" customHeight="1" x14ac:dyDescent="0.15">
      <c r="A72" s="5">
        <v>55</v>
      </c>
      <c r="B72" s="22">
        <v>12</v>
      </c>
      <c r="C72" s="14">
        <v>23</v>
      </c>
      <c r="D72" s="18">
        <v>35</v>
      </c>
    </row>
    <row r="73" spans="1:4" ht="18" customHeight="1" x14ac:dyDescent="0.15">
      <c r="A73" s="5">
        <v>56</v>
      </c>
      <c r="B73" s="22">
        <v>16</v>
      </c>
      <c r="C73" s="14">
        <v>12</v>
      </c>
      <c r="D73" s="18">
        <v>28</v>
      </c>
    </row>
    <row r="74" spans="1:4" ht="18" customHeight="1" x14ac:dyDescent="0.15">
      <c r="A74" s="5">
        <v>57</v>
      </c>
      <c r="B74" s="22">
        <v>18</v>
      </c>
      <c r="C74" s="14">
        <v>14</v>
      </c>
      <c r="D74" s="18">
        <v>32</v>
      </c>
    </row>
    <row r="75" spans="1:4" ht="18" customHeight="1" x14ac:dyDescent="0.15">
      <c r="A75" s="5">
        <v>58</v>
      </c>
      <c r="B75" s="22">
        <v>14</v>
      </c>
      <c r="C75" s="14">
        <v>14</v>
      </c>
      <c r="D75" s="18">
        <v>28</v>
      </c>
    </row>
    <row r="76" spans="1:4" ht="18" customHeight="1" x14ac:dyDescent="0.15">
      <c r="A76" s="5">
        <v>59</v>
      </c>
      <c r="B76" s="22">
        <v>11</v>
      </c>
      <c r="C76" s="14">
        <v>18</v>
      </c>
      <c r="D76" s="18">
        <v>29</v>
      </c>
    </row>
    <row r="77" spans="1:4" ht="18" customHeight="1" x14ac:dyDescent="0.15">
      <c r="A77" s="5" t="s">
        <v>27</v>
      </c>
      <c r="B77" s="22">
        <v>71</v>
      </c>
      <c r="C77" s="14">
        <v>81</v>
      </c>
      <c r="D77" s="18">
        <v>152</v>
      </c>
    </row>
    <row r="78" spans="1:4" ht="18" customHeight="1" x14ac:dyDescent="0.15">
      <c r="A78" s="5">
        <v>60</v>
      </c>
      <c r="B78" s="22">
        <v>21</v>
      </c>
      <c r="C78" s="14">
        <v>15</v>
      </c>
      <c r="D78" s="18">
        <v>36</v>
      </c>
    </row>
    <row r="79" spans="1:4" ht="18" customHeight="1" x14ac:dyDescent="0.15">
      <c r="A79" s="5">
        <v>61</v>
      </c>
      <c r="B79" s="22">
        <v>12</v>
      </c>
      <c r="C79" s="14">
        <v>8</v>
      </c>
      <c r="D79" s="18">
        <v>20</v>
      </c>
    </row>
    <row r="80" spans="1:4" ht="18" customHeight="1" x14ac:dyDescent="0.15">
      <c r="A80" s="5">
        <v>62</v>
      </c>
      <c r="B80" s="22">
        <v>15</v>
      </c>
      <c r="C80" s="14">
        <v>13</v>
      </c>
      <c r="D80" s="18">
        <v>28</v>
      </c>
    </row>
    <row r="81" spans="1:4" ht="18" customHeight="1" x14ac:dyDescent="0.15">
      <c r="A81" s="5">
        <v>63</v>
      </c>
      <c r="B81" s="22">
        <v>18</v>
      </c>
      <c r="C81" s="14">
        <v>18</v>
      </c>
      <c r="D81" s="18">
        <v>36</v>
      </c>
    </row>
    <row r="82" spans="1:4" ht="18" customHeight="1" x14ac:dyDescent="0.15">
      <c r="A82" s="5">
        <v>64</v>
      </c>
      <c r="B82" s="22">
        <v>16</v>
      </c>
      <c r="C82" s="14">
        <v>16</v>
      </c>
      <c r="D82" s="18">
        <v>32</v>
      </c>
    </row>
    <row r="83" spans="1:4" ht="18" customHeight="1" x14ac:dyDescent="0.15">
      <c r="A83" s="5" t="s">
        <v>28</v>
      </c>
      <c r="B83" s="22">
        <v>82</v>
      </c>
      <c r="C83" s="14">
        <v>70</v>
      </c>
      <c r="D83" s="18">
        <v>152</v>
      </c>
    </row>
    <row r="84" spans="1:4" ht="18" customHeight="1" x14ac:dyDescent="0.15">
      <c r="A84" s="5" t="s">
        <v>31</v>
      </c>
      <c r="B84" s="22">
        <v>578</v>
      </c>
      <c r="C84" s="14">
        <v>500</v>
      </c>
      <c r="D84" s="18">
        <v>1078</v>
      </c>
    </row>
    <row r="85" spans="1:4" ht="18" customHeight="1" x14ac:dyDescent="0.15">
      <c r="A85" s="5">
        <v>65</v>
      </c>
      <c r="B85" s="22">
        <v>9</v>
      </c>
      <c r="C85" s="14">
        <v>14</v>
      </c>
      <c r="D85" s="18">
        <v>23</v>
      </c>
    </row>
    <row r="86" spans="1:4" ht="18" customHeight="1" x14ac:dyDescent="0.15">
      <c r="A86" s="5">
        <v>66</v>
      </c>
      <c r="B86" s="22">
        <v>11</v>
      </c>
      <c r="C86" s="14">
        <v>10</v>
      </c>
      <c r="D86" s="18">
        <v>21</v>
      </c>
    </row>
    <row r="87" spans="1:4" ht="18" customHeight="1" x14ac:dyDescent="0.15">
      <c r="A87" s="5">
        <v>67</v>
      </c>
      <c r="B87" s="22">
        <v>13</v>
      </c>
      <c r="C87" s="14">
        <v>15</v>
      </c>
      <c r="D87" s="18">
        <v>28</v>
      </c>
    </row>
    <row r="88" spans="1:4" ht="18" customHeight="1" x14ac:dyDescent="0.15">
      <c r="A88" s="5">
        <v>68</v>
      </c>
      <c r="B88" s="22">
        <v>11</v>
      </c>
      <c r="C88" s="14">
        <v>12</v>
      </c>
      <c r="D88" s="18">
        <v>23</v>
      </c>
    </row>
    <row r="89" spans="1:4" ht="18" customHeight="1" x14ac:dyDescent="0.15">
      <c r="A89" s="5">
        <v>69</v>
      </c>
      <c r="B89" s="22">
        <v>11</v>
      </c>
      <c r="C89" s="14">
        <v>15</v>
      </c>
      <c r="D89" s="18">
        <v>26</v>
      </c>
    </row>
    <row r="90" spans="1:4" ht="18" customHeight="1" x14ac:dyDescent="0.15">
      <c r="A90" s="5" t="s">
        <v>20</v>
      </c>
      <c r="B90" s="22">
        <v>55</v>
      </c>
      <c r="C90" s="14">
        <v>66</v>
      </c>
      <c r="D90" s="18">
        <v>121</v>
      </c>
    </row>
    <row r="91" spans="1:4" ht="18" customHeight="1" x14ac:dyDescent="0.15">
      <c r="A91" s="5">
        <v>70</v>
      </c>
      <c r="B91" s="22">
        <v>14</v>
      </c>
      <c r="C91" s="14">
        <v>18</v>
      </c>
      <c r="D91" s="18">
        <v>32</v>
      </c>
    </row>
    <row r="92" spans="1:4" ht="18" customHeight="1" x14ac:dyDescent="0.15">
      <c r="A92" s="5">
        <v>71</v>
      </c>
      <c r="B92" s="22">
        <v>18</v>
      </c>
      <c r="C92" s="14">
        <v>20</v>
      </c>
      <c r="D92" s="18">
        <v>38</v>
      </c>
    </row>
    <row r="93" spans="1:4" ht="18" customHeight="1" x14ac:dyDescent="0.15">
      <c r="A93" s="5">
        <v>72</v>
      </c>
      <c r="B93" s="22">
        <v>15</v>
      </c>
      <c r="C93" s="14">
        <v>21</v>
      </c>
      <c r="D93" s="18">
        <v>36</v>
      </c>
    </row>
    <row r="94" spans="1:4" ht="18" customHeight="1" x14ac:dyDescent="0.15">
      <c r="A94" s="5">
        <v>73</v>
      </c>
      <c r="B94" s="22">
        <v>16</v>
      </c>
      <c r="C94" s="14">
        <v>28</v>
      </c>
      <c r="D94" s="18">
        <v>44</v>
      </c>
    </row>
    <row r="95" spans="1:4" ht="18" customHeight="1" x14ac:dyDescent="0.15">
      <c r="A95" s="5">
        <v>74</v>
      </c>
      <c r="B95" s="22">
        <v>20</v>
      </c>
      <c r="C95" s="14">
        <v>23</v>
      </c>
      <c r="D95" s="18">
        <v>43</v>
      </c>
    </row>
    <row r="96" spans="1:4" ht="18" customHeight="1" x14ac:dyDescent="0.15">
      <c r="A96" s="5" t="s">
        <v>33</v>
      </c>
      <c r="B96" s="22">
        <v>83</v>
      </c>
      <c r="C96" s="14">
        <v>110</v>
      </c>
      <c r="D96" s="18">
        <v>193</v>
      </c>
    </row>
    <row r="97" spans="1:4" ht="18" customHeight="1" x14ac:dyDescent="0.15">
      <c r="A97" s="5">
        <v>75</v>
      </c>
      <c r="B97" s="22">
        <v>20</v>
      </c>
      <c r="C97" s="14">
        <v>21</v>
      </c>
      <c r="D97" s="18">
        <v>41</v>
      </c>
    </row>
    <row r="98" spans="1:4" ht="18" customHeight="1" x14ac:dyDescent="0.15">
      <c r="A98" s="5">
        <v>76</v>
      </c>
      <c r="B98" s="22">
        <v>11</v>
      </c>
      <c r="C98" s="14">
        <v>30</v>
      </c>
      <c r="D98" s="18">
        <v>41</v>
      </c>
    </row>
    <row r="99" spans="1:4" ht="18" customHeight="1" x14ac:dyDescent="0.15">
      <c r="A99" s="5">
        <v>77</v>
      </c>
      <c r="B99" s="22">
        <v>26</v>
      </c>
      <c r="C99" s="14">
        <v>35</v>
      </c>
      <c r="D99" s="18">
        <v>61</v>
      </c>
    </row>
    <row r="100" spans="1:4" ht="18" customHeight="1" x14ac:dyDescent="0.15">
      <c r="A100" s="5">
        <v>78</v>
      </c>
      <c r="B100" s="22">
        <v>23</v>
      </c>
      <c r="C100" s="14">
        <v>26</v>
      </c>
      <c r="D100" s="18">
        <v>49</v>
      </c>
    </row>
    <row r="101" spans="1:4" ht="18" customHeight="1" x14ac:dyDescent="0.15">
      <c r="A101" s="5">
        <v>79</v>
      </c>
      <c r="B101" s="22">
        <v>16</v>
      </c>
      <c r="C101" s="14">
        <v>31</v>
      </c>
      <c r="D101" s="18">
        <v>47</v>
      </c>
    </row>
    <row r="102" spans="1:4" ht="18" customHeight="1" x14ac:dyDescent="0.15">
      <c r="A102" s="5" t="s">
        <v>0</v>
      </c>
      <c r="B102" s="22">
        <v>96</v>
      </c>
      <c r="C102" s="14">
        <v>143</v>
      </c>
      <c r="D102" s="18">
        <v>239</v>
      </c>
    </row>
    <row r="103" spans="1:4" ht="18" customHeight="1" x14ac:dyDescent="0.15">
      <c r="A103" s="5">
        <v>80</v>
      </c>
      <c r="B103" s="22">
        <v>17</v>
      </c>
      <c r="C103" s="14">
        <v>13</v>
      </c>
      <c r="D103" s="18">
        <v>30</v>
      </c>
    </row>
    <row r="104" spans="1:4" ht="18" customHeight="1" x14ac:dyDescent="0.15">
      <c r="A104" s="5">
        <v>81</v>
      </c>
      <c r="B104" s="22">
        <v>12</v>
      </c>
      <c r="C104" s="14">
        <v>21</v>
      </c>
      <c r="D104" s="18">
        <v>33</v>
      </c>
    </row>
    <row r="105" spans="1:4" ht="18" customHeight="1" x14ac:dyDescent="0.15">
      <c r="A105" s="5">
        <v>82</v>
      </c>
      <c r="B105" s="22">
        <v>13</v>
      </c>
      <c r="C105" s="14">
        <v>16</v>
      </c>
      <c r="D105" s="18">
        <v>29</v>
      </c>
    </row>
    <row r="106" spans="1:4" ht="18" customHeight="1" x14ac:dyDescent="0.15">
      <c r="A106" s="5">
        <v>83</v>
      </c>
      <c r="B106" s="22">
        <v>7</v>
      </c>
      <c r="C106" s="14">
        <v>23</v>
      </c>
      <c r="D106" s="18">
        <v>30</v>
      </c>
    </row>
    <row r="107" spans="1:4" ht="18" customHeight="1" x14ac:dyDescent="0.15">
      <c r="A107" s="5">
        <v>84</v>
      </c>
      <c r="B107" s="22">
        <v>15</v>
      </c>
      <c r="C107" s="14">
        <v>14</v>
      </c>
      <c r="D107" s="18">
        <v>29</v>
      </c>
    </row>
    <row r="108" spans="1:4" ht="18" customHeight="1" x14ac:dyDescent="0.15">
      <c r="A108" s="5" t="s">
        <v>35</v>
      </c>
      <c r="B108" s="22">
        <v>64</v>
      </c>
      <c r="C108" s="14">
        <v>87</v>
      </c>
      <c r="D108" s="18">
        <v>151</v>
      </c>
    </row>
    <row r="109" spans="1:4" ht="18" customHeight="1" x14ac:dyDescent="0.15">
      <c r="A109" s="5">
        <v>85</v>
      </c>
      <c r="B109" s="22">
        <v>6</v>
      </c>
      <c r="C109" s="14">
        <v>7</v>
      </c>
      <c r="D109" s="18">
        <v>13</v>
      </c>
    </row>
    <row r="110" spans="1:4" ht="18" customHeight="1" x14ac:dyDescent="0.15">
      <c r="A110" s="5">
        <v>86</v>
      </c>
      <c r="B110" s="22">
        <v>5</v>
      </c>
      <c r="C110" s="14">
        <v>15</v>
      </c>
      <c r="D110" s="18">
        <v>20</v>
      </c>
    </row>
    <row r="111" spans="1:4" ht="18" customHeight="1" x14ac:dyDescent="0.15">
      <c r="A111" s="5">
        <v>87</v>
      </c>
      <c r="B111" s="22">
        <v>7</v>
      </c>
      <c r="C111" s="14">
        <v>11</v>
      </c>
      <c r="D111" s="18">
        <v>18</v>
      </c>
    </row>
    <row r="112" spans="1:4" ht="18" customHeight="1" x14ac:dyDescent="0.15">
      <c r="A112" s="5">
        <v>88</v>
      </c>
      <c r="B112" s="22">
        <v>10</v>
      </c>
      <c r="C112" s="14">
        <v>10</v>
      </c>
      <c r="D112" s="18">
        <v>20</v>
      </c>
    </row>
    <row r="113" spans="1:4" ht="18" customHeight="1" x14ac:dyDescent="0.15">
      <c r="A113" s="5">
        <v>89</v>
      </c>
      <c r="B113" s="22">
        <v>5</v>
      </c>
      <c r="C113" s="14">
        <v>13</v>
      </c>
      <c r="D113" s="18">
        <v>18</v>
      </c>
    </row>
    <row r="114" spans="1:4" ht="18" customHeight="1" x14ac:dyDescent="0.15">
      <c r="A114" s="5" t="s">
        <v>37</v>
      </c>
      <c r="B114" s="22">
        <v>33</v>
      </c>
      <c r="C114" s="14">
        <v>56</v>
      </c>
      <c r="D114" s="18">
        <v>89</v>
      </c>
    </row>
    <row r="115" spans="1:4" ht="18" customHeight="1" x14ac:dyDescent="0.15">
      <c r="A115" s="5">
        <v>90</v>
      </c>
      <c r="B115" s="22">
        <v>4</v>
      </c>
      <c r="C115" s="14">
        <v>13</v>
      </c>
      <c r="D115" s="18">
        <v>17</v>
      </c>
    </row>
    <row r="116" spans="1:4" ht="18" customHeight="1" x14ac:dyDescent="0.15">
      <c r="A116" s="5">
        <v>91</v>
      </c>
      <c r="B116" s="22">
        <v>1</v>
      </c>
      <c r="C116" s="14">
        <v>6</v>
      </c>
      <c r="D116" s="18">
        <v>7</v>
      </c>
    </row>
    <row r="117" spans="1:4" ht="18" customHeight="1" x14ac:dyDescent="0.15">
      <c r="A117" s="5">
        <v>92</v>
      </c>
      <c r="B117" s="22">
        <v>4</v>
      </c>
      <c r="C117" s="14">
        <v>9</v>
      </c>
      <c r="D117" s="18">
        <v>13</v>
      </c>
    </row>
    <row r="118" spans="1:4" ht="18" customHeight="1" x14ac:dyDescent="0.15">
      <c r="A118" s="5">
        <v>93</v>
      </c>
      <c r="B118" s="22">
        <v>1</v>
      </c>
      <c r="C118" s="14">
        <v>9</v>
      </c>
      <c r="D118" s="18">
        <v>10</v>
      </c>
    </row>
    <row r="119" spans="1:4" ht="18" customHeight="1" x14ac:dyDescent="0.15">
      <c r="A119" s="5">
        <v>94</v>
      </c>
      <c r="B119" s="22">
        <v>5</v>
      </c>
      <c r="C119" s="14">
        <v>4</v>
      </c>
      <c r="D119" s="18">
        <v>9</v>
      </c>
    </row>
    <row r="120" spans="1:4" ht="18" customHeight="1" x14ac:dyDescent="0.15">
      <c r="A120" s="5" t="s">
        <v>39</v>
      </c>
      <c r="B120" s="22">
        <v>15</v>
      </c>
      <c r="C120" s="14">
        <v>41</v>
      </c>
      <c r="D120" s="18">
        <v>56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15</v>
      </c>
      <c r="D126" s="18">
        <v>16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47</v>
      </c>
      <c r="C130" s="14">
        <v>522</v>
      </c>
      <c r="D130" s="18">
        <v>869</v>
      </c>
    </row>
    <row r="131" spans="1:4" ht="18" customHeight="1" x14ac:dyDescent="0.15">
      <c r="A131" s="7" t="s">
        <v>45</v>
      </c>
      <c r="B131" s="23">
        <v>1018</v>
      </c>
      <c r="C131" s="15">
        <v>1098</v>
      </c>
      <c r="D131" s="19">
        <v>21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3</v>
      </c>
      <c r="C5" s="13">
        <v>2</v>
      </c>
      <c r="D5" s="17">
        <v>5</v>
      </c>
    </row>
    <row r="6" spans="1:4" ht="18" customHeight="1" x14ac:dyDescent="0.15">
      <c r="A6" s="5">
        <v>1</v>
      </c>
      <c r="B6" s="22">
        <v>6</v>
      </c>
      <c r="C6" s="14">
        <v>4</v>
      </c>
      <c r="D6" s="18">
        <v>10</v>
      </c>
    </row>
    <row r="7" spans="1:4" ht="18" customHeight="1" x14ac:dyDescent="0.15">
      <c r="A7" s="5">
        <v>2</v>
      </c>
      <c r="B7" s="22">
        <v>3</v>
      </c>
      <c r="C7" s="14">
        <v>1</v>
      </c>
      <c r="D7" s="18">
        <v>4</v>
      </c>
    </row>
    <row r="8" spans="1:4" ht="18" customHeight="1" x14ac:dyDescent="0.15">
      <c r="A8" s="5">
        <v>3</v>
      </c>
      <c r="B8" s="22">
        <v>10</v>
      </c>
      <c r="C8" s="14">
        <v>10</v>
      </c>
      <c r="D8" s="18">
        <v>20</v>
      </c>
    </row>
    <row r="9" spans="1:4" ht="18" customHeight="1" x14ac:dyDescent="0.15">
      <c r="A9" s="5">
        <v>4</v>
      </c>
      <c r="B9" s="22">
        <v>5</v>
      </c>
      <c r="C9" s="14">
        <v>8</v>
      </c>
      <c r="D9" s="18">
        <v>13</v>
      </c>
    </row>
    <row r="10" spans="1:4" ht="18" customHeight="1" x14ac:dyDescent="0.15">
      <c r="A10" s="5" t="s">
        <v>7</v>
      </c>
      <c r="B10" s="22">
        <v>27</v>
      </c>
      <c r="C10" s="14">
        <v>25</v>
      </c>
      <c r="D10" s="18">
        <v>52</v>
      </c>
    </row>
    <row r="11" spans="1:4" ht="18" customHeight="1" x14ac:dyDescent="0.15">
      <c r="A11" s="5">
        <v>5</v>
      </c>
      <c r="B11" s="22">
        <v>5</v>
      </c>
      <c r="C11" s="14">
        <v>6</v>
      </c>
      <c r="D11" s="18">
        <v>11</v>
      </c>
    </row>
    <row r="12" spans="1:4" ht="18" customHeight="1" x14ac:dyDescent="0.15">
      <c r="A12" s="5">
        <v>6</v>
      </c>
      <c r="B12" s="22">
        <v>5</v>
      </c>
      <c r="C12" s="14">
        <v>11</v>
      </c>
      <c r="D12" s="18">
        <v>16</v>
      </c>
    </row>
    <row r="13" spans="1:4" ht="18" customHeight="1" x14ac:dyDescent="0.15">
      <c r="A13" s="5">
        <v>7</v>
      </c>
      <c r="B13" s="22">
        <v>4</v>
      </c>
      <c r="C13" s="14">
        <v>9</v>
      </c>
      <c r="D13" s="18">
        <v>13</v>
      </c>
    </row>
    <row r="14" spans="1:4" ht="18" customHeight="1" x14ac:dyDescent="0.15">
      <c r="A14" s="5">
        <v>8</v>
      </c>
      <c r="B14" s="22">
        <v>13</v>
      </c>
      <c r="C14" s="14">
        <v>4</v>
      </c>
      <c r="D14" s="18">
        <v>17</v>
      </c>
    </row>
    <row r="15" spans="1:4" ht="18" customHeight="1" x14ac:dyDescent="0.15">
      <c r="A15" s="5">
        <v>9</v>
      </c>
      <c r="B15" s="22">
        <v>8</v>
      </c>
      <c r="C15" s="14">
        <v>8</v>
      </c>
      <c r="D15" s="18">
        <v>16</v>
      </c>
    </row>
    <row r="16" spans="1:4" ht="18" customHeight="1" x14ac:dyDescent="0.15">
      <c r="A16" s="5" t="s">
        <v>11</v>
      </c>
      <c r="B16" s="22">
        <v>35</v>
      </c>
      <c r="C16" s="14">
        <v>38</v>
      </c>
      <c r="D16" s="18">
        <v>73</v>
      </c>
    </row>
    <row r="17" spans="1:4" ht="18" customHeight="1" x14ac:dyDescent="0.15">
      <c r="A17" s="5">
        <v>10</v>
      </c>
      <c r="B17" s="22">
        <v>8</v>
      </c>
      <c r="C17" s="14">
        <v>9</v>
      </c>
      <c r="D17" s="18">
        <v>17</v>
      </c>
    </row>
    <row r="18" spans="1:4" ht="18" customHeight="1" x14ac:dyDescent="0.15">
      <c r="A18" s="5">
        <v>11</v>
      </c>
      <c r="B18" s="22">
        <v>14</v>
      </c>
      <c r="C18" s="14">
        <v>7</v>
      </c>
      <c r="D18" s="18">
        <v>21</v>
      </c>
    </row>
    <row r="19" spans="1:4" ht="18" customHeight="1" x14ac:dyDescent="0.15">
      <c r="A19" s="5">
        <v>12</v>
      </c>
      <c r="B19" s="22">
        <v>8</v>
      </c>
      <c r="C19" s="14">
        <v>11</v>
      </c>
      <c r="D19" s="18">
        <v>19</v>
      </c>
    </row>
    <row r="20" spans="1:4" ht="18" customHeight="1" x14ac:dyDescent="0.15">
      <c r="A20" s="5">
        <v>13</v>
      </c>
      <c r="B20" s="22">
        <v>11</v>
      </c>
      <c r="C20" s="14">
        <v>13</v>
      </c>
      <c r="D20" s="18">
        <v>24</v>
      </c>
    </row>
    <row r="21" spans="1:4" ht="18" customHeight="1" x14ac:dyDescent="0.15">
      <c r="A21" s="5">
        <v>14</v>
      </c>
      <c r="B21" s="22">
        <v>8</v>
      </c>
      <c r="C21" s="14">
        <v>10</v>
      </c>
      <c r="D21" s="18">
        <v>18</v>
      </c>
    </row>
    <row r="22" spans="1:4" ht="18" customHeight="1" x14ac:dyDescent="0.15">
      <c r="A22" s="5" t="s">
        <v>12</v>
      </c>
      <c r="B22" s="22">
        <v>49</v>
      </c>
      <c r="C22" s="14">
        <v>50</v>
      </c>
      <c r="D22" s="18">
        <v>99</v>
      </c>
    </row>
    <row r="23" spans="1:4" ht="18" customHeight="1" x14ac:dyDescent="0.15">
      <c r="A23" s="5" t="s">
        <v>6</v>
      </c>
      <c r="B23" s="22">
        <v>111</v>
      </c>
      <c r="C23" s="14">
        <v>113</v>
      </c>
      <c r="D23" s="18">
        <v>224</v>
      </c>
    </row>
    <row r="24" spans="1:4" ht="18" customHeight="1" x14ac:dyDescent="0.15">
      <c r="A24" s="5">
        <v>15</v>
      </c>
      <c r="B24" s="22">
        <v>11</v>
      </c>
      <c r="C24" s="14">
        <v>14</v>
      </c>
      <c r="D24" s="18">
        <v>25</v>
      </c>
    </row>
    <row r="25" spans="1:4" ht="18" customHeight="1" x14ac:dyDescent="0.15">
      <c r="A25" s="5">
        <v>16</v>
      </c>
      <c r="B25" s="22">
        <v>11</v>
      </c>
      <c r="C25" s="14">
        <v>9</v>
      </c>
      <c r="D25" s="18">
        <v>20</v>
      </c>
    </row>
    <row r="26" spans="1:4" ht="18" customHeight="1" x14ac:dyDescent="0.15">
      <c r="A26" s="5">
        <v>17</v>
      </c>
      <c r="B26" s="22">
        <v>9</v>
      </c>
      <c r="C26" s="14">
        <v>11</v>
      </c>
      <c r="D26" s="18">
        <v>20</v>
      </c>
    </row>
    <row r="27" spans="1:4" ht="18" customHeight="1" x14ac:dyDescent="0.15">
      <c r="A27" s="5">
        <v>18</v>
      </c>
      <c r="B27" s="22">
        <v>5</v>
      </c>
      <c r="C27" s="14">
        <v>18</v>
      </c>
      <c r="D27" s="18">
        <v>23</v>
      </c>
    </row>
    <row r="28" spans="1:4" ht="18" customHeight="1" x14ac:dyDescent="0.15">
      <c r="A28" s="5">
        <v>19</v>
      </c>
      <c r="B28" s="22">
        <v>16</v>
      </c>
      <c r="C28" s="14">
        <v>10</v>
      </c>
      <c r="D28" s="18">
        <v>26</v>
      </c>
    </row>
    <row r="29" spans="1:4" ht="18" customHeight="1" x14ac:dyDescent="0.15">
      <c r="A29" s="5" t="s">
        <v>14</v>
      </c>
      <c r="B29" s="22">
        <v>52</v>
      </c>
      <c r="C29" s="14">
        <v>62</v>
      </c>
      <c r="D29" s="18">
        <v>114</v>
      </c>
    </row>
    <row r="30" spans="1:4" ht="18" customHeight="1" x14ac:dyDescent="0.15">
      <c r="A30" s="5">
        <v>20</v>
      </c>
      <c r="B30" s="22">
        <v>6</v>
      </c>
      <c r="C30" s="14">
        <v>15</v>
      </c>
      <c r="D30" s="18">
        <v>21</v>
      </c>
    </row>
    <row r="31" spans="1:4" ht="18" customHeight="1" x14ac:dyDescent="0.15">
      <c r="A31" s="5">
        <v>21</v>
      </c>
      <c r="B31" s="22">
        <v>17</v>
      </c>
      <c r="C31" s="14">
        <v>10</v>
      </c>
      <c r="D31" s="18">
        <v>27</v>
      </c>
    </row>
    <row r="32" spans="1:4" ht="18" customHeight="1" x14ac:dyDescent="0.15">
      <c r="A32" s="5">
        <v>22</v>
      </c>
      <c r="B32" s="22">
        <v>12</v>
      </c>
      <c r="C32" s="14">
        <v>4</v>
      </c>
      <c r="D32" s="18">
        <v>16</v>
      </c>
    </row>
    <row r="33" spans="1:4" ht="18" customHeight="1" x14ac:dyDescent="0.15">
      <c r="A33" s="5">
        <v>23</v>
      </c>
      <c r="B33" s="22">
        <v>16</v>
      </c>
      <c r="C33" s="14">
        <v>14</v>
      </c>
      <c r="D33" s="18">
        <v>30</v>
      </c>
    </row>
    <row r="34" spans="1:4" ht="18" customHeight="1" x14ac:dyDescent="0.15">
      <c r="A34" s="5">
        <v>24</v>
      </c>
      <c r="B34" s="22">
        <v>9</v>
      </c>
      <c r="C34" s="14">
        <v>9</v>
      </c>
      <c r="D34" s="18">
        <v>18</v>
      </c>
    </row>
    <row r="35" spans="1:4" ht="18" customHeight="1" x14ac:dyDescent="0.15">
      <c r="A35" s="5" t="s">
        <v>9</v>
      </c>
      <c r="B35" s="22">
        <v>60</v>
      </c>
      <c r="C35" s="14">
        <v>52</v>
      </c>
      <c r="D35" s="18">
        <v>112</v>
      </c>
    </row>
    <row r="36" spans="1:4" ht="18" customHeight="1" x14ac:dyDescent="0.15">
      <c r="A36" s="5">
        <v>25</v>
      </c>
      <c r="B36" s="22">
        <v>9</v>
      </c>
      <c r="C36" s="14">
        <v>9</v>
      </c>
      <c r="D36" s="18">
        <v>18</v>
      </c>
    </row>
    <row r="37" spans="1:4" ht="18" customHeight="1" x14ac:dyDescent="0.15">
      <c r="A37" s="5">
        <v>26</v>
      </c>
      <c r="B37" s="22">
        <v>17</v>
      </c>
      <c r="C37" s="14">
        <v>6</v>
      </c>
      <c r="D37" s="18">
        <v>23</v>
      </c>
    </row>
    <row r="38" spans="1:4" ht="18" customHeight="1" x14ac:dyDescent="0.15">
      <c r="A38" s="5">
        <v>27</v>
      </c>
      <c r="B38" s="22">
        <v>8</v>
      </c>
      <c r="C38" s="14">
        <v>3</v>
      </c>
      <c r="D38" s="18">
        <v>11</v>
      </c>
    </row>
    <row r="39" spans="1:4" ht="18" customHeight="1" x14ac:dyDescent="0.15">
      <c r="A39" s="5">
        <v>28</v>
      </c>
      <c r="B39" s="22">
        <v>12</v>
      </c>
      <c r="C39" s="14">
        <v>6</v>
      </c>
      <c r="D39" s="18">
        <v>18</v>
      </c>
    </row>
    <row r="40" spans="1:4" ht="18" customHeight="1" x14ac:dyDescent="0.15">
      <c r="A40" s="5">
        <v>29</v>
      </c>
      <c r="B40" s="22">
        <v>14</v>
      </c>
      <c r="C40" s="14">
        <v>9</v>
      </c>
      <c r="D40" s="18">
        <v>23</v>
      </c>
    </row>
    <row r="41" spans="1:4" ht="18" customHeight="1" x14ac:dyDescent="0.15">
      <c r="A41" s="5" t="s">
        <v>2</v>
      </c>
      <c r="B41" s="22">
        <v>60</v>
      </c>
      <c r="C41" s="14">
        <v>33</v>
      </c>
      <c r="D41" s="18">
        <v>93</v>
      </c>
    </row>
    <row r="42" spans="1:4" ht="18" customHeight="1" x14ac:dyDescent="0.15">
      <c r="A42" s="5">
        <v>30</v>
      </c>
      <c r="B42" s="22">
        <v>12</v>
      </c>
      <c r="C42" s="14">
        <v>11</v>
      </c>
      <c r="D42" s="18">
        <v>23</v>
      </c>
    </row>
    <row r="43" spans="1:4" ht="18" customHeight="1" x14ac:dyDescent="0.15">
      <c r="A43" s="5">
        <v>31</v>
      </c>
      <c r="B43" s="22">
        <v>9</v>
      </c>
      <c r="C43" s="14">
        <v>9</v>
      </c>
      <c r="D43" s="18">
        <v>18</v>
      </c>
    </row>
    <row r="44" spans="1:4" ht="18" customHeight="1" x14ac:dyDescent="0.15">
      <c r="A44" s="5">
        <v>32</v>
      </c>
      <c r="B44" s="22">
        <v>16</v>
      </c>
      <c r="C44" s="14">
        <v>7</v>
      </c>
      <c r="D44" s="18">
        <v>23</v>
      </c>
    </row>
    <row r="45" spans="1:4" ht="18" customHeight="1" x14ac:dyDescent="0.15">
      <c r="A45" s="5">
        <v>33</v>
      </c>
      <c r="B45" s="22">
        <v>12</v>
      </c>
      <c r="C45" s="14">
        <v>6</v>
      </c>
      <c r="D45" s="18">
        <v>18</v>
      </c>
    </row>
    <row r="46" spans="1:4" ht="18" customHeight="1" x14ac:dyDescent="0.15">
      <c r="A46" s="5">
        <v>34</v>
      </c>
      <c r="B46" s="22">
        <v>10</v>
      </c>
      <c r="C46" s="14">
        <v>12</v>
      </c>
      <c r="D46" s="18">
        <v>22</v>
      </c>
    </row>
    <row r="47" spans="1:4" ht="18" customHeight="1" x14ac:dyDescent="0.15">
      <c r="A47" s="5" t="s">
        <v>15</v>
      </c>
      <c r="B47" s="22">
        <v>59</v>
      </c>
      <c r="C47" s="14">
        <v>45</v>
      </c>
      <c r="D47" s="18">
        <v>104</v>
      </c>
    </row>
    <row r="48" spans="1:4" ht="18" customHeight="1" x14ac:dyDescent="0.15">
      <c r="A48" s="5">
        <v>35</v>
      </c>
      <c r="B48" s="22">
        <v>6</v>
      </c>
      <c r="C48" s="14">
        <v>10</v>
      </c>
      <c r="D48" s="18">
        <v>16</v>
      </c>
    </row>
    <row r="49" spans="1:4" ht="18" customHeight="1" x14ac:dyDescent="0.15">
      <c r="A49" s="5">
        <v>36</v>
      </c>
      <c r="B49" s="22">
        <v>13</v>
      </c>
      <c r="C49" s="14">
        <v>6</v>
      </c>
      <c r="D49" s="18">
        <v>19</v>
      </c>
    </row>
    <row r="50" spans="1:4" ht="18" customHeight="1" x14ac:dyDescent="0.15">
      <c r="A50" s="5">
        <v>37</v>
      </c>
      <c r="B50" s="22">
        <v>10</v>
      </c>
      <c r="C50" s="14">
        <v>12</v>
      </c>
      <c r="D50" s="18">
        <v>22</v>
      </c>
    </row>
    <row r="51" spans="1:4" ht="18" customHeight="1" x14ac:dyDescent="0.15">
      <c r="A51" s="5">
        <v>38</v>
      </c>
      <c r="B51" s="22">
        <v>10</v>
      </c>
      <c r="C51" s="14">
        <v>6</v>
      </c>
      <c r="D51" s="18">
        <v>16</v>
      </c>
    </row>
    <row r="52" spans="1:4" ht="18" customHeight="1" x14ac:dyDescent="0.15">
      <c r="A52" s="5">
        <v>39</v>
      </c>
      <c r="B52" s="22">
        <v>14</v>
      </c>
      <c r="C52" s="14">
        <v>13</v>
      </c>
      <c r="D52" s="18">
        <v>27</v>
      </c>
    </row>
    <row r="53" spans="1:4" ht="18" customHeight="1" x14ac:dyDescent="0.15">
      <c r="A53" s="5" t="s">
        <v>18</v>
      </c>
      <c r="B53" s="22">
        <v>53</v>
      </c>
      <c r="C53" s="14">
        <v>47</v>
      </c>
      <c r="D53" s="18">
        <v>100</v>
      </c>
    </row>
    <row r="54" spans="1:4" ht="18" customHeight="1" x14ac:dyDescent="0.15">
      <c r="A54" s="5">
        <v>40</v>
      </c>
      <c r="B54" s="22">
        <v>13</v>
      </c>
      <c r="C54" s="14">
        <v>9</v>
      </c>
      <c r="D54" s="18">
        <v>22</v>
      </c>
    </row>
    <row r="55" spans="1:4" ht="18" customHeight="1" x14ac:dyDescent="0.15">
      <c r="A55" s="5">
        <v>41</v>
      </c>
      <c r="B55" s="22">
        <v>15</v>
      </c>
      <c r="C55" s="14">
        <v>19</v>
      </c>
      <c r="D55" s="18">
        <v>34</v>
      </c>
    </row>
    <row r="56" spans="1:4" ht="18" customHeight="1" x14ac:dyDescent="0.15">
      <c r="A56" s="5">
        <v>42</v>
      </c>
      <c r="B56" s="22">
        <v>17</v>
      </c>
      <c r="C56" s="14">
        <v>12</v>
      </c>
      <c r="D56" s="18">
        <v>29</v>
      </c>
    </row>
    <row r="57" spans="1:4" ht="18" customHeight="1" x14ac:dyDescent="0.15">
      <c r="A57" s="5">
        <v>43</v>
      </c>
      <c r="B57" s="22">
        <v>20</v>
      </c>
      <c r="C57" s="14">
        <v>11</v>
      </c>
      <c r="D57" s="18">
        <v>31</v>
      </c>
    </row>
    <row r="58" spans="1:4" ht="18" customHeight="1" x14ac:dyDescent="0.15">
      <c r="A58" s="5">
        <v>44</v>
      </c>
      <c r="B58" s="22">
        <v>17</v>
      </c>
      <c r="C58" s="14">
        <v>13</v>
      </c>
      <c r="D58" s="18">
        <v>30</v>
      </c>
    </row>
    <row r="59" spans="1:4" ht="18" customHeight="1" x14ac:dyDescent="0.15">
      <c r="A59" s="5" t="s">
        <v>21</v>
      </c>
      <c r="B59" s="22">
        <v>82</v>
      </c>
      <c r="C59" s="14">
        <v>64</v>
      </c>
      <c r="D59" s="18">
        <v>146</v>
      </c>
    </row>
    <row r="60" spans="1:4" ht="18" customHeight="1" x14ac:dyDescent="0.15">
      <c r="A60" s="5">
        <v>45</v>
      </c>
      <c r="B60" s="22">
        <v>22</v>
      </c>
      <c r="C60" s="14">
        <v>13</v>
      </c>
      <c r="D60" s="18">
        <v>35</v>
      </c>
    </row>
    <row r="61" spans="1:4" ht="18" customHeight="1" x14ac:dyDescent="0.15">
      <c r="A61" s="5">
        <v>46</v>
      </c>
      <c r="B61" s="22">
        <v>13</v>
      </c>
      <c r="C61" s="14">
        <v>12</v>
      </c>
      <c r="D61" s="18">
        <v>25</v>
      </c>
    </row>
    <row r="62" spans="1:4" ht="18" customHeight="1" x14ac:dyDescent="0.15">
      <c r="A62" s="5">
        <v>47</v>
      </c>
      <c r="B62" s="22">
        <v>18</v>
      </c>
      <c r="C62" s="14">
        <v>22</v>
      </c>
      <c r="D62" s="18">
        <v>40</v>
      </c>
    </row>
    <row r="63" spans="1:4" ht="18" customHeight="1" x14ac:dyDescent="0.15">
      <c r="A63" s="5">
        <v>48</v>
      </c>
      <c r="B63" s="22">
        <v>22</v>
      </c>
      <c r="C63" s="14">
        <v>24</v>
      </c>
      <c r="D63" s="18">
        <v>46</v>
      </c>
    </row>
    <row r="64" spans="1:4" ht="18" customHeight="1" x14ac:dyDescent="0.15">
      <c r="A64" s="5">
        <v>49</v>
      </c>
      <c r="B64" s="22">
        <v>25</v>
      </c>
      <c r="C64" s="14">
        <v>9</v>
      </c>
      <c r="D64" s="18">
        <v>34</v>
      </c>
    </row>
    <row r="65" spans="1:4" ht="18" customHeight="1" x14ac:dyDescent="0.15">
      <c r="A65" s="5" t="s">
        <v>17</v>
      </c>
      <c r="B65" s="22">
        <v>100</v>
      </c>
      <c r="C65" s="14">
        <v>80</v>
      </c>
      <c r="D65" s="18">
        <v>180</v>
      </c>
    </row>
    <row r="66" spans="1:4" ht="18" customHeight="1" x14ac:dyDescent="0.15">
      <c r="A66" s="5">
        <v>50</v>
      </c>
      <c r="B66" s="22">
        <v>18</v>
      </c>
      <c r="C66" s="14">
        <v>21</v>
      </c>
      <c r="D66" s="18">
        <v>39</v>
      </c>
    </row>
    <row r="67" spans="1:4" ht="18" customHeight="1" x14ac:dyDescent="0.15">
      <c r="A67" s="5">
        <v>51</v>
      </c>
      <c r="B67" s="22">
        <v>23</v>
      </c>
      <c r="C67" s="14">
        <v>16</v>
      </c>
      <c r="D67" s="18">
        <v>39</v>
      </c>
    </row>
    <row r="68" spans="1:4" ht="18" customHeight="1" x14ac:dyDescent="0.15">
      <c r="A68" s="5">
        <v>52</v>
      </c>
      <c r="B68" s="22">
        <v>28</v>
      </c>
      <c r="C68" s="14">
        <v>15</v>
      </c>
      <c r="D68" s="18">
        <v>43</v>
      </c>
    </row>
    <row r="69" spans="1:4" ht="18" customHeight="1" x14ac:dyDescent="0.15">
      <c r="A69" s="5">
        <v>53</v>
      </c>
      <c r="B69" s="22">
        <v>23</v>
      </c>
      <c r="C69" s="14">
        <v>31</v>
      </c>
      <c r="D69" s="18">
        <v>54</v>
      </c>
    </row>
    <row r="70" spans="1:4" ht="18" customHeight="1" x14ac:dyDescent="0.15">
      <c r="A70" s="5">
        <v>54</v>
      </c>
      <c r="B70" s="22">
        <v>15</v>
      </c>
      <c r="C70" s="14">
        <v>27</v>
      </c>
      <c r="D70" s="18">
        <v>42</v>
      </c>
    </row>
    <row r="71" spans="1:4" ht="18" customHeight="1" x14ac:dyDescent="0.15">
      <c r="A71" s="5" t="s">
        <v>22</v>
      </c>
      <c r="B71" s="22">
        <v>107</v>
      </c>
      <c r="C71" s="14">
        <v>110</v>
      </c>
      <c r="D71" s="18">
        <v>217</v>
      </c>
    </row>
    <row r="72" spans="1:4" ht="18" customHeight="1" x14ac:dyDescent="0.15">
      <c r="A72" s="5">
        <v>55</v>
      </c>
      <c r="B72" s="22">
        <v>15</v>
      </c>
      <c r="C72" s="14">
        <v>15</v>
      </c>
      <c r="D72" s="18">
        <v>30</v>
      </c>
    </row>
    <row r="73" spans="1:4" ht="18" customHeight="1" x14ac:dyDescent="0.15">
      <c r="A73" s="5">
        <v>56</v>
      </c>
      <c r="B73" s="22">
        <v>24</v>
      </c>
      <c r="C73" s="14">
        <v>12</v>
      </c>
      <c r="D73" s="18">
        <v>36</v>
      </c>
    </row>
    <row r="74" spans="1:4" ht="18" customHeight="1" x14ac:dyDescent="0.15">
      <c r="A74" s="5">
        <v>57</v>
      </c>
      <c r="B74" s="22">
        <v>24</v>
      </c>
      <c r="C74" s="14">
        <v>17</v>
      </c>
      <c r="D74" s="18">
        <v>41</v>
      </c>
    </row>
    <row r="75" spans="1:4" ht="18" customHeight="1" x14ac:dyDescent="0.15">
      <c r="A75" s="5">
        <v>58</v>
      </c>
      <c r="B75" s="22">
        <v>23</v>
      </c>
      <c r="C75" s="14">
        <v>15</v>
      </c>
      <c r="D75" s="18">
        <v>38</v>
      </c>
    </row>
    <row r="76" spans="1:4" ht="18" customHeight="1" x14ac:dyDescent="0.15">
      <c r="A76" s="5">
        <v>59</v>
      </c>
      <c r="B76" s="22">
        <v>21</v>
      </c>
      <c r="C76" s="14">
        <v>17</v>
      </c>
      <c r="D76" s="18">
        <v>38</v>
      </c>
    </row>
    <row r="77" spans="1:4" ht="18" customHeight="1" x14ac:dyDescent="0.15">
      <c r="A77" s="5" t="s">
        <v>27</v>
      </c>
      <c r="B77" s="22">
        <v>107</v>
      </c>
      <c r="C77" s="14">
        <v>76</v>
      </c>
      <c r="D77" s="18">
        <v>183</v>
      </c>
    </row>
    <row r="78" spans="1:4" ht="18" customHeight="1" x14ac:dyDescent="0.15">
      <c r="A78" s="5">
        <v>60</v>
      </c>
      <c r="B78" s="22">
        <v>15</v>
      </c>
      <c r="C78" s="14">
        <v>14</v>
      </c>
      <c r="D78" s="18">
        <v>29</v>
      </c>
    </row>
    <row r="79" spans="1:4" ht="18" customHeight="1" x14ac:dyDescent="0.15">
      <c r="A79" s="5">
        <v>61</v>
      </c>
      <c r="B79" s="22">
        <v>21</v>
      </c>
      <c r="C79" s="14">
        <v>17</v>
      </c>
      <c r="D79" s="18">
        <v>38</v>
      </c>
    </row>
    <row r="80" spans="1:4" ht="18" customHeight="1" x14ac:dyDescent="0.15">
      <c r="A80" s="5">
        <v>62</v>
      </c>
      <c r="B80" s="22">
        <v>18</v>
      </c>
      <c r="C80" s="14">
        <v>31</v>
      </c>
      <c r="D80" s="18">
        <v>49</v>
      </c>
    </row>
    <row r="81" spans="1:4" ht="18" customHeight="1" x14ac:dyDescent="0.15">
      <c r="A81" s="5">
        <v>63</v>
      </c>
      <c r="B81" s="22">
        <v>18</v>
      </c>
      <c r="C81" s="14">
        <v>21</v>
      </c>
      <c r="D81" s="18">
        <v>39</v>
      </c>
    </row>
    <row r="82" spans="1:4" ht="18" customHeight="1" x14ac:dyDescent="0.15">
      <c r="A82" s="5">
        <v>64</v>
      </c>
      <c r="B82" s="22">
        <v>16</v>
      </c>
      <c r="C82" s="14">
        <v>17</v>
      </c>
      <c r="D82" s="18">
        <v>33</v>
      </c>
    </row>
    <row r="83" spans="1:4" ht="18" customHeight="1" x14ac:dyDescent="0.15">
      <c r="A83" s="5" t="s">
        <v>28</v>
      </c>
      <c r="B83" s="22">
        <v>88</v>
      </c>
      <c r="C83" s="14">
        <v>100</v>
      </c>
      <c r="D83" s="18">
        <v>188</v>
      </c>
    </row>
    <row r="84" spans="1:4" ht="18" customHeight="1" x14ac:dyDescent="0.15">
      <c r="A84" s="5" t="s">
        <v>31</v>
      </c>
      <c r="B84" s="22">
        <v>768</v>
      </c>
      <c r="C84" s="14">
        <v>669</v>
      </c>
      <c r="D84" s="18">
        <v>1437</v>
      </c>
    </row>
    <row r="85" spans="1:4" ht="18" customHeight="1" x14ac:dyDescent="0.15">
      <c r="A85" s="5">
        <v>65</v>
      </c>
      <c r="B85" s="22">
        <v>19</v>
      </c>
      <c r="C85" s="14">
        <v>22</v>
      </c>
      <c r="D85" s="18">
        <v>41</v>
      </c>
    </row>
    <row r="86" spans="1:4" ht="18" customHeight="1" x14ac:dyDescent="0.15">
      <c r="A86" s="5">
        <v>66</v>
      </c>
      <c r="B86" s="22">
        <v>19</v>
      </c>
      <c r="C86" s="14">
        <v>19</v>
      </c>
      <c r="D86" s="18">
        <v>38</v>
      </c>
    </row>
    <row r="87" spans="1:4" ht="18" customHeight="1" x14ac:dyDescent="0.15">
      <c r="A87" s="5">
        <v>67</v>
      </c>
      <c r="B87" s="22">
        <v>12</v>
      </c>
      <c r="C87" s="14">
        <v>23</v>
      </c>
      <c r="D87" s="18">
        <v>35</v>
      </c>
    </row>
    <row r="88" spans="1:4" ht="18" customHeight="1" x14ac:dyDescent="0.15">
      <c r="A88" s="5">
        <v>68</v>
      </c>
      <c r="B88" s="22">
        <v>18</v>
      </c>
      <c r="C88" s="14">
        <v>21</v>
      </c>
      <c r="D88" s="18">
        <v>39</v>
      </c>
    </row>
    <row r="89" spans="1:4" ht="18" customHeight="1" x14ac:dyDescent="0.15">
      <c r="A89" s="5">
        <v>69</v>
      </c>
      <c r="B89" s="22">
        <v>24</v>
      </c>
      <c r="C89" s="14">
        <v>20</v>
      </c>
      <c r="D89" s="18">
        <v>44</v>
      </c>
    </row>
    <row r="90" spans="1:4" ht="18" customHeight="1" x14ac:dyDescent="0.15">
      <c r="A90" s="5" t="s">
        <v>20</v>
      </c>
      <c r="B90" s="22">
        <v>92</v>
      </c>
      <c r="C90" s="14">
        <v>105</v>
      </c>
      <c r="D90" s="18">
        <v>197</v>
      </c>
    </row>
    <row r="91" spans="1:4" ht="18" customHeight="1" x14ac:dyDescent="0.15">
      <c r="A91" s="5">
        <v>70</v>
      </c>
      <c r="B91" s="22">
        <v>14</v>
      </c>
      <c r="C91" s="14">
        <v>28</v>
      </c>
      <c r="D91" s="18">
        <v>42</v>
      </c>
    </row>
    <row r="92" spans="1:4" ht="18" customHeight="1" x14ac:dyDescent="0.15">
      <c r="A92" s="5">
        <v>71</v>
      </c>
      <c r="B92" s="22">
        <v>21</v>
      </c>
      <c r="C92" s="14">
        <v>21</v>
      </c>
      <c r="D92" s="18">
        <v>42</v>
      </c>
    </row>
    <row r="93" spans="1:4" ht="18" customHeight="1" x14ac:dyDescent="0.15">
      <c r="A93" s="5">
        <v>72</v>
      </c>
      <c r="B93" s="22">
        <v>26</v>
      </c>
      <c r="C93" s="14">
        <v>25</v>
      </c>
      <c r="D93" s="18">
        <v>51</v>
      </c>
    </row>
    <row r="94" spans="1:4" ht="18" customHeight="1" x14ac:dyDescent="0.15">
      <c r="A94" s="5">
        <v>73</v>
      </c>
      <c r="B94" s="22">
        <v>24</v>
      </c>
      <c r="C94" s="14">
        <v>32</v>
      </c>
      <c r="D94" s="18">
        <v>56</v>
      </c>
    </row>
    <row r="95" spans="1:4" ht="18" customHeight="1" x14ac:dyDescent="0.15">
      <c r="A95" s="5">
        <v>74</v>
      </c>
      <c r="B95" s="22">
        <v>28</v>
      </c>
      <c r="C95" s="14">
        <v>18</v>
      </c>
      <c r="D95" s="18">
        <v>46</v>
      </c>
    </row>
    <row r="96" spans="1:4" ht="18" customHeight="1" x14ac:dyDescent="0.15">
      <c r="A96" s="5" t="s">
        <v>33</v>
      </c>
      <c r="B96" s="22">
        <v>113</v>
      </c>
      <c r="C96" s="14">
        <v>124</v>
      </c>
      <c r="D96" s="18">
        <v>237</v>
      </c>
    </row>
    <row r="97" spans="1:4" ht="18" customHeight="1" x14ac:dyDescent="0.15">
      <c r="A97" s="5">
        <v>75</v>
      </c>
      <c r="B97" s="22">
        <v>27</v>
      </c>
      <c r="C97" s="14">
        <v>16</v>
      </c>
      <c r="D97" s="18">
        <v>43</v>
      </c>
    </row>
    <row r="98" spans="1:4" ht="18" customHeight="1" x14ac:dyDescent="0.15">
      <c r="A98" s="5">
        <v>76</v>
      </c>
      <c r="B98" s="22">
        <v>18</v>
      </c>
      <c r="C98" s="14">
        <v>34</v>
      </c>
      <c r="D98" s="18">
        <v>52</v>
      </c>
    </row>
    <row r="99" spans="1:4" ht="18" customHeight="1" x14ac:dyDescent="0.15">
      <c r="A99" s="5">
        <v>77</v>
      </c>
      <c r="B99" s="22">
        <v>37</v>
      </c>
      <c r="C99" s="14">
        <v>27</v>
      </c>
      <c r="D99" s="18">
        <v>64</v>
      </c>
    </row>
    <row r="100" spans="1:4" ht="18" customHeight="1" x14ac:dyDescent="0.15">
      <c r="A100" s="5">
        <v>78</v>
      </c>
      <c r="B100" s="22">
        <v>34</v>
      </c>
      <c r="C100" s="14">
        <v>26</v>
      </c>
      <c r="D100" s="18">
        <v>60</v>
      </c>
    </row>
    <row r="101" spans="1:4" ht="18" customHeight="1" x14ac:dyDescent="0.15">
      <c r="A101" s="5">
        <v>79</v>
      </c>
      <c r="B101" s="22">
        <v>17</v>
      </c>
      <c r="C101" s="14">
        <v>22</v>
      </c>
      <c r="D101" s="18">
        <v>39</v>
      </c>
    </row>
    <row r="102" spans="1:4" ht="18" customHeight="1" x14ac:dyDescent="0.15">
      <c r="A102" s="5" t="s">
        <v>0</v>
      </c>
      <c r="B102" s="22">
        <v>133</v>
      </c>
      <c r="C102" s="14">
        <v>125</v>
      </c>
      <c r="D102" s="18">
        <v>258</v>
      </c>
    </row>
    <row r="103" spans="1:4" ht="18" customHeight="1" x14ac:dyDescent="0.15">
      <c r="A103" s="5">
        <v>80</v>
      </c>
      <c r="B103" s="22">
        <v>18</v>
      </c>
      <c r="C103" s="14">
        <v>14</v>
      </c>
      <c r="D103" s="18">
        <v>32</v>
      </c>
    </row>
    <row r="104" spans="1:4" ht="18" customHeight="1" x14ac:dyDescent="0.15">
      <c r="A104" s="5">
        <v>81</v>
      </c>
      <c r="B104" s="22">
        <v>16</v>
      </c>
      <c r="C104" s="14">
        <v>24</v>
      </c>
      <c r="D104" s="18">
        <v>40</v>
      </c>
    </row>
    <row r="105" spans="1:4" ht="18" customHeight="1" x14ac:dyDescent="0.15">
      <c r="A105" s="5">
        <v>82</v>
      </c>
      <c r="B105" s="22">
        <v>10</v>
      </c>
      <c r="C105" s="14">
        <v>24</v>
      </c>
      <c r="D105" s="18">
        <v>34</v>
      </c>
    </row>
    <row r="106" spans="1:4" ht="18" customHeight="1" x14ac:dyDescent="0.15">
      <c r="A106" s="5">
        <v>83</v>
      </c>
      <c r="B106" s="22">
        <v>7</v>
      </c>
      <c r="C106" s="14">
        <v>14</v>
      </c>
      <c r="D106" s="18">
        <v>21</v>
      </c>
    </row>
    <row r="107" spans="1:4" ht="18" customHeight="1" x14ac:dyDescent="0.15">
      <c r="A107" s="5">
        <v>84</v>
      </c>
      <c r="B107" s="22">
        <v>14</v>
      </c>
      <c r="C107" s="14">
        <v>17</v>
      </c>
      <c r="D107" s="18">
        <v>31</v>
      </c>
    </row>
    <row r="108" spans="1:4" ht="18" customHeight="1" x14ac:dyDescent="0.15">
      <c r="A108" s="5" t="s">
        <v>35</v>
      </c>
      <c r="B108" s="22">
        <v>65</v>
      </c>
      <c r="C108" s="14">
        <v>93</v>
      </c>
      <c r="D108" s="18">
        <v>158</v>
      </c>
    </row>
    <row r="109" spans="1:4" ht="18" customHeight="1" x14ac:dyDescent="0.15">
      <c r="A109" s="5">
        <v>85</v>
      </c>
      <c r="B109" s="22">
        <v>11</v>
      </c>
      <c r="C109" s="14">
        <v>9</v>
      </c>
      <c r="D109" s="18">
        <v>20</v>
      </c>
    </row>
    <row r="110" spans="1:4" ht="18" customHeight="1" x14ac:dyDescent="0.15">
      <c r="A110" s="5">
        <v>86</v>
      </c>
      <c r="B110" s="22">
        <v>8</v>
      </c>
      <c r="C110" s="14">
        <v>12</v>
      </c>
      <c r="D110" s="18">
        <v>20</v>
      </c>
    </row>
    <row r="111" spans="1:4" ht="18" customHeight="1" x14ac:dyDescent="0.15">
      <c r="A111" s="5">
        <v>87</v>
      </c>
      <c r="B111" s="22">
        <v>3</v>
      </c>
      <c r="C111" s="14">
        <v>15</v>
      </c>
      <c r="D111" s="18">
        <v>18</v>
      </c>
    </row>
    <row r="112" spans="1:4" ht="18" customHeight="1" x14ac:dyDescent="0.15">
      <c r="A112" s="5">
        <v>88</v>
      </c>
      <c r="B112" s="22">
        <v>3</v>
      </c>
      <c r="C112" s="14">
        <v>9</v>
      </c>
      <c r="D112" s="18">
        <v>12</v>
      </c>
    </row>
    <row r="113" spans="1:4" ht="18" customHeight="1" x14ac:dyDescent="0.15">
      <c r="A113" s="5">
        <v>89</v>
      </c>
      <c r="B113" s="22">
        <v>8</v>
      </c>
      <c r="C113" s="14">
        <v>7</v>
      </c>
      <c r="D113" s="18">
        <v>15</v>
      </c>
    </row>
    <row r="114" spans="1:4" ht="18" customHeight="1" x14ac:dyDescent="0.15">
      <c r="A114" s="5" t="s">
        <v>37</v>
      </c>
      <c r="B114" s="22">
        <v>33</v>
      </c>
      <c r="C114" s="14">
        <v>52</v>
      </c>
      <c r="D114" s="18">
        <v>85</v>
      </c>
    </row>
    <row r="115" spans="1:4" ht="18" customHeight="1" x14ac:dyDescent="0.15">
      <c r="A115" s="5">
        <v>90</v>
      </c>
      <c r="B115" s="22">
        <v>5</v>
      </c>
      <c r="C115" s="14">
        <v>9</v>
      </c>
      <c r="D115" s="18">
        <v>14</v>
      </c>
    </row>
    <row r="116" spans="1:4" ht="18" customHeight="1" x14ac:dyDescent="0.15">
      <c r="A116" s="5">
        <v>91</v>
      </c>
      <c r="B116" s="22">
        <v>3</v>
      </c>
      <c r="C116" s="14">
        <v>11</v>
      </c>
      <c r="D116" s="18">
        <v>14</v>
      </c>
    </row>
    <row r="117" spans="1:4" ht="18" customHeight="1" x14ac:dyDescent="0.15">
      <c r="A117" s="5">
        <v>92</v>
      </c>
      <c r="B117" s="22">
        <v>3</v>
      </c>
      <c r="C117" s="14">
        <v>5</v>
      </c>
      <c r="D117" s="18">
        <v>8</v>
      </c>
    </row>
    <row r="118" spans="1:4" ht="18" customHeight="1" x14ac:dyDescent="0.15">
      <c r="A118" s="5">
        <v>93</v>
      </c>
      <c r="B118" s="22">
        <v>3</v>
      </c>
      <c r="C118" s="14">
        <v>12</v>
      </c>
      <c r="D118" s="18">
        <v>15</v>
      </c>
    </row>
    <row r="119" spans="1:4" ht="18" customHeight="1" x14ac:dyDescent="0.15">
      <c r="A119" s="5">
        <v>94</v>
      </c>
      <c r="B119" s="22">
        <v>0</v>
      </c>
      <c r="C119" s="14">
        <v>8</v>
      </c>
      <c r="D119" s="18">
        <v>8</v>
      </c>
    </row>
    <row r="120" spans="1:4" ht="18" customHeight="1" x14ac:dyDescent="0.15">
      <c r="A120" s="5" t="s">
        <v>39</v>
      </c>
      <c r="B120" s="22">
        <v>14</v>
      </c>
      <c r="C120" s="14">
        <v>45</v>
      </c>
      <c r="D120" s="18">
        <v>59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2</v>
      </c>
      <c r="C126" s="14">
        <v>9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452</v>
      </c>
      <c r="C130" s="14">
        <v>555</v>
      </c>
      <c r="D130" s="18">
        <v>1007</v>
      </c>
    </row>
    <row r="131" spans="1:4" ht="18" customHeight="1" x14ac:dyDescent="0.15">
      <c r="A131" s="7" t="s">
        <v>45</v>
      </c>
      <c r="B131" s="23">
        <v>1331</v>
      </c>
      <c r="C131" s="15">
        <v>1337</v>
      </c>
      <c r="D131" s="19">
        <v>26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9</v>
      </c>
      <c r="C5" s="13">
        <v>7</v>
      </c>
      <c r="D5" s="17">
        <v>16</v>
      </c>
    </row>
    <row r="6" spans="1:4" ht="18" customHeight="1" x14ac:dyDescent="0.15">
      <c r="A6" s="5">
        <v>1</v>
      </c>
      <c r="B6" s="22">
        <v>11</v>
      </c>
      <c r="C6" s="14">
        <v>5</v>
      </c>
      <c r="D6" s="18">
        <v>16</v>
      </c>
    </row>
    <row r="7" spans="1:4" ht="18" customHeight="1" x14ac:dyDescent="0.15">
      <c r="A7" s="5">
        <v>2</v>
      </c>
      <c r="B7" s="22">
        <v>10</v>
      </c>
      <c r="C7" s="14">
        <v>12</v>
      </c>
      <c r="D7" s="18">
        <v>22</v>
      </c>
    </row>
    <row r="8" spans="1:4" ht="18" customHeight="1" x14ac:dyDescent="0.15">
      <c r="A8" s="5">
        <v>3</v>
      </c>
      <c r="B8" s="22">
        <v>6</v>
      </c>
      <c r="C8" s="14">
        <v>14</v>
      </c>
      <c r="D8" s="18">
        <v>20</v>
      </c>
    </row>
    <row r="9" spans="1:4" ht="18" customHeight="1" x14ac:dyDescent="0.15">
      <c r="A9" s="5">
        <v>4</v>
      </c>
      <c r="B9" s="22">
        <v>6</v>
      </c>
      <c r="C9" s="14">
        <v>10</v>
      </c>
      <c r="D9" s="18">
        <v>16</v>
      </c>
    </row>
    <row r="10" spans="1:4" ht="18" customHeight="1" x14ac:dyDescent="0.15">
      <c r="A10" s="5" t="s">
        <v>7</v>
      </c>
      <c r="B10" s="22">
        <v>42</v>
      </c>
      <c r="C10" s="14">
        <v>48</v>
      </c>
      <c r="D10" s="18">
        <v>90</v>
      </c>
    </row>
    <row r="11" spans="1:4" ht="18" customHeight="1" x14ac:dyDescent="0.15">
      <c r="A11" s="5">
        <v>5</v>
      </c>
      <c r="B11" s="22">
        <v>14</v>
      </c>
      <c r="C11" s="14">
        <v>10</v>
      </c>
      <c r="D11" s="18">
        <v>24</v>
      </c>
    </row>
    <row r="12" spans="1:4" ht="18" customHeight="1" x14ac:dyDescent="0.15">
      <c r="A12" s="5">
        <v>6</v>
      </c>
      <c r="B12" s="22">
        <v>9</v>
      </c>
      <c r="C12" s="14">
        <v>14</v>
      </c>
      <c r="D12" s="18">
        <v>23</v>
      </c>
    </row>
    <row r="13" spans="1:4" ht="18" customHeight="1" x14ac:dyDescent="0.15">
      <c r="A13" s="5">
        <v>7</v>
      </c>
      <c r="B13" s="22">
        <v>11</v>
      </c>
      <c r="C13" s="14">
        <v>16</v>
      </c>
      <c r="D13" s="18">
        <v>27</v>
      </c>
    </row>
    <row r="14" spans="1:4" ht="18" customHeight="1" x14ac:dyDescent="0.15">
      <c r="A14" s="5">
        <v>8</v>
      </c>
      <c r="B14" s="22">
        <v>10</v>
      </c>
      <c r="C14" s="14">
        <v>8</v>
      </c>
      <c r="D14" s="18">
        <v>18</v>
      </c>
    </row>
    <row r="15" spans="1:4" ht="18" customHeight="1" x14ac:dyDescent="0.15">
      <c r="A15" s="5">
        <v>9</v>
      </c>
      <c r="B15" s="22">
        <v>18</v>
      </c>
      <c r="C15" s="14">
        <v>9</v>
      </c>
      <c r="D15" s="18">
        <v>27</v>
      </c>
    </row>
    <row r="16" spans="1:4" ht="18" customHeight="1" x14ac:dyDescent="0.15">
      <c r="A16" s="5" t="s">
        <v>11</v>
      </c>
      <c r="B16" s="22">
        <v>62</v>
      </c>
      <c r="C16" s="14">
        <v>57</v>
      </c>
      <c r="D16" s="18">
        <v>119</v>
      </c>
    </row>
    <row r="17" spans="1:4" ht="18" customHeight="1" x14ac:dyDescent="0.15">
      <c r="A17" s="5">
        <v>10</v>
      </c>
      <c r="B17" s="22">
        <v>14</v>
      </c>
      <c r="C17" s="14">
        <v>6</v>
      </c>
      <c r="D17" s="18">
        <v>20</v>
      </c>
    </row>
    <row r="18" spans="1:4" ht="18" customHeight="1" x14ac:dyDescent="0.15">
      <c r="A18" s="5">
        <v>11</v>
      </c>
      <c r="B18" s="22">
        <v>15</v>
      </c>
      <c r="C18" s="14">
        <v>18</v>
      </c>
      <c r="D18" s="18">
        <v>33</v>
      </c>
    </row>
    <row r="19" spans="1:4" ht="18" customHeight="1" x14ac:dyDescent="0.15">
      <c r="A19" s="5">
        <v>12</v>
      </c>
      <c r="B19" s="22">
        <v>10</v>
      </c>
      <c r="C19" s="14">
        <v>18</v>
      </c>
      <c r="D19" s="18">
        <v>28</v>
      </c>
    </row>
    <row r="20" spans="1:4" ht="18" customHeight="1" x14ac:dyDescent="0.15">
      <c r="A20" s="5">
        <v>13</v>
      </c>
      <c r="B20" s="22">
        <v>18</v>
      </c>
      <c r="C20" s="14">
        <v>15</v>
      </c>
      <c r="D20" s="18">
        <v>33</v>
      </c>
    </row>
    <row r="21" spans="1:4" ht="18" customHeight="1" x14ac:dyDescent="0.15">
      <c r="A21" s="5">
        <v>14</v>
      </c>
      <c r="B21" s="22">
        <v>16</v>
      </c>
      <c r="C21" s="14">
        <v>13</v>
      </c>
      <c r="D21" s="18">
        <v>29</v>
      </c>
    </row>
    <row r="22" spans="1:4" ht="18" customHeight="1" x14ac:dyDescent="0.15">
      <c r="A22" s="5" t="s">
        <v>12</v>
      </c>
      <c r="B22" s="22">
        <v>73</v>
      </c>
      <c r="C22" s="14">
        <v>70</v>
      </c>
      <c r="D22" s="18">
        <v>143</v>
      </c>
    </row>
    <row r="23" spans="1:4" ht="18" customHeight="1" x14ac:dyDescent="0.15">
      <c r="A23" s="5" t="s">
        <v>6</v>
      </c>
      <c r="B23" s="22">
        <v>177</v>
      </c>
      <c r="C23" s="14">
        <v>175</v>
      </c>
      <c r="D23" s="18">
        <v>352</v>
      </c>
    </row>
    <row r="24" spans="1:4" ht="18" customHeight="1" x14ac:dyDescent="0.15">
      <c r="A24" s="5">
        <v>15</v>
      </c>
      <c r="B24" s="22">
        <v>15</v>
      </c>
      <c r="C24" s="14">
        <v>14</v>
      </c>
      <c r="D24" s="18">
        <v>29</v>
      </c>
    </row>
    <row r="25" spans="1:4" ht="18" customHeight="1" x14ac:dyDescent="0.15">
      <c r="A25" s="5">
        <v>16</v>
      </c>
      <c r="B25" s="22">
        <v>21</v>
      </c>
      <c r="C25" s="14">
        <v>15</v>
      </c>
      <c r="D25" s="18">
        <v>36</v>
      </c>
    </row>
    <row r="26" spans="1:4" ht="18" customHeight="1" x14ac:dyDescent="0.15">
      <c r="A26" s="5">
        <v>17</v>
      </c>
      <c r="B26" s="22">
        <v>24</v>
      </c>
      <c r="C26" s="14">
        <v>21</v>
      </c>
      <c r="D26" s="18">
        <v>45</v>
      </c>
    </row>
    <row r="27" spans="1:4" ht="18" customHeight="1" x14ac:dyDescent="0.15">
      <c r="A27" s="5">
        <v>18</v>
      </c>
      <c r="B27" s="22">
        <v>15</v>
      </c>
      <c r="C27" s="14">
        <v>18</v>
      </c>
      <c r="D27" s="18">
        <v>33</v>
      </c>
    </row>
    <row r="28" spans="1:4" ht="18" customHeight="1" x14ac:dyDescent="0.15">
      <c r="A28" s="5">
        <v>19</v>
      </c>
      <c r="B28" s="22">
        <v>10</v>
      </c>
      <c r="C28" s="14">
        <v>15</v>
      </c>
      <c r="D28" s="18">
        <v>25</v>
      </c>
    </row>
    <row r="29" spans="1:4" ht="18" customHeight="1" x14ac:dyDescent="0.15">
      <c r="A29" s="5" t="s">
        <v>14</v>
      </c>
      <c r="B29" s="22">
        <v>85</v>
      </c>
      <c r="C29" s="14">
        <v>83</v>
      </c>
      <c r="D29" s="18">
        <v>168</v>
      </c>
    </row>
    <row r="30" spans="1:4" ht="18" customHeight="1" x14ac:dyDescent="0.15">
      <c r="A30" s="5">
        <v>20</v>
      </c>
      <c r="B30" s="22">
        <v>12</v>
      </c>
      <c r="C30" s="14">
        <v>17</v>
      </c>
      <c r="D30" s="18">
        <v>29</v>
      </c>
    </row>
    <row r="31" spans="1:4" ht="18" customHeight="1" x14ac:dyDescent="0.15">
      <c r="A31" s="5">
        <v>21</v>
      </c>
      <c r="B31" s="22">
        <v>12</v>
      </c>
      <c r="C31" s="14">
        <v>6</v>
      </c>
      <c r="D31" s="18">
        <v>18</v>
      </c>
    </row>
    <row r="32" spans="1:4" ht="18" customHeight="1" x14ac:dyDescent="0.15">
      <c r="A32" s="5">
        <v>22</v>
      </c>
      <c r="B32" s="22">
        <v>17</v>
      </c>
      <c r="C32" s="14">
        <v>15</v>
      </c>
      <c r="D32" s="18">
        <v>32</v>
      </c>
    </row>
    <row r="33" spans="1:4" ht="18" customHeight="1" x14ac:dyDescent="0.15">
      <c r="A33" s="5">
        <v>23</v>
      </c>
      <c r="B33" s="22">
        <v>13</v>
      </c>
      <c r="C33" s="14">
        <v>7</v>
      </c>
      <c r="D33" s="18">
        <v>20</v>
      </c>
    </row>
    <row r="34" spans="1:4" ht="18" customHeight="1" x14ac:dyDescent="0.15">
      <c r="A34" s="5">
        <v>24</v>
      </c>
      <c r="B34" s="22">
        <v>17</v>
      </c>
      <c r="C34" s="14">
        <v>17</v>
      </c>
      <c r="D34" s="18">
        <v>34</v>
      </c>
    </row>
    <row r="35" spans="1:4" ht="18" customHeight="1" x14ac:dyDescent="0.15">
      <c r="A35" s="5" t="s">
        <v>9</v>
      </c>
      <c r="B35" s="22">
        <v>71</v>
      </c>
      <c r="C35" s="14">
        <v>62</v>
      </c>
      <c r="D35" s="18">
        <v>133</v>
      </c>
    </row>
    <row r="36" spans="1:4" ht="18" customHeight="1" x14ac:dyDescent="0.15">
      <c r="A36" s="5">
        <v>25</v>
      </c>
      <c r="B36" s="22">
        <v>10</v>
      </c>
      <c r="C36" s="14">
        <v>9</v>
      </c>
      <c r="D36" s="18">
        <v>19</v>
      </c>
    </row>
    <row r="37" spans="1:4" ht="18" customHeight="1" x14ac:dyDescent="0.15">
      <c r="A37" s="5">
        <v>26</v>
      </c>
      <c r="B37" s="22">
        <v>10</v>
      </c>
      <c r="C37" s="14">
        <v>8</v>
      </c>
      <c r="D37" s="18">
        <v>18</v>
      </c>
    </row>
    <row r="38" spans="1:4" ht="18" customHeight="1" x14ac:dyDescent="0.15">
      <c r="A38" s="5">
        <v>27</v>
      </c>
      <c r="B38" s="22">
        <v>11</v>
      </c>
      <c r="C38" s="14">
        <v>7</v>
      </c>
      <c r="D38" s="18">
        <v>18</v>
      </c>
    </row>
    <row r="39" spans="1:4" ht="18" customHeight="1" x14ac:dyDescent="0.15">
      <c r="A39" s="5">
        <v>28</v>
      </c>
      <c r="B39" s="22">
        <v>9</v>
      </c>
      <c r="C39" s="14">
        <v>9</v>
      </c>
      <c r="D39" s="18">
        <v>18</v>
      </c>
    </row>
    <row r="40" spans="1:4" ht="18" customHeight="1" x14ac:dyDescent="0.15">
      <c r="A40" s="5">
        <v>29</v>
      </c>
      <c r="B40" s="22">
        <v>9</v>
      </c>
      <c r="C40" s="14">
        <v>10</v>
      </c>
      <c r="D40" s="18">
        <v>19</v>
      </c>
    </row>
    <row r="41" spans="1:4" ht="18" customHeight="1" x14ac:dyDescent="0.15">
      <c r="A41" s="5" t="s">
        <v>2</v>
      </c>
      <c r="B41" s="22">
        <v>49</v>
      </c>
      <c r="C41" s="14">
        <v>43</v>
      </c>
      <c r="D41" s="18">
        <v>92</v>
      </c>
    </row>
    <row r="42" spans="1:4" ht="18" customHeight="1" x14ac:dyDescent="0.15">
      <c r="A42" s="5">
        <v>30</v>
      </c>
      <c r="B42" s="22">
        <v>12</v>
      </c>
      <c r="C42" s="14">
        <v>12</v>
      </c>
      <c r="D42" s="18">
        <v>24</v>
      </c>
    </row>
    <row r="43" spans="1:4" ht="18" customHeight="1" x14ac:dyDescent="0.15">
      <c r="A43" s="5">
        <v>31</v>
      </c>
      <c r="B43" s="22">
        <v>7</v>
      </c>
      <c r="C43" s="14">
        <v>7</v>
      </c>
      <c r="D43" s="18">
        <v>14</v>
      </c>
    </row>
    <row r="44" spans="1:4" ht="18" customHeight="1" x14ac:dyDescent="0.15">
      <c r="A44" s="5">
        <v>32</v>
      </c>
      <c r="B44" s="22">
        <v>13</v>
      </c>
      <c r="C44" s="14">
        <v>11</v>
      </c>
      <c r="D44" s="18">
        <v>24</v>
      </c>
    </row>
    <row r="45" spans="1:4" ht="18" customHeight="1" x14ac:dyDescent="0.15">
      <c r="A45" s="5">
        <v>33</v>
      </c>
      <c r="B45" s="22">
        <v>3</v>
      </c>
      <c r="C45" s="14">
        <v>17</v>
      </c>
      <c r="D45" s="18">
        <v>20</v>
      </c>
    </row>
    <row r="46" spans="1:4" ht="18" customHeight="1" x14ac:dyDescent="0.15">
      <c r="A46" s="5">
        <v>34</v>
      </c>
      <c r="B46" s="22">
        <v>17</v>
      </c>
      <c r="C46" s="14">
        <v>11</v>
      </c>
      <c r="D46" s="18">
        <v>28</v>
      </c>
    </row>
    <row r="47" spans="1:4" ht="18" customHeight="1" x14ac:dyDescent="0.15">
      <c r="A47" s="5" t="s">
        <v>15</v>
      </c>
      <c r="B47" s="22">
        <v>52</v>
      </c>
      <c r="C47" s="14">
        <v>58</v>
      </c>
      <c r="D47" s="18">
        <v>110</v>
      </c>
    </row>
    <row r="48" spans="1:4" ht="18" customHeight="1" x14ac:dyDescent="0.15">
      <c r="A48" s="5">
        <v>35</v>
      </c>
      <c r="B48" s="22">
        <v>15</v>
      </c>
      <c r="C48" s="14">
        <v>17</v>
      </c>
      <c r="D48" s="18">
        <v>32</v>
      </c>
    </row>
    <row r="49" spans="1:4" ht="18" customHeight="1" x14ac:dyDescent="0.15">
      <c r="A49" s="5">
        <v>36</v>
      </c>
      <c r="B49" s="22">
        <v>10</v>
      </c>
      <c r="C49" s="14">
        <v>12</v>
      </c>
      <c r="D49" s="18">
        <v>22</v>
      </c>
    </row>
    <row r="50" spans="1:4" ht="18" customHeight="1" x14ac:dyDescent="0.15">
      <c r="A50" s="5">
        <v>37</v>
      </c>
      <c r="B50" s="22">
        <v>14</v>
      </c>
      <c r="C50" s="14">
        <v>9</v>
      </c>
      <c r="D50" s="18">
        <v>23</v>
      </c>
    </row>
    <row r="51" spans="1:4" ht="18" customHeight="1" x14ac:dyDescent="0.15">
      <c r="A51" s="5">
        <v>38</v>
      </c>
      <c r="B51" s="22">
        <v>10</v>
      </c>
      <c r="C51" s="14">
        <v>9</v>
      </c>
      <c r="D51" s="18">
        <v>19</v>
      </c>
    </row>
    <row r="52" spans="1:4" ht="18" customHeight="1" x14ac:dyDescent="0.15">
      <c r="A52" s="5">
        <v>39</v>
      </c>
      <c r="B52" s="22">
        <v>14</v>
      </c>
      <c r="C52" s="14">
        <v>13</v>
      </c>
      <c r="D52" s="18">
        <v>27</v>
      </c>
    </row>
    <row r="53" spans="1:4" ht="18" customHeight="1" x14ac:dyDescent="0.15">
      <c r="A53" s="5" t="s">
        <v>18</v>
      </c>
      <c r="B53" s="22">
        <v>63</v>
      </c>
      <c r="C53" s="14">
        <v>60</v>
      </c>
      <c r="D53" s="18">
        <v>123</v>
      </c>
    </row>
    <row r="54" spans="1:4" ht="18" customHeight="1" x14ac:dyDescent="0.15">
      <c r="A54" s="5">
        <v>40</v>
      </c>
      <c r="B54" s="22">
        <v>14</v>
      </c>
      <c r="C54" s="14">
        <v>19</v>
      </c>
      <c r="D54" s="18">
        <v>33</v>
      </c>
    </row>
    <row r="55" spans="1:4" ht="18" customHeight="1" x14ac:dyDescent="0.15">
      <c r="A55" s="5">
        <v>41</v>
      </c>
      <c r="B55" s="22">
        <v>19</v>
      </c>
      <c r="C55" s="14">
        <v>11</v>
      </c>
      <c r="D55" s="18">
        <v>30</v>
      </c>
    </row>
    <row r="56" spans="1:4" ht="18" customHeight="1" x14ac:dyDescent="0.15">
      <c r="A56" s="5">
        <v>42</v>
      </c>
      <c r="B56" s="22">
        <v>14</v>
      </c>
      <c r="C56" s="14">
        <v>17</v>
      </c>
      <c r="D56" s="18">
        <v>31</v>
      </c>
    </row>
    <row r="57" spans="1:4" ht="18" customHeight="1" x14ac:dyDescent="0.15">
      <c r="A57" s="5">
        <v>43</v>
      </c>
      <c r="B57" s="22">
        <v>17</v>
      </c>
      <c r="C57" s="14">
        <v>11</v>
      </c>
      <c r="D57" s="18">
        <v>28</v>
      </c>
    </row>
    <row r="58" spans="1:4" ht="18" customHeight="1" x14ac:dyDescent="0.15">
      <c r="A58" s="5">
        <v>44</v>
      </c>
      <c r="B58" s="22">
        <v>15</v>
      </c>
      <c r="C58" s="14">
        <v>16</v>
      </c>
      <c r="D58" s="18">
        <v>31</v>
      </c>
    </row>
    <row r="59" spans="1:4" ht="18" customHeight="1" x14ac:dyDescent="0.15">
      <c r="A59" s="5" t="s">
        <v>21</v>
      </c>
      <c r="B59" s="22">
        <v>79</v>
      </c>
      <c r="C59" s="14">
        <v>74</v>
      </c>
      <c r="D59" s="18">
        <v>153</v>
      </c>
    </row>
    <row r="60" spans="1:4" ht="18" customHeight="1" x14ac:dyDescent="0.15">
      <c r="A60" s="5">
        <v>45</v>
      </c>
      <c r="B60" s="22">
        <v>18</v>
      </c>
      <c r="C60" s="14">
        <v>20</v>
      </c>
      <c r="D60" s="18">
        <v>38</v>
      </c>
    </row>
    <row r="61" spans="1:4" ht="18" customHeight="1" x14ac:dyDescent="0.15">
      <c r="A61" s="5">
        <v>46</v>
      </c>
      <c r="B61" s="22">
        <v>16</v>
      </c>
      <c r="C61" s="14">
        <v>18</v>
      </c>
      <c r="D61" s="18">
        <v>34</v>
      </c>
    </row>
    <row r="62" spans="1:4" ht="18" customHeight="1" x14ac:dyDescent="0.15">
      <c r="A62" s="5">
        <v>47</v>
      </c>
      <c r="B62" s="22">
        <v>22</v>
      </c>
      <c r="C62" s="14">
        <v>29</v>
      </c>
      <c r="D62" s="18">
        <v>51</v>
      </c>
    </row>
    <row r="63" spans="1:4" ht="18" customHeight="1" x14ac:dyDescent="0.15">
      <c r="A63" s="5">
        <v>48</v>
      </c>
      <c r="B63" s="22">
        <v>21</v>
      </c>
      <c r="C63" s="14">
        <v>28</v>
      </c>
      <c r="D63" s="18">
        <v>49</v>
      </c>
    </row>
    <row r="64" spans="1:4" ht="18" customHeight="1" x14ac:dyDescent="0.15">
      <c r="A64" s="5">
        <v>49</v>
      </c>
      <c r="B64" s="22">
        <v>31</v>
      </c>
      <c r="C64" s="14">
        <v>24</v>
      </c>
      <c r="D64" s="18">
        <v>55</v>
      </c>
    </row>
    <row r="65" spans="1:4" ht="18" customHeight="1" x14ac:dyDescent="0.15">
      <c r="A65" s="5" t="s">
        <v>17</v>
      </c>
      <c r="B65" s="22">
        <v>108</v>
      </c>
      <c r="C65" s="14">
        <v>119</v>
      </c>
      <c r="D65" s="18">
        <v>227</v>
      </c>
    </row>
    <row r="66" spans="1:4" ht="18" customHeight="1" x14ac:dyDescent="0.15">
      <c r="A66" s="5">
        <v>50</v>
      </c>
      <c r="B66" s="22">
        <v>23</v>
      </c>
      <c r="C66" s="14">
        <v>22</v>
      </c>
      <c r="D66" s="18">
        <v>45</v>
      </c>
    </row>
    <row r="67" spans="1:4" ht="18" customHeight="1" x14ac:dyDescent="0.15">
      <c r="A67" s="5">
        <v>51</v>
      </c>
      <c r="B67" s="22">
        <v>28</v>
      </c>
      <c r="C67" s="14">
        <v>24</v>
      </c>
      <c r="D67" s="18">
        <v>52</v>
      </c>
    </row>
    <row r="68" spans="1:4" ht="18" customHeight="1" x14ac:dyDescent="0.15">
      <c r="A68" s="5">
        <v>52</v>
      </c>
      <c r="B68" s="22">
        <v>30</v>
      </c>
      <c r="C68" s="14">
        <v>25</v>
      </c>
      <c r="D68" s="18">
        <v>55</v>
      </c>
    </row>
    <row r="69" spans="1:4" ht="18" customHeight="1" x14ac:dyDescent="0.15">
      <c r="A69" s="5">
        <v>53</v>
      </c>
      <c r="B69" s="22">
        <v>32</v>
      </c>
      <c r="C69" s="14">
        <v>23</v>
      </c>
      <c r="D69" s="18">
        <v>55</v>
      </c>
    </row>
    <row r="70" spans="1:4" ht="18" customHeight="1" x14ac:dyDescent="0.15">
      <c r="A70" s="5">
        <v>54</v>
      </c>
      <c r="B70" s="22">
        <v>39</v>
      </c>
      <c r="C70" s="14">
        <v>27</v>
      </c>
      <c r="D70" s="18">
        <v>66</v>
      </c>
    </row>
    <row r="71" spans="1:4" ht="18" customHeight="1" x14ac:dyDescent="0.15">
      <c r="A71" s="5" t="s">
        <v>22</v>
      </c>
      <c r="B71" s="22">
        <v>152</v>
      </c>
      <c r="C71" s="14">
        <v>121</v>
      </c>
      <c r="D71" s="18">
        <v>273</v>
      </c>
    </row>
    <row r="72" spans="1:4" ht="18" customHeight="1" x14ac:dyDescent="0.15">
      <c r="A72" s="5">
        <v>55</v>
      </c>
      <c r="B72" s="22">
        <v>34</v>
      </c>
      <c r="C72" s="14">
        <v>24</v>
      </c>
      <c r="D72" s="18">
        <v>58</v>
      </c>
    </row>
    <row r="73" spans="1:4" ht="18" customHeight="1" x14ac:dyDescent="0.15">
      <c r="A73" s="5">
        <v>56</v>
      </c>
      <c r="B73" s="22">
        <v>20</v>
      </c>
      <c r="C73" s="14">
        <v>25</v>
      </c>
      <c r="D73" s="18">
        <v>45</v>
      </c>
    </row>
    <row r="74" spans="1:4" ht="18" customHeight="1" x14ac:dyDescent="0.15">
      <c r="A74" s="5">
        <v>57</v>
      </c>
      <c r="B74" s="22">
        <v>32</v>
      </c>
      <c r="C74" s="14">
        <v>23</v>
      </c>
      <c r="D74" s="18">
        <v>55</v>
      </c>
    </row>
    <row r="75" spans="1:4" ht="18" customHeight="1" x14ac:dyDescent="0.15">
      <c r="A75" s="5">
        <v>58</v>
      </c>
      <c r="B75" s="22">
        <v>28</v>
      </c>
      <c r="C75" s="14">
        <v>26</v>
      </c>
      <c r="D75" s="18">
        <v>54</v>
      </c>
    </row>
    <row r="76" spans="1:4" ht="18" customHeight="1" x14ac:dyDescent="0.15">
      <c r="A76" s="5">
        <v>59</v>
      </c>
      <c r="B76" s="22">
        <v>12</v>
      </c>
      <c r="C76" s="14">
        <v>11</v>
      </c>
      <c r="D76" s="18">
        <v>23</v>
      </c>
    </row>
    <row r="77" spans="1:4" ht="18" customHeight="1" x14ac:dyDescent="0.15">
      <c r="A77" s="5" t="s">
        <v>27</v>
      </c>
      <c r="B77" s="22">
        <v>126</v>
      </c>
      <c r="C77" s="14">
        <v>109</v>
      </c>
      <c r="D77" s="18">
        <v>235</v>
      </c>
    </row>
    <row r="78" spans="1:4" ht="18" customHeight="1" x14ac:dyDescent="0.15">
      <c r="A78" s="5">
        <v>60</v>
      </c>
      <c r="B78" s="22">
        <v>21</v>
      </c>
      <c r="C78" s="14">
        <v>17</v>
      </c>
      <c r="D78" s="18">
        <v>38</v>
      </c>
    </row>
    <row r="79" spans="1:4" ht="18" customHeight="1" x14ac:dyDescent="0.15">
      <c r="A79" s="5">
        <v>61</v>
      </c>
      <c r="B79" s="22">
        <v>14</v>
      </c>
      <c r="C79" s="14">
        <v>15</v>
      </c>
      <c r="D79" s="18">
        <v>29</v>
      </c>
    </row>
    <row r="80" spans="1:4" ht="18" customHeight="1" x14ac:dyDescent="0.15">
      <c r="A80" s="5">
        <v>62</v>
      </c>
      <c r="B80" s="22">
        <v>13</v>
      </c>
      <c r="C80" s="14">
        <v>19</v>
      </c>
      <c r="D80" s="18">
        <v>32</v>
      </c>
    </row>
    <row r="81" spans="1:4" ht="18" customHeight="1" x14ac:dyDescent="0.15">
      <c r="A81" s="5">
        <v>63</v>
      </c>
      <c r="B81" s="22">
        <v>15</v>
      </c>
      <c r="C81" s="14">
        <v>8</v>
      </c>
      <c r="D81" s="18">
        <v>23</v>
      </c>
    </row>
    <row r="82" spans="1:4" ht="18" customHeight="1" x14ac:dyDescent="0.15">
      <c r="A82" s="5">
        <v>64</v>
      </c>
      <c r="B82" s="22">
        <v>13</v>
      </c>
      <c r="C82" s="14">
        <v>13</v>
      </c>
      <c r="D82" s="18">
        <v>26</v>
      </c>
    </row>
    <row r="83" spans="1:4" ht="18" customHeight="1" x14ac:dyDescent="0.15">
      <c r="A83" s="5" t="s">
        <v>28</v>
      </c>
      <c r="B83" s="22">
        <v>76</v>
      </c>
      <c r="C83" s="14">
        <v>72</v>
      </c>
      <c r="D83" s="18">
        <v>148</v>
      </c>
    </row>
    <row r="84" spans="1:4" ht="18" customHeight="1" x14ac:dyDescent="0.15">
      <c r="A84" s="5" t="s">
        <v>31</v>
      </c>
      <c r="B84" s="22">
        <v>861</v>
      </c>
      <c r="C84" s="14">
        <v>801</v>
      </c>
      <c r="D84" s="18">
        <v>1662</v>
      </c>
    </row>
    <row r="85" spans="1:4" ht="18" customHeight="1" x14ac:dyDescent="0.15">
      <c r="A85" s="5">
        <v>65</v>
      </c>
      <c r="B85" s="22">
        <v>12</v>
      </c>
      <c r="C85" s="14">
        <v>11</v>
      </c>
      <c r="D85" s="18">
        <v>23</v>
      </c>
    </row>
    <row r="86" spans="1:4" ht="18" customHeight="1" x14ac:dyDescent="0.15">
      <c r="A86" s="5">
        <v>66</v>
      </c>
      <c r="B86" s="22">
        <v>11</v>
      </c>
      <c r="C86" s="14">
        <v>13</v>
      </c>
      <c r="D86" s="18">
        <v>24</v>
      </c>
    </row>
    <row r="87" spans="1:4" ht="18" customHeight="1" x14ac:dyDescent="0.15">
      <c r="A87" s="5">
        <v>67</v>
      </c>
      <c r="B87" s="22">
        <v>12</v>
      </c>
      <c r="C87" s="14">
        <v>17</v>
      </c>
      <c r="D87" s="18">
        <v>29</v>
      </c>
    </row>
    <row r="88" spans="1:4" ht="18" customHeight="1" x14ac:dyDescent="0.15">
      <c r="A88" s="5">
        <v>68</v>
      </c>
      <c r="B88" s="22">
        <v>10</v>
      </c>
      <c r="C88" s="14">
        <v>15</v>
      </c>
      <c r="D88" s="18">
        <v>25</v>
      </c>
    </row>
    <row r="89" spans="1:4" ht="18" customHeight="1" x14ac:dyDescent="0.15">
      <c r="A89" s="5">
        <v>69</v>
      </c>
      <c r="B89" s="22">
        <v>11</v>
      </c>
      <c r="C89" s="14">
        <v>12</v>
      </c>
      <c r="D89" s="18">
        <v>23</v>
      </c>
    </row>
    <row r="90" spans="1:4" ht="18" customHeight="1" x14ac:dyDescent="0.15">
      <c r="A90" s="5" t="s">
        <v>20</v>
      </c>
      <c r="B90" s="22">
        <v>56</v>
      </c>
      <c r="C90" s="14">
        <v>68</v>
      </c>
      <c r="D90" s="18">
        <v>124</v>
      </c>
    </row>
    <row r="91" spans="1:4" ht="18" customHeight="1" x14ac:dyDescent="0.15">
      <c r="A91" s="5">
        <v>70</v>
      </c>
      <c r="B91" s="22">
        <v>8</v>
      </c>
      <c r="C91" s="14">
        <v>19</v>
      </c>
      <c r="D91" s="18">
        <v>27</v>
      </c>
    </row>
    <row r="92" spans="1:4" ht="18" customHeight="1" x14ac:dyDescent="0.15">
      <c r="A92" s="5">
        <v>71</v>
      </c>
      <c r="B92" s="22">
        <v>16</v>
      </c>
      <c r="C92" s="14">
        <v>21</v>
      </c>
      <c r="D92" s="18">
        <v>37</v>
      </c>
    </row>
    <row r="93" spans="1:4" ht="18" customHeight="1" x14ac:dyDescent="0.15">
      <c r="A93" s="5">
        <v>72</v>
      </c>
      <c r="B93" s="22">
        <v>15</v>
      </c>
      <c r="C93" s="14">
        <v>20</v>
      </c>
      <c r="D93" s="18">
        <v>35</v>
      </c>
    </row>
    <row r="94" spans="1:4" ht="18" customHeight="1" x14ac:dyDescent="0.15">
      <c r="A94" s="5">
        <v>73</v>
      </c>
      <c r="B94" s="22">
        <v>19</v>
      </c>
      <c r="C94" s="14">
        <v>16</v>
      </c>
      <c r="D94" s="18">
        <v>35</v>
      </c>
    </row>
    <row r="95" spans="1:4" ht="18" customHeight="1" x14ac:dyDescent="0.15">
      <c r="A95" s="5">
        <v>74</v>
      </c>
      <c r="B95" s="22">
        <v>19</v>
      </c>
      <c r="C95" s="14">
        <v>15</v>
      </c>
      <c r="D95" s="18">
        <v>34</v>
      </c>
    </row>
    <row r="96" spans="1:4" ht="18" customHeight="1" x14ac:dyDescent="0.15">
      <c r="A96" s="5" t="s">
        <v>33</v>
      </c>
      <c r="B96" s="22">
        <v>77</v>
      </c>
      <c r="C96" s="14">
        <v>91</v>
      </c>
      <c r="D96" s="18">
        <v>168</v>
      </c>
    </row>
    <row r="97" spans="1:4" ht="18" customHeight="1" x14ac:dyDescent="0.15">
      <c r="A97" s="5">
        <v>75</v>
      </c>
      <c r="B97" s="22">
        <v>17</v>
      </c>
      <c r="C97" s="14">
        <v>20</v>
      </c>
      <c r="D97" s="18">
        <v>37</v>
      </c>
    </row>
    <row r="98" spans="1:4" ht="18" customHeight="1" x14ac:dyDescent="0.15">
      <c r="A98" s="5">
        <v>76</v>
      </c>
      <c r="B98" s="22">
        <v>18</v>
      </c>
      <c r="C98" s="14">
        <v>27</v>
      </c>
      <c r="D98" s="18">
        <v>45</v>
      </c>
    </row>
    <row r="99" spans="1:4" ht="18" customHeight="1" x14ac:dyDescent="0.15">
      <c r="A99" s="5">
        <v>77</v>
      </c>
      <c r="B99" s="22">
        <v>11</v>
      </c>
      <c r="C99" s="14">
        <v>37</v>
      </c>
      <c r="D99" s="18">
        <v>48</v>
      </c>
    </row>
    <row r="100" spans="1:4" ht="18" customHeight="1" x14ac:dyDescent="0.15">
      <c r="A100" s="5">
        <v>78</v>
      </c>
      <c r="B100" s="22">
        <v>19</v>
      </c>
      <c r="C100" s="14">
        <v>39</v>
      </c>
      <c r="D100" s="18">
        <v>58</v>
      </c>
    </row>
    <row r="101" spans="1:4" ht="18" customHeight="1" x14ac:dyDescent="0.15">
      <c r="A101" s="5">
        <v>79</v>
      </c>
      <c r="B101" s="22">
        <v>15</v>
      </c>
      <c r="C101" s="14">
        <v>26</v>
      </c>
      <c r="D101" s="18">
        <v>41</v>
      </c>
    </row>
    <row r="102" spans="1:4" ht="18" customHeight="1" x14ac:dyDescent="0.15">
      <c r="A102" s="5" t="s">
        <v>0</v>
      </c>
      <c r="B102" s="22">
        <v>80</v>
      </c>
      <c r="C102" s="14">
        <v>149</v>
      </c>
      <c r="D102" s="18">
        <v>229</v>
      </c>
    </row>
    <row r="103" spans="1:4" ht="18" customHeight="1" x14ac:dyDescent="0.15">
      <c r="A103" s="5">
        <v>80</v>
      </c>
      <c r="B103" s="22">
        <v>7</v>
      </c>
      <c r="C103" s="14">
        <v>16</v>
      </c>
      <c r="D103" s="18">
        <v>23</v>
      </c>
    </row>
    <row r="104" spans="1:4" ht="18" customHeight="1" x14ac:dyDescent="0.15">
      <c r="A104" s="5">
        <v>81</v>
      </c>
      <c r="B104" s="22">
        <v>18</v>
      </c>
      <c r="C104" s="14">
        <v>27</v>
      </c>
      <c r="D104" s="18">
        <v>45</v>
      </c>
    </row>
    <row r="105" spans="1:4" ht="18" customHeight="1" x14ac:dyDescent="0.15">
      <c r="A105" s="5">
        <v>82</v>
      </c>
      <c r="B105" s="22">
        <v>16</v>
      </c>
      <c r="C105" s="14">
        <v>33</v>
      </c>
      <c r="D105" s="18">
        <v>49</v>
      </c>
    </row>
    <row r="106" spans="1:4" ht="18" customHeight="1" x14ac:dyDescent="0.15">
      <c r="A106" s="5">
        <v>83</v>
      </c>
      <c r="B106" s="22">
        <v>19</v>
      </c>
      <c r="C106" s="14">
        <v>34</v>
      </c>
      <c r="D106" s="18">
        <v>53</v>
      </c>
    </row>
    <row r="107" spans="1:4" ht="18" customHeight="1" x14ac:dyDescent="0.15">
      <c r="A107" s="5">
        <v>84</v>
      </c>
      <c r="B107" s="22">
        <v>16</v>
      </c>
      <c r="C107" s="14">
        <v>24</v>
      </c>
      <c r="D107" s="18">
        <v>40</v>
      </c>
    </row>
    <row r="108" spans="1:4" ht="18" customHeight="1" x14ac:dyDescent="0.15">
      <c r="A108" s="5" t="s">
        <v>35</v>
      </c>
      <c r="B108" s="22">
        <v>76</v>
      </c>
      <c r="C108" s="14">
        <v>134</v>
      </c>
      <c r="D108" s="18">
        <v>210</v>
      </c>
    </row>
    <row r="109" spans="1:4" ht="18" customHeight="1" x14ac:dyDescent="0.15">
      <c r="A109" s="5">
        <v>85</v>
      </c>
      <c r="B109" s="22">
        <v>14</v>
      </c>
      <c r="C109" s="14">
        <v>16</v>
      </c>
      <c r="D109" s="18">
        <v>30</v>
      </c>
    </row>
    <row r="110" spans="1:4" ht="18" customHeight="1" x14ac:dyDescent="0.15">
      <c r="A110" s="5">
        <v>86</v>
      </c>
      <c r="B110" s="22">
        <v>17</v>
      </c>
      <c r="C110" s="14">
        <v>12</v>
      </c>
      <c r="D110" s="18">
        <v>29</v>
      </c>
    </row>
    <row r="111" spans="1:4" ht="18" customHeight="1" x14ac:dyDescent="0.15">
      <c r="A111" s="5">
        <v>87</v>
      </c>
      <c r="B111" s="22">
        <v>9</v>
      </c>
      <c r="C111" s="14">
        <v>15</v>
      </c>
      <c r="D111" s="18">
        <v>24</v>
      </c>
    </row>
    <row r="112" spans="1:4" ht="18" customHeight="1" x14ac:dyDescent="0.15">
      <c r="A112" s="5">
        <v>88</v>
      </c>
      <c r="B112" s="22">
        <v>6</v>
      </c>
      <c r="C112" s="14">
        <v>14</v>
      </c>
      <c r="D112" s="18">
        <v>20</v>
      </c>
    </row>
    <row r="113" spans="1:4" ht="18" customHeight="1" x14ac:dyDescent="0.15">
      <c r="A113" s="5">
        <v>89</v>
      </c>
      <c r="B113" s="22">
        <v>9</v>
      </c>
      <c r="C113" s="14">
        <v>12</v>
      </c>
      <c r="D113" s="18">
        <v>21</v>
      </c>
    </row>
    <row r="114" spans="1:4" ht="18" customHeight="1" x14ac:dyDescent="0.15">
      <c r="A114" s="5" t="s">
        <v>37</v>
      </c>
      <c r="B114" s="22">
        <v>55</v>
      </c>
      <c r="C114" s="14">
        <v>69</v>
      </c>
      <c r="D114" s="18">
        <v>124</v>
      </c>
    </row>
    <row r="115" spans="1:4" ht="18" customHeight="1" x14ac:dyDescent="0.15">
      <c r="A115" s="5">
        <v>90</v>
      </c>
      <c r="B115" s="22">
        <v>6</v>
      </c>
      <c r="C115" s="14">
        <v>7</v>
      </c>
      <c r="D115" s="18">
        <v>13</v>
      </c>
    </row>
    <row r="116" spans="1:4" ht="18" customHeight="1" x14ac:dyDescent="0.15">
      <c r="A116" s="5">
        <v>91</v>
      </c>
      <c r="B116" s="22">
        <v>3</v>
      </c>
      <c r="C116" s="14">
        <v>15</v>
      </c>
      <c r="D116" s="18">
        <v>18</v>
      </c>
    </row>
    <row r="117" spans="1:4" ht="18" customHeight="1" x14ac:dyDescent="0.15">
      <c r="A117" s="5">
        <v>92</v>
      </c>
      <c r="B117" s="22">
        <v>5</v>
      </c>
      <c r="C117" s="14">
        <v>13</v>
      </c>
      <c r="D117" s="18">
        <v>18</v>
      </c>
    </row>
    <row r="118" spans="1:4" ht="18" customHeight="1" x14ac:dyDescent="0.15">
      <c r="A118" s="5">
        <v>93</v>
      </c>
      <c r="B118" s="22">
        <v>0</v>
      </c>
      <c r="C118" s="14">
        <v>4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3</v>
      </c>
      <c r="D119" s="18">
        <v>3</v>
      </c>
    </row>
    <row r="120" spans="1:4" ht="18" customHeight="1" x14ac:dyDescent="0.15">
      <c r="A120" s="5" t="s">
        <v>39</v>
      </c>
      <c r="B120" s="22">
        <v>14</v>
      </c>
      <c r="C120" s="14">
        <v>42</v>
      </c>
      <c r="D120" s="18">
        <v>56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5</v>
      </c>
      <c r="D122" s="18">
        <v>5</v>
      </c>
    </row>
    <row r="123" spans="1:4" ht="18" customHeight="1" x14ac:dyDescent="0.15">
      <c r="A123" s="5">
        <v>97</v>
      </c>
      <c r="B123" s="22">
        <v>2</v>
      </c>
      <c r="C123" s="14">
        <v>3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12</v>
      </c>
      <c r="D126" s="18">
        <v>14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60</v>
      </c>
      <c r="C130" s="14">
        <v>569</v>
      </c>
      <c r="D130" s="18">
        <v>929</v>
      </c>
    </row>
    <row r="131" spans="1:4" ht="18" customHeight="1" x14ac:dyDescent="0.15">
      <c r="A131" s="7" t="s">
        <v>45</v>
      </c>
      <c r="B131" s="23">
        <v>1398</v>
      </c>
      <c r="C131" s="15">
        <v>1545</v>
      </c>
      <c r="D131" s="19">
        <v>294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33</v>
      </c>
      <c r="C5" s="13">
        <v>38</v>
      </c>
      <c r="D5" s="17">
        <v>71</v>
      </c>
    </row>
    <row r="6" spans="1:4" ht="18" customHeight="1" x14ac:dyDescent="0.15">
      <c r="A6" s="5">
        <v>1</v>
      </c>
      <c r="B6" s="22">
        <v>32</v>
      </c>
      <c r="C6" s="14">
        <v>42</v>
      </c>
      <c r="D6" s="18">
        <v>74</v>
      </c>
    </row>
    <row r="7" spans="1:4" ht="18" customHeight="1" x14ac:dyDescent="0.15">
      <c r="A7" s="5">
        <v>2</v>
      </c>
      <c r="B7" s="22">
        <v>38</v>
      </c>
      <c r="C7" s="14">
        <v>37</v>
      </c>
      <c r="D7" s="18">
        <v>75</v>
      </c>
    </row>
    <row r="8" spans="1:4" ht="18" customHeight="1" x14ac:dyDescent="0.15">
      <c r="A8" s="5">
        <v>3</v>
      </c>
      <c r="B8" s="22">
        <v>40</v>
      </c>
      <c r="C8" s="14">
        <v>33</v>
      </c>
      <c r="D8" s="18">
        <v>73</v>
      </c>
    </row>
    <row r="9" spans="1:4" ht="18" customHeight="1" x14ac:dyDescent="0.15">
      <c r="A9" s="5">
        <v>4</v>
      </c>
      <c r="B9" s="22">
        <v>37</v>
      </c>
      <c r="C9" s="14">
        <v>33</v>
      </c>
      <c r="D9" s="18">
        <v>70</v>
      </c>
    </row>
    <row r="10" spans="1:4" ht="18" customHeight="1" x14ac:dyDescent="0.15">
      <c r="A10" s="5" t="s">
        <v>7</v>
      </c>
      <c r="B10" s="22">
        <v>180</v>
      </c>
      <c r="C10" s="14">
        <v>183</v>
      </c>
      <c r="D10" s="18">
        <v>363</v>
      </c>
    </row>
    <row r="11" spans="1:4" ht="18" customHeight="1" x14ac:dyDescent="0.15">
      <c r="A11" s="5">
        <v>5</v>
      </c>
      <c r="B11" s="22">
        <v>44</v>
      </c>
      <c r="C11" s="14">
        <v>47</v>
      </c>
      <c r="D11" s="18">
        <v>91</v>
      </c>
    </row>
    <row r="12" spans="1:4" ht="18" customHeight="1" x14ac:dyDescent="0.15">
      <c r="A12" s="5">
        <v>6</v>
      </c>
      <c r="B12" s="22">
        <v>42</v>
      </c>
      <c r="C12" s="14">
        <v>41</v>
      </c>
      <c r="D12" s="18">
        <v>83</v>
      </c>
    </row>
    <row r="13" spans="1:4" ht="18" customHeight="1" x14ac:dyDescent="0.15">
      <c r="A13" s="5">
        <v>7</v>
      </c>
      <c r="B13" s="22">
        <v>60</v>
      </c>
      <c r="C13" s="14">
        <v>42</v>
      </c>
      <c r="D13" s="18">
        <v>102</v>
      </c>
    </row>
    <row r="14" spans="1:4" ht="18" customHeight="1" x14ac:dyDescent="0.15">
      <c r="A14" s="5">
        <v>8</v>
      </c>
      <c r="B14" s="22">
        <v>52</v>
      </c>
      <c r="C14" s="14">
        <v>41</v>
      </c>
      <c r="D14" s="18">
        <v>93</v>
      </c>
    </row>
    <row r="15" spans="1:4" ht="18" customHeight="1" x14ac:dyDescent="0.15">
      <c r="A15" s="5">
        <v>9</v>
      </c>
      <c r="B15" s="22">
        <v>47</v>
      </c>
      <c r="C15" s="14">
        <v>51</v>
      </c>
      <c r="D15" s="18">
        <v>98</v>
      </c>
    </row>
    <row r="16" spans="1:4" ht="18" customHeight="1" x14ac:dyDescent="0.15">
      <c r="A16" s="5" t="s">
        <v>11</v>
      </c>
      <c r="B16" s="22">
        <v>245</v>
      </c>
      <c r="C16" s="14">
        <v>222</v>
      </c>
      <c r="D16" s="18">
        <v>467</v>
      </c>
    </row>
    <row r="17" spans="1:4" ht="18" customHeight="1" x14ac:dyDescent="0.15">
      <c r="A17" s="5">
        <v>10</v>
      </c>
      <c r="B17" s="22">
        <v>48</v>
      </c>
      <c r="C17" s="14">
        <v>51</v>
      </c>
      <c r="D17" s="18">
        <v>99</v>
      </c>
    </row>
    <row r="18" spans="1:4" ht="18" customHeight="1" x14ac:dyDescent="0.15">
      <c r="A18" s="5">
        <v>11</v>
      </c>
      <c r="B18" s="22">
        <v>60</v>
      </c>
      <c r="C18" s="14">
        <v>42</v>
      </c>
      <c r="D18" s="18">
        <v>102</v>
      </c>
    </row>
    <row r="19" spans="1:4" ht="18" customHeight="1" x14ac:dyDescent="0.15">
      <c r="A19" s="5">
        <v>12</v>
      </c>
      <c r="B19" s="22">
        <v>41</v>
      </c>
      <c r="C19" s="14">
        <v>39</v>
      </c>
      <c r="D19" s="18">
        <v>80</v>
      </c>
    </row>
    <row r="20" spans="1:4" ht="18" customHeight="1" x14ac:dyDescent="0.15">
      <c r="A20" s="5">
        <v>13</v>
      </c>
      <c r="B20" s="22">
        <v>54</v>
      </c>
      <c r="C20" s="14">
        <v>52</v>
      </c>
      <c r="D20" s="18">
        <v>106</v>
      </c>
    </row>
    <row r="21" spans="1:4" ht="18" customHeight="1" x14ac:dyDescent="0.15">
      <c r="A21" s="5">
        <v>14</v>
      </c>
      <c r="B21" s="22">
        <v>46</v>
      </c>
      <c r="C21" s="14">
        <v>52</v>
      </c>
      <c r="D21" s="18">
        <v>98</v>
      </c>
    </row>
    <row r="22" spans="1:4" ht="18" customHeight="1" x14ac:dyDescent="0.15">
      <c r="A22" s="5" t="s">
        <v>12</v>
      </c>
      <c r="B22" s="22">
        <v>249</v>
      </c>
      <c r="C22" s="14">
        <v>236</v>
      </c>
      <c r="D22" s="18">
        <v>485</v>
      </c>
    </row>
    <row r="23" spans="1:4" ht="18" customHeight="1" x14ac:dyDescent="0.15">
      <c r="A23" s="5" t="s">
        <v>6</v>
      </c>
      <c r="B23" s="22">
        <v>674</v>
      </c>
      <c r="C23" s="14">
        <v>641</v>
      </c>
      <c r="D23" s="18">
        <v>1315</v>
      </c>
    </row>
    <row r="24" spans="1:4" ht="18" customHeight="1" x14ac:dyDescent="0.15">
      <c r="A24" s="5">
        <v>15</v>
      </c>
      <c r="B24" s="22">
        <v>57</v>
      </c>
      <c r="C24" s="14">
        <v>52</v>
      </c>
      <c r="D24" s="18">
        <v>109</v>
      </c>
    </row>
    <row r="25" spans="1:4" ht="18" customHeight="1" x14ac:dyDescent="0.15">
      <c r="A25" s="5">
        <v>16</v>
      </c>
      <c r="B25" s="22">
        <v>49</v>
      </c>
      <c r="C25" s="14">
        <v>55</v>
      </c>
      <c r="D25" s="18">
        <v>104</v>
      </c>
    </row>
    <row r="26" spans="1:4" ht="18" customHeight="1" x14ac:dyDescent="0.15">
      <c r="A26" s="5">
        <v>17</v>
      </c>
      <c r="B26" s="22">
        <v>58</v>
      </c>
      <c r="C26" s="14">
        <v>55</v>
      </c>
      <c r="D26" s="18">
        <v>113</v>
      </c>
    </row>
    <row r="27" spans="1:4" ht="18" customHeight="1" x14ac:dyDescent="0.15">
      <c r="A27" s="5">
        <v>18</v>
      </c>
      <c r="B27" s="22">
        <v>43</v>
      </c>
      <c r="C27" s="14">
        <v>44</v>
      </c>
      <c r="D27" s="18">
        <v>87</v>
      </c>
    </row>
    <row r="28" spans="1:4" ht="18" customHeight="1" x14ac:dyDescent="0.15">
      <c r="A28" s="5">
        <v>19</v>
      </c>
      <c r="B28" s="22">
        <v>52</v>
      </c>
      <c r="C28" s="14">
        <v>59</v>
      </c>
      <c r="D28" s="18">
        <v>111</v>
      </c>
    </row>
    <row r="29" spans="1:4" ht="18" customHeight="1" x14ac:dyDescent="0.15">
      <c r="A29" s="5" t="s">
        <v>14</v>
      </c>
      <c r="B29" s="22">
        <v>259</v>
      </c>
      <c r="C29" s="14">
        <v>265</v>
      </c>
      <c r="D29" s="18">
        <v>524</v>
      </c>
    </row>
    <row r="30" spans="1:4" ht="18" customHeight="1" x14ac:dyDescent="0.15">
      <c r="A30" s="5">
        <v>20</v>
      </c>
      <c r="B30" s="22">
        <v>59</v>
      </c>
      <c r="C30" s="14">
        <v>47</v>
      </c>
      <c r="D30" s="18">
        <v>106</v>
      </c>
    </row>
    <row r="31" spans="1:4" ht="18" customHeight="1" x14ac:dyDescent="0.15">
      <c r="A31" s="5">
        <v>21</v>
      </c>
      <c r="B31" s="22">
        <v>57</v>
      </c>
      <c r="C31" s="14">
        <v>40</v>
      </c>
      <c r="D31" s="18">
        <v>97</v>
      </c>
    </row>
    <row r="32" spans="1:4" ht="18" customHeight="1" x14ac:dyDescent="0.15">
      <c r="A32" s="5">
        <v>22</v>
      </c>
      <c r="B32" s="22">
        <v>75</v>
      </c>
      <c r="C32" s="14">
        <v>41</v>
      </c>
      <c r="D32" s="18">
        <v>116</v>
      </c>
    </row>
    <row r="33" spans="1:4" ht="18" customHeight="1" x14ac:dyDescent="0.15">
      <c r="A33" s="5">
        <v>23</v>
      </c>
      <c r="B33" s="22">
        <v>64</v>
      </c>
      <c r="C33" s="14">
        <v>44</v>
      </c>
      <c r="D33" s="18">
        <v>108</v>
      </c>
    </row>
    <row r="34" spans="1:4" ht="18" customHeight="1" x14ac:dyDescent="0.15">
      <c r="A34" s="5">
        <v>24</v>
      </c>
      <c r="B34" s="22">
        <v>44</v>
      </c>
      <c r="C34" s="14">
        <v>50</v>
      </c>
      <c r="D34" s="18">
        <v>94</v>
      </c>
    </row>
    <row r="35" spans="1:4" ht="18" customHeight="1" x14ac:dyDescent="0.15">
      <c r="A35" s="5" t="s">
        <v>9</v>
      </c>
      <c r="B35" s="22">
        <v>299</v>
      </c>
      <c r="C35" s="14">
        <v>222</v>
      </c>
      <c r="D35" s="18">
        <v>521</v>
      </c>
    </row>
    <row r="36" spans="1:4" ht="18" customHeight="1" x14ac:dyDescent="0.15">
      <c r="A36" s="5">
        <v>25</v>
      </c>
      <c r="B36" s="22">
        <v>62</v>
      </c>
      <c r="C36" s="14">
        <v>54</v>
      </c>
      <c r="D36" s="18">
        <v>116</v>
      </c>
    </row>
    <row r="37" spans="1:4" ht="18" customHeight="1" x14ac:dyDescent="0.15">
      <c r="A37" s="5">
        <v>26</v>
      </c>
      <c r="B37" s="22">
        <v>57</v>
      </c>
      <c r="C37" s="14">
        <v>44</v>
      </c>
      <c r="D37" s="18">
        <v>101</v>
      </c>
    </row>
    <row r="38" spans="1:4" ht="18" customHeight="1" x14ac:dyDescent="0.15">
      <c r="A38" s="5">
        <v>27</v>
      </c>
      <c r="B38" s="22">
        <v>62</v>
      </c>
      <c r="C38" s="14">
        <v>47</v>
      </c>
      <c r="D38" s="18">
        <v>109</v>
      </c>
    </row>
    <row r="39" spans="1:4" ht="18" customHeight="1" x14ac:dyDescent="0.15">
      <c r="A39" s="5">
        <v>28</v>
      </c>
      <c r="B39" s="22">
        <v>72</v>
      </c>
      <c r="C39" s="14">
        <v>45</v>
      </c>
      <c r="D39" s="18">
        <v>117</v>
      </c>
    </row>
    <row r="40" spans="1:4" ht="18" customHeight="1" x14ac:dyDescent="0.15">
      <c r="A40" s="5">
        <v>29</v>
      </c>
      <c r="B40" s="22">
        <v>57</v>
      </c>
      <c r="C40" s="14">
        <v>42</v>
      </c>
      <c r="D40" s="18">
        <v>99</v>
      </c>
    </row>
    <row r="41" spans="1:4" ht="18" customHeight="1" x14ac:dyDescent="0.15">
      <c r="A41" s="5" t="s">
        <v>2</v>
      </c>
      <c r="B41" s="22">
        <v>310</v>
      </c>
      <c r="C41" s="14">
        <v>232</v>
      </c>
      <c r="D41" s="18">
        <v>542</v>
      </c>
    </row>
    <row r="42" spans="1:4" ht="18" customHeight="1" x14ac:dyDescent="0.15">
      <c r="A42" s="5">
        <v>30</v>
      </c>
      <c r="B42" s="22">
        <v>57</v>
      </c>
      <c r="C42" s="14">
        <v>49</v>
      </c>
      <c r="D42" s="18">
        <v>106</v>
      </c>
    </row>
    <row r="43" spans="1:4" ht="18" customHeight="1" x14ac:dyDescent="0.15">
      <c r="A43" s="5">
        <v>31</v>
      </c>
      <c r="B43" s="22">
        <v>60</v>
      </c>
      <c r="C43" s="14">
        <v>72</v>
      </c>
      <c r="D43" s="18">
        <v>132</v>
      </c>
    </row>
    <row r="44" spans="1:4" ht="18" customHeight="1" x14ac:dyDescent="0.15">
      <c r="A44" s="5">
        <v>32</v>
      </c>
      <c r="B44" s="22">
        <v>59</v>
      </c>
      <c r="C44" s="14">
        <v>48</v>
      </c>
      <c r="D44" s="18">
        <v>107</v>
      </c>
    </row>
    <row r="45" spans="1:4" ht="18" customHeight="1" x14ac:dyDescent="0.15">
      <c r="A45" s="5">
        <v>33</v>
      </c>
      <c r="B45" s="22">
        <v>69</v>
      </c>
      <c r="C45" s="14">
        <v>51</v>
      </c>
      <c r="D45" s="18">
        <v>120</v>
      </c>
    </row>
    <row r="46" spans="1:4" ht="18" customHeight="1" x14ac:dyDescent="0.15">
      <c r="A46" s="5">
        <v>34</v>
      </c>
      <c r="B46" s="22">
        <v>66</v>
      </c>
      <c r="C46" s="14">
        <v>71</v>
      </c>
      <c r="D46" s="18">
        <v>137</v>
      </c>
    </row>
    <row r="47" spans="1:4" ht="18" customHeight="1" x14ac:dyDescent="0.15">
      <c r="A47" s="5" t="s">
        <v>15</v>
      </c>
      <c r="B47" s="22">
        <v>311</v>
      </c>
      <c r="C47" s="14">
        <v>291</v>
      </c>
      <c r="D47" s="18">
        <v>602</v>
      </c>
    </row>
    <row r="48" spans="1:4" ht="18" customHeight="1" x14ac:dyDescent="0.15">
      <c r="A48" s="5">
        <v>35</v>
      </c>
      <c r="B48" s="22">
        <v>55</v>
      </c>
      <c r="C48" s="14">
        <v>45</v>
      </c>
      <c r="D48" s="18">
        <v>100</v>
      </c>
    </row>
    <row r="49" spans="1:4" ht="18" customHeight="1" x14ac:dyDescent="0.15">
      <c r="A49" s="5">
        <v>36</v>
      </c>
      <c r="B49" s="22">
        <v>62</v>
      </c>
      <c r="C49" s="14">
        <v>59</v>
      </c>
      <c r="D49" s="18">
        <v>121</v>
      </c>
    </row>
    <row r="50" spans="1:4" ht="18" customHeight="1" x14ac:dyDescent="0.15">
      <c r="A50" s="5">
        <v>37</v>
      </c>
      <c r="B50" s="22">
        <v>61</v>
      </c>
      <c r="C50" s="14">
        <v>64</v>
      </c>
      <c r="D50" s="18">
        <v>125</v>
      </c>
    </row>
    <row r="51" spans="1:4" ht="18" customHeight="1" x14ac:dyDescent="0.15">
      <c r="A51" s="5">
        <v>38</v>
      </c>
      <c r="B51" s="22">
        <v>77</v>
      </c>
      <c r="C51" s="14">
        <v>65</v>
      </c>
      <c r="D51" s="18">
        <v>142</v>
      </c>
    </row>
    <row r="52" spans="1:4" ht="18" customHeight="1" x14ac:dyDescent="0.15">
      <c r="A52" s="5">
        <v>39</v>
      </c>
      <c r="B52" s="22">
        <v>54</v>
      </c>
      <c r="C52" s="14">
        <v>53</v>
      </c>
      <c r="D52" s="18">
        <v>107</v>
      </c>
    </row>
    <row r="53" spans="1:4" ht="18" customHeight="1" x14ac:dyDescent="0.15">
      <c r="A53" s="5" t="s">
        <v>18</v>
      </c>
      <c r="B53" s="22">
        <v>309</v>
      </c>
      <c r="C53" s="14">
        <v>286</v>
      </c>
      <c r="D53" s="18">
        <v>595</v>
      </c>
    </row>
    <row r="54" spans="1:4" ht="18" customHeight="1" x14ac:dyDescent="0.15">
      <c r="A54" s="5">
        <v>40</v>
      </c>
      <c r="B54" s="22">
        <v>73</v>
      </c>
      <c r="C54" s="14">
        <v>58</v>
      </c>
      <c r="D54" s="18">
        <v>131</v>
      </c>
    </row>
    <row r="55" spans="1:4" ht="18" customHeight="1" x14ac:dyDescent="0.15">
      <c r="A55" s="5">
        <v>41</v>
      </c>
      <c r="B55" s="22">
        <v>69</v>
      </c>
      <c r="C55" s="14">
        <v>47</v>
      </c>
      <c r="D55" s="18">
        <v>116</v>
      </c>
    </row>
    <row r="56" spans="1:4" ht="18" customHeight="1" x14ac:dyDescent="0.15">
      <c r="A56" s="5">
        <v>42</v>
      </c>
      <c r="B56" s="22">
        <v>67</v>
      </c>
      <c r="C56" s="14">
        <v>64</v>
      </c>
      <c r="D56" s="18">
        <v>131</v>
      </c>
    </row>
    <row r="57" spans="1:4" ht="18" customHeight="1" x14ac:dyDescent="0.15">
      <c r="A57" s="5">
        <v>43</v>
      </c>
      <c r="B57" s="22">
        <v>76</v>
      </c>
      <c r="C57" s="14">
        <v>62</v>
      </c>
      <c r="D57" s="18">
        <v>138</v>
      </c>
    </row>
    <row r="58" spans="1:4" ht="18" customHeight="1" x14ac:dyDescent="0.15">
      <c r="A58" s="5">
        <v>44</v>
      </c>
      <c r="B58" s="22">
        <v>82</v>
      </c>
      <c r="C58" s="14">
        <v>76</v>
      </c>
      <c r="D58" s="18">
        <v>158</v>
      </c>
    </row>
    <row r="59" spans="1:4" ht="18" customHeight="1" x14ac:dyDescent="0.15">
      <c r="A59" s="5" t="s">
        <v>21</v>
      </c>
      <c r="B59" s="22">
        <v>367</v>
      </c>
      <c r="C59" s="14">
        <v>307</v>
      </c>
      <c r="D59" s="18">
        <v>674</v>
      </c>
    </row>
    <row r="60" spans="1:4" ht="18" customHeight="1" x14ac:dyDescent="0.15">
      <c r="A60" s="5">
        <v>45</v>
      </c>
      <c r="B60" s="22">
        <v>88</v>
      </c>
      <c r="C60" s="14">
        <v>69</v>
      </c>
      <c r="D60" s="18">
        <v>157</v>
      </c>
    </row>
    <row r="61" spans="1:4" ht="18" customHeight="1" x14ac:dyDescent="0.15">
      <c r="A61" s="5">
        <v>46</v>
      </c>
      <c r="B61" s="22">
        <v>75</v>
      </c>
      <c r="C61" s="14">
        <v>83</v>
      </c>
      <c r="D61" s="18">
        <v>158</v>
      </c>
    </row>
    <row r="62" spans="1:4" ht="18" customHeight="1" x14ac:dyDescent="0.15">
      <c r="A62" s="5">
        <v>47</v>
      </c>
      <c r="B62" s="22">
        <v>72</v>
      </c>
      <c r="C62" s="14">
        <v>83</v>
      </c>
      <c r="D62" s="18">
        <v>155</v>
      </c>
    </row>
    <row r="63" spans="1:4" ht="18" customHeight="1" x14ac:dyDescent="0.15">
      <c r="A63" s="5">
        <v>48</v>
      </c>
      <c r="B63" s="22">
        <v>107</v>
      </c>
      <c r="C63" s="14">
        <v>82</v>
      </c>
      <c r="D63" s="18">
        <v>189</v>
      </c>
    </row>
    <row r="64" spans="1:4" ht="18" customHeight="1" x14ac:dyDescent="0.15">
      <c r="A64" s="5">
        <v>49</v>
      </c>
      <c r="B64" s="22">
        <v>72</v>
      </c>
      <c r="C64" s="14">
        <v>104</v>
      </c>
      <c r="D64" s="18">
        <v>176</v>
      </c>
    </row>
    <row r="65" spans="1:4" ht="18" customHeight="1" x14ac:dyDescent="0.15">
      <c r="A65" s="5" t="s">
        <v>17</v>
      </c>
      <c r="B65" s="22">
        <v>414</v>
      </c>
      <c r="C65" s="14">
        <v>421</v>
      </c>
      <c r="D65" s="18">
        <v>835</v>
      </c>
    </row>
    <row r="66" spans="1:4" ht="18" customHeight="1" x14ac:dyDescent="0.15">
      <c r="A66" s="5">
        <v>50</v>
      </c>
      <c r="B66" s="22">
        <v>87</v>
      </c>
      <c r="C66" s="14">
        <v>79</v>
      </c>
      <c r="D66" s="18">
        <v>166</v>
      </c>
    </row>
    <row r="67" spans="1:4" ht="18" customHeight="1" x14ac:dyDescent="0.15">
      <c r="A67" s="5">
        <v>51</v>
      </c>
      <c r="B67" s="22">
        <v>81</v>
      </c>
      <c r="C67" s="14">
        <v>85</v>
      </c>
      <c r="D67" s="18">
        <v>166</v>
      </c>
    </row>
    <row r="68" spans="1:4" ht="18" customHeight="1" x14ac:dyDescent="0.15">
      <c r="A68" s="5">
        <v>52</v>
      </c>
      <c r="B68" s="22">
        <v>98</v>
      </c>
      <c r="C68" s="14">
        <v>84</v>
      </c>
      <c r="D68" s="18">
        <v>182</v>
      </c>
    </row>
    <row r="69" spans="1:4" ht="18" customHeight="1" x14ac:dyDescent="0.15">
      <c r="A69" s="5">
        <v>53</v>
      </c>
      <c r="B69" s="22">
        <v>102</v>
      </c>
      <c r="C69" s="14">
        <v>101</v>
      </c>
      <c r="D69" s="18">
        <v>203</v>
      </c>
    </row>
    <row r="70" spans="1:4" ht="18" customHeight="1" x14ac:dyDescent="0.15">
      <c r="A70" s="5">
        <v>54</v>
      </c>
      <c r="B70" s="22">
        <v>99</v>
      </c>
      <c r="C70" s="14">
        <v>85</v>
      </c>
      <c r="D70" s="18">
        <v>184</v>
      </c>
    </row>
    <row r="71" spans="1:4" ht="18" customHeight="1" x14ac:dyDescent="0.15">
      <c r="A71" s="5" t="s">
        <v>22</v>
      </c>
      <c r="B71" s="22">
        <v>467</v>
      </c>
      <c r="C71" s="14">
        <v>434</v>
      </c>
      <c r="D71" s="18">
        <v>901</v>
      </c>
    </row>
    <row r="72" spans="1:4" ht="18" customHeight="1" x14ac:dyDescent="0.15">
      <c r="A72" s="5">
        <v>55</v>
      </c>
      <c r="B72" s="22">
        <v>99</v>
      </c>
      <c r="C72" s="14">
        <v>88</v>
      </c>
      <c r="D72" s="18">
        <v>187</v>
      </c>
    </row>
    <row r="73" spans="1:4" ht="18" customHeight="1" x14ac:dyDescent="0.15">
      <c r="A73" s="5">
        <v>56</v>
      </c>
      <c r="B73" s="22">
        <v>73</v>
      </c>
      <c r="C73" s="14">
        <v>81</v>
      </c>
      <c r="D73" s="18">
        <v>154</v>
      </c>
    </row>
    <row r="74" spans="1:4" ht="18" customHeight="1" x14ac:dyDescent="0.15">
      <c r="A74" s="5">
        <v>57</v>
      </c>
      <c r="B74" s="22">
        <v>82</v>
      </c>
      <c r="C74" s="14">
        <v>79</v>
      </c>
      <c r="D74" s="18">
        <v>161</v>
      </c>
    </row>
    <row r="75" spans="1:4" ht="18" customHeight="1" x14ac:dyDescent="0.15">
      <c r="A75" s="5">
        <v>58</v>
      </c>
      <c r="B75" s="22">
        <v>93</v>
      </c>
      <c r="C75" s="14">
        <v>75</v>
      </c>
      <c r="D75" s="18">
        <v>168</v>
      </c>
    </row>
    <row r="76" spans="1:4" ht="18" customHeight="1" x14ac:dyDescent="0.15">
      <c r="A76" s="5">
        <v>59</v>
      </c>
      <c r="B76" s="22">
        <v>65</v>
      </c>
      <c r="C76" s="14">
        <v>79</v>
      </c>
      <c r="D76" s="18">
        <v>144</v>
      </c>
    </row>
    <row r="77" spans="1:4" ht="18" customHeight="1" x14ac:dyDescent="0.15">
      <c r="A77" s="5" t="s">
        <v>27</v>
      </c>
      <c r="B77" s="22">
        <v>412</v>
      </c>
      <c r="C77" s="14">
        <v>402</v>
      </c>
      <c r="D77" s="18">
        <v>814</v>
      </c>
    </row>
    <row r="78" spans="1:4" ht="18" customHeight="1" x14ac:dyDescent="0.15">
      <c r="A78" s="5">
        <v>60</v>
      </c>
      <c r="B78" s="22">
        <v>84</v>
      </c>
      <c r="C78" s="14">
        <v>69</v>
      </c>
      <c r="D78" s="18">
        <v>153</v>
      </c>
    </row>
    <row r="79" spans="1:4" ht="18" customHeight="1" x14ac:dyDescent="0.15">
      <c r="A79" s="5">
        <v>61</v>
      </c>
      <c r="B79" s="22">
        <v>89</v>
      </c>
      <c r="C79" s="14">
        <v>76</v>
      </c>
      <c r="D79" s="18">
        <v>165</v>
      </c>
    </row>
    <row r="80" spans="1:4" ht="18" customHeight="1" x14ac:dyDescent="0.15">
      <c r="A80" s="5">
        <v>62</v>
      </c>
      <c r="B80" s="22">
        <v>63</v>
      </c>
      <c r="C80" s="14">
        <v>82</v>
      </c>
      <c r="D80" s="18">
        <v>145</v>
      </c>
    </row>
    <row r="81" spans="1:4" ht="18" customHeight="1" x14ac:dyDescent="0.15">
      <c r="A81" s="5">
        <v>63</v>
      </c>
      <c r="B81" s="22">
        <v>66</v>
      </c>
      <c r="C81" s="14">
        <v>73</v>
      </c>
      <c r="D81" s="18">
        <v>139</v>
      </c>
    </row>
    <row r="82" spans="1:4" ht="18" customHeight="1" x14ac:dyDescent="0.15">
      <c r="A82" s="5">
        <v>64</v>
      </c>
      <c r="B82" s="22">
        <v>73</v>
      </c>
      <c r="C82" s="14">
        <v>72</v>
      </c>
      <c r="D82" s="18">
        <v>145</v>
      </c>
    </row>
    <row r="83" spans="1:4" ht="18" customHeight="1" x14ac:dyDescent="0.15">
      <c r="A83" s="5" t="s">
        <v>28</v>
      </c>
      <c r="B83" s="22">
        <v>375</v>
      </c>
      <c r="C83" s="14">
        <v>372</v>
      </c>
      <c r="D83" s="18">
        <v>747</v>
      </c>
    </row>
    <row r="84" spans="1:4" ht="18" customHeight="1" x14ac:dyDescent="0.15">
      <c r="A84" s="5" t="s">
        <v>31</v>
      </c>
      <c r="B84" s="22">
        <v>3523</v>
      </c>
      <c r="C84" s="14">
        <v>3232</v>
      </c>
      <c r="D84" s="18">
        <v>6755</v>
      </c>
    </row>
    <row r="85" spans="1:4" ht="18" customHeight="1" x14ac:dyDescent="0.15">
      <c r="A85" s="5">
        <v>65</v>
      </c>
      <c r="B85" s="22">
        <v>58</v>
      </c>
      <c r="C85" s="14">
        <v>68</v>
      </c>
      <c r="D85" s="18">
        <v>126</v>
      </c>
    </row>
    <row r="86" spans="1:4" ht="18" customHeight="1" x14ac:dyDescent="0.15">
      <c r="A86" s="5">
        <v>66</v>
      </c>
      <c r="B86" s="22">
        <v>75</v>
      </c>
      <c r="C86" s="14">
        <v>71</v>
      </c>
      <c r="D86" s="18">
        <v>146</v>
      </c>
    </row>
    <row r="87" spans="1:4" ht="18" customHeight="1" x14ac:dyDescent="0.15">
      <c r="A87" s="5">
        <v>67</v>
      </c>
      <c r="B87" s="22">
        <v>86</v>
      </c>
      <c r="C87" s="14">
        <v>86</v>
      </c>
      <c r="D87" s="18">
        <v>172</v>
      </c>
    </row>
    <row r="88" spans="1:4" ht="18" customHeight="1" x14ac:dyDescent="0.15">
      <c r="A88" s="5">
        <v>68</v>
      </c>
      <c r="B88" s="22">
        <v>57</v>
      </c>
      <c r="C88" s="14">
        <v>82</v>
      </c>
      <c r="D88" s="18">
        <v>139</v>
      </c>
    </row>
    <row r="89" spans="1:4" ht="18" customHeight="1" x14ac:dyDescent="0.15">
      <c r="A89" s="5">
        <v>69</v>
      </c>
      <c r="B89" s="22">
        <v>59</v>
      </c>
      <c r="C89" s="14">
        <v>75</v>
      </c>
      <c r="D89" s="18">
        <v>134</v>
      </c>
    </row>
    <row r="90" spans="1:4" ht="18" customHeight="1" x14ac:dyDescent="0.15">
      <c r="A90" s="5" t="s">
        <v>20</v>
      </c>
      <c r="B90" s="22">
        <v>335</v>
      </c>
      <c r="C90" s="14">
        <v>382</v>
      </c>
      <c r="D90" s="18">
        <v>717</v>
      </c>
    </row>
    <row r="91" spans="1:4" ht="18" customHeight="1" x14ac:dyDescent="0.15">
      <c r="A91" s="5">
        <v>70</v>
      </c>
      <c r="B91" s="22">
        <v>77</v>
      </c>
      <c r="C91" s="14">
        <v>88</v>
      </c>
      <c r="D91" s="18">
        <v>165</v>
      </c>
    </row>
    <row r="92" spans="1:4" ht="18" customHeight="1" x14ac:dyDescent="0.15">
      <c r="A92" s="5">
        <v>71</v>
      </c>
      <c r="B92" s="22">
        <v>64</v>
      </c>
      <c r="C92" s="14">
        <v>81</v>
      </c>
      <c r="D92" s="18">
        <v>145</v>
      </c>
    </row>
    <row r="93" spans="1:4" ht="18" customHeight="1" x14ac:dyDescent="0.15">
      <c r="A93" s="5">
        <v>72</v>
      </c>
      <c r="B93" s="22">
        <v>83</v>
      </c>
      <c r="C93" s="14">
        <v>90</v>
      </c>
      <c r="D93" s="18">
        <v>173</v>
      </c>
    </row>
    <row r="94" spans="1:4" ht="18" customHeight="1" x14ac:dyDescent="0.15">
      <c r="A94" s="5">
        <v>73</v>
      </c>
      <c r="B94" s="22">
        <v>89</v>
      </c>
      <c r="C94" s="14">
        <v>78</v>
      </c>
      <c r="D94" s="18">
        <v>167</v>
      </c>
    </row>
    <row r="95" spans="1:4" ht="18" customHeight="1" x14ac:dyDescent="0.15">
      <c r="A95" s="5">
        <v>74</v>
      </c>
      <c r="B95" s="22">
        <v>80</v>
      </c>
      <c r="C95" s="14">
        <v>102</v>
      </c>
      <c r="D95" s="18">
        <v>182</v>
      </c>
    </row>
    <row r="96" spans="1:4" ht="18" customHeight="1" x14ac:dyDescent="0.15">
      <c r="A96" s="5" t="s">
        <v>33</v>
      </c>
      <c r="B96" s="22">
        <v>393</v>
      </c>
      <c r="C96" s="14">
        <v>439</v>
      </c>
      <c r="D96" s="18">
        <v>832</v>
      </c>
    </row>
    <row r="97" spans="1:4" ht="18" customHeight="1" x14ac:dyDescent="0.15">
      <c r="A97" s="5">
        <v>75</v>
      </c>
      <c r="B97" s="22">
        <v>63</v>
      </c>
      <c r="C97" s="14">
        <v>101</v>
      </c>
      <c r="D97" s="18">
        <v>164</v>
      </c>
    </row>
    <row r="98" spans="1:4" ht="18" customHeight="1" x14ac:dyDescent="0.15">
      <c r="A98" s="5">
        <v>76</v>
      </c>
      <c r="B98" s="22">
        <v>93</v>
      </c>
      <c r="C98" s="14">
        <v>96</v>
      </c>
      <c r="D98" s="18">
        <v>189</v>
      </c>
    </row>
    <row r="99" spans="1:4" ht="18" customHeight="1" x14ac:dyDescent="0.15">
      <c r="A99" s="5">
        <v>77</v>
      </c>
      <c r="B99" s="22">
        <v>101</v>
      </c>
      <c r="C99" s="14">
        <v>114</v>
      </c>
      <c r="D99" s="18">
        <v>215</v>
      </c>
    </row>
    <row r="100" spans="1:4" ht="18" customHeight="1" x14ac:dyDescent="0.15">
      <c r="A100" s="5">
        <v>78</v>
      </c>
      <c r="B100" s="22">
        <v>101</v>
      </c>
      <c r="C100" s="14">
        <v>98</v>
      </c>
      <c r="D100" s="18">
        <v>199</v>
      </c>
    </row>
    <row r="101" spans="1:4" ht="18" customHeight="1" x14ac:dyDescent="0.15">
      <c r="A101" s="5">
        <v>79</v>
      </c>
      <c r="B101" s="22">
        <v>70</v>
      </c>
      <c r="C101" s="14">
        <v>82</v>
      </c>
      <c r="D101" s="18">
        <v>152</v>
      </c>
    </row>
    <row r="102" spans="1:4" ht="18" customHeight="1" x14ac:dyDescent="0.15">
      <c r="A102" s="5" t="s">
        <v>0</v>
      </c>
      <c r="B102" s="22">
        <v>428</v>
      </c>
      <c r="C102" s="14">
        <v>491</v>
      </c>
      <c r="D102" s="18">
        <v>919</v>
      </c>
    </row>
    <row r="103" spans="1:4" ht="18" customHeight="1" x14ac:dyDescent="0.15">
      <c r="A103" s="5">
        <v>80</v>
      </c>
      <c r="B103" s="22">
        <v>51</v>
      </c>
      <c r="C103" s="14">
        <v>69</v>
      </c>
      <c r="D103" s="18">
        <v>120</v>
      </c>
    </row>
    <row r="104" spans="1:4" ht="18" customHeight="1" x14ac:dyDescent="0.15">
      <c r="A104" s="5">
        <v>81</v>
      </c>
      <c r="B104" s="22">
        <v>59</v>
      </c>
      <c r="C104" s="14">
        <v>97</v>
      </c>
      <c r="D104" s="18">
        <v>156</v>
      </c>
    </row>
    <row r="105" spans="1:4" ht="18" customHeight="1" x14ac:dyDescent="0.15">
      <c r="A105" s="5">
        <v>82</v>
      </c>
      <c r="B105" s="22">
        <v>64</v>
      </c>
      <c r="C105" s="14">
        <v>88</v>
      </c>
      <c r="D105" s="18">
        <v>152</v>
      </c>
    </row>
    <row r="106" spans="1:4" ht="18" customHeight="1" x14ac:dyDescent="0.15">
      <c r="A106" s="5">
        <v>83</v>
      </c>
      <c r="B106" s="22">
        <v>45</v>
      </c>
      <c r="C106" s="14">
        <v>81</v>
      </c>
      <c r="D106" s="18">
        <v>126</v>
      </c>
    </row>
    <row r="107" spans="1:4" ht="18" customHeight="1" x14ac:dyDescent="0.15">
      <c r="A107" s="5">
        <v>84</v>
      </c>
      <c r="B107" s="22">
        <v>57</v>
      </c>
      <c r="C107" s="14">
        <v>88</v>
      </c>
      <c r="D107" s="18">
        <v>145</v>
      </c>
    </row>
    <row r="108" spans="1:4" ht="18" customHeight="1" x14ac:dyDescent="0.15">
      <c r="A108" s="5" t="s">
        <v>35</v>
      </c>
      <c r="B108" s="22">
        <v>276</v>
      </c>
      <c r="C108" s="14">
        <v>423</v>
      </c>
      <c r="D108" s="18">
        <v>699</v>
      </c>
    </row>
    <row r="109" spans="1:4" ht="18" customHeight="1" x14ac:dyDescent="0.15">
      <c r="A109" s="5">
        <v>85</v>
      </c>
      <c r="B109" s="22">
        <v>49</v>
      </c>
      <c r="C109" s="14">
        <v>76</v>
      </c>
      <c r="D109" s="18">
        <v>125</v>
      </c>
    </row>
    <row r="110" spans="1:4" ht="18" customHeight="1" x14ac:dyDescent="0.15">
      <c r="A110" s="5">
        <v>86</v>
      </c>
      <c r="B110" s="22">
        <v>46</v>
      </c>
      <c r="C110" s="14">
        <v>54</v>
      </c>
      <c r="D110" s="18">
        <v>100</v>
      </c>
    </row>
    <row r="111" spans="1:4" ht="18" customHeight="1" x14ac:dyDescent="0.15">
      <c r="A111" s="5">
        <v>87</v>
      </c>
      <c r="B111" s="22">
        <v>25</v>
      </c>
      <c r="C111" s="14">
        <v>37</v>
      </c>
      <c r="D111" s="18">
        <v>62</v>
      </c>
    </row>
    <row r="112" spans="1:4" ht="18" customHeight="1" x14ac:dyDescent="0.15">
      <c r="A112" s="5">
        <v>88</v>
      </c>
      <c r="B112" s="22">
        <v>22</v>
      </c>
      <c r="C112" s="14">
        <v>51</v>
      </c>
      <c r="D112" s="18">
        <v>73</v>
      </c>
    </row>
    <row r="113" spans="1:4" ht="18" customHeight="1" x14ac:dyDescent="0.15">
      <c r="A113" s="5">
        <v>89</v>
      </c>
      <c r="B113" s="22">
        <v>19</v>
      </c>
      <c r="C113" s="14">
        <v>59</v>
      </c>
      <c r="D113" s="18">
        <v>78</v>
      </c>
    </row>
    <row r="114" spans="1:4" ht="18" customHeight="1" x14ac:dyDescent="0.15">
      <c r="A114" s="5" t="s">
        <v>37</v>
      </c>
      <c r="B114" s="22">
        <v>161</v>
      </c>
      <c r="C114" s="14">
        <v>277</v>
      </c>
      <c r="D114" s="18">
        <v>438</v>
      </c>
    </row>
    <row r="115" spans="1:4" ht="18" customHeight="1" x14ac:dyDescent="0.15">
      <c r="A115" s="5">
        <v>90</v>
      </c>
      <c r="B115" s="22">
        <v>29</v>
      </c>
      <c r="C115" s="14">
        <v>49</v>
      </c>
      <c r="D115" s="18">
        <v>78</v>
      </c>
    </row>
    <row r="116" spans="1:4" ht="18" customHeight="1" x14ac:dyDescent="0.15">
      <c r="A116" s="5">
        <v>91</v>
      </c>
      <c r="B116" s="22">
        <v>17</v>
      </c>
      <c r="C116" s="14">
        <v>25</v>
      </c>
      <c r="D116" s="18">
        <v>42</v>
      </c>
    </row>
    <row r="117" spans="1:4" ht="18" customHeight="1" x14ac:dyDescent="0.15">
      <c r="A117" s="5">
        <v>92</v>
      </c>
      <c r="B117" s="22">
        <v>16</v>
      </c>
      <c r="C117" s="14">
        <v>37</v>
      </c>
      <c r="D117" s="18">
        <v>53</v>
      </c>
    </row>
    <row r="118" spans="1:4" ht="18" customHeight="1" x14ac:dyDescent="0.15">
      <c r="A118" s="5">
        <v>93</v>
      </c>
      <c r="B118" s="22">
        <v>8</v>
      </c>
      <c r="C118" s="14">
        <v>47</v>
      </c>
      <c r="D118" s="18">
        <v>55</v>
      </c>
    </row>
    <row r="119" spans="1:4" ht="18" customHeight="1" x14ac:dyDescent="0.15">
      <c r="A119" s="5">
        <v>94</v>
      </c>
      <c r="B119" s="22">
        <v>7</v>
      </c>
      <c r="C119" s="14">
        <v>34</v>
      </c>
      <c r="D119" s="18">
        <v>41</v>
      </c>
    </row>
    <row r="120" spans="1:4" ht="18" customHeight="1" x14ac:dyDescent="0.15">
      <c r="A120" s="5" t="s">
        <v>39</v>
      </c>
      <c r="B120" s="22">
        <v>77</v>
      </c>
      <c r="C120" s="14">
        <v>192</v>
      </c>
      <c r="D120" s="18">
        <v>269</v>
      </c>
    </row>
    <row r="121" spans="1:4" ht="18" customHeight="1" x14ac:dyDescent="0.15">
      <c r="A121" s="5">
        <v>95</v>
      </c>
      <c r="B121" s="22">
        <v>6</v>
      </c>
      <c r="C121" s="14">
        <v>22</v>
      </c>
      <c r="D121" s="18">
        <v>28</v>
      </c>
    </row>
    <row r="122" spans="1:4" ht="18" customHeight="1" x14ac:dyDescent="0.15">
      <c r="A122" s="5">
        <v>96</v>
      </c>
      <c r="B122" s="22">
        <v>5</v>
      </c>
      <c r="C122" s="14">
        <v>18</v>
      </c>
      <c r="D122" s="18">
        <v>23</v>
      </c>
    </row>
    <row r="123" spans="1:4" ht="18" customHeight="1" x14ac:dyDescent="0.15">
      <c r="A123" s="5">
        <v>97</v>
      </c>
      <c r="B123" s="22">
        <v>4</v>
      </c>
      <c r="C123" s="14">
        <v>11</v>
      </c>
      <c r="D123" s="18">
        <v>15</v>
      </c>
    </row>
    <row r="124" spans="1:4" ht="18" customHeight="1" x14ac:dyDescent="0.15">
      <c r="A124" s="5">
        <v>98</v>
      </c>
      <c r="B124" s="22">
        <v>0</v>
      </c>
      <c r="C124" s="14">
        <v>7</v>
      </c>
      <c r="D124" s="18">
        <v>7</v>
      </c>
    </row>
    <row r="125" spans="1:4" ht="18" customHeight="1" x14ac:dyDescent="0.15">
      <c r="A125" s="5">
        <v>99</v>
      </c>
      <c r="B125" s="22">
        <v>1</v>
      </c>
      <c r="C125" s="14">
        <v>8</v>
      </c>
      <c r="D125" s="18">
        <v>9</v>
      </c>
    </row>
    <row r="126" spans="1:4" ht="18" customHeight="1" x14ac:dyDescent="0.15">
      <c r="A126" s="5" t="s">
        <v>40</v>
      </c>
      <c r="B126" s="22">
        <v>16</v>
      </c>
      <c r="C126" s="14">
        <v>66</v>
      </c>
      <c r="D126" s="18">
        <v>82</v>
      </c>
    </row>
    <row r="127" spans="1:4" ht="18" customHeight="1" x14ac:dyDescent="0.15">
      <c r="A127" s="5">
        <v>100</v>
      </c>
      <c r="B127" s="22">
        <v>3</v>
      </c>
      <c r="C127" s="14">
        <v>4</v>
      </c>
      <c r="D127" s="18">
        <v>7</v>
      </c>
    </row>
    <row r="128" spans="1:4" ht="18" customHeight="1" x14ac:dyDescent="0.15">
      <c r="A128" s="6" t="s">
        <v>43</v>
      </c>
      <c r="B128" s="22">
        <v>0</v>
      </c>
      <c r="C128" s="14">
        <v>7</v>
      </c>
      <c r="D128" s="18">
        <v>7</v>
      </c>
    </row>
    <row r="129" spans="1:4" ht="18" customHeight="1" x14ac:dyDescent="0.15">
      <c r="A129" s="5" t="s">
        <v>44</v>
      </c>
      <c r="B129" s="22">
        <v>3</v>
      </c>
      <c r="C129" s="14">
        <v>11</v>
      </c>
      <c r="D129" s="18">
        <v>14</v>
      </c>
    </row>
    <row r="130" spans="1:4" ht="18" customHeight="1" x14ac:dyDescent="0.15">
      <c r="A130" s="5" t="s">
        <v>46</v>
      </c>
      <c r="B130" s="22">
        <v>1689</v>
      </c>
      <c r="C130" s="14">
        <v>2281</v>
      </c>
      <c r="D130" s="18">
        <v>3970</v>
      </c>
    </row>
    <row r="131" spans="1:4" ht="18" customHeight="1" x14ac:dyDescent="0.15">
      <c r="A131" s="7" t="s">
        <v>45</v>
      </c>
      <c r="B131" s="23">
        <v>5886</v>
      </c>
      <c r="C131" s="15">
        <v>6154</v>
      </c>
      <c r="D131" s="19">
        <v>1204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1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2</v>
      </c>
      <c r="C5" s="13">
        <v>9</v>
      </c>
      <c r="D5" s="17">
        <v>11</v>
      </c>
    </row>
    <row r="6" spans="1:4" ht="18" customHeight="1" x14ac:dyDescent="0.15">
      <c r="A6" s="5">
        <v>1</v>
      </c>
      <c r="B6" s="22">
        <v>5</v>
      </c>
      <c r="C6" s="14">
        <v>9</v>
      </c>
      <c r="D6" s="18">
        <v>14</v>
      </c>
    </row>
    <row r="7" spans="1:4" ht="18" customHeight="1" x14ac:dyDescent="0.15">
      <c r="A7" s="5">
        <v>2</v>
      </c>
      <c r="B7" s="22">
        <v>11</v>
      </c>
      <c r="C7" s="14">
        <v>10</v>
      </c>
      <c r="D7" s="18">
        <v>21</v>
      </c>
    </row>
    <row r="8" spans="1:4" ht="18" customHeight="1" x14ac:dyDescent="0.15">
      <c r="A8" s="5">
        <v>3</v>
      </c>
      <c r="B8" s="22">
        <v>9</v>
      </c>
      <c r="C8" s="14">
        <v>12</v>
      </c>
      <c r="D8" s="18">
        <v>21</v>
      </c>
    </row>
    <row r="9" spans="1:4" ht="18" customHeight="1" x14ac:dyDescent="0.15">
      <c r="A9" s="5">
        <v>4</v>
      </c>
      <c r="B9" s="22">
        <v>10</v>
      </c>
      <c r="C9" s="14">
        <v>7</v>
      </c>
      <c r="D9" s="18">
        <v>17</v>
      </c>
    </row>
    <row r="10" spans="1:4" ht="18" customHeight="1" x14ac:dyDescent="0.15">
      <c r="A10" s="5" t="s">
        <v>7</v>
      </c>
      <c r="B10" s="22">
        <v>37</v>
      </c>
      <c r="C10" s="14">
        <v>47</v>
      </c>
      <c r="D10" s="18">
        <v>84</v>
      </c>
    </row>
    <row r="11" spans="1:4" ht="18" customHeight="1" x14ac:dyDescent="0.15">
      <c r="A11" s="5">
        <v>5</v>
      </c>
      <c r="B11" s="22">
        <v>12</v>
      </c>
      <c r="C11" s="14">
        <v>10</v>
      </c>
      <c r="D11" s="18">
        <v>22</v>
      </c>
    </row>
    <row r="12" spans="1:4" ht="18" customHeight="1" x14ac:dyDescent="0.15">
      <c r="A12" s="5">
        <v>6</v>
      </c>
      <c r="B12" s="22">
        <v>10</v>
      </c>
      <c r="C12" s="14">
        <v>12</v>
      </c>
      <c r="D12" s="18">
        <v>22</v>
      </c>
    </row>
    <row r="13" spans="1:4" ht="18" customHeight="1" x14ac:dyDescent="0.15">
      <c r="A13" s="5">
        <v>7</v>
      </c>
      <c r="B13" s="22">
        <v>8</v>
      </c>
      <c r="C13" s="14">
        <v>9</v>
      </c>
      <c r="D13" s="18">
        <v>17</v>
      </c>
    </row>
    <row r="14" spans="1:4" ht="18" customHeight="1" x14ac:dyDescent="0.15">
      <c r="A14" s="5">
        <v>8</v>
      </c>
      <c r="B14" s="22">
        <v>10</v>
      </c>
      <c r="C14" s="14">
        <v>17</v>
      </c>
      <c r="D14" s="18">
        <v>27</v>
      </c>
    </row>
    <row r="15" spans="1:4" ht="18" customHeight="1" x14ac:dyDescent="0.15">
      <c r="A15" s="5">
        <v>9</v>
      </c>
      <c r="B15" s="22">
        <v>11</v>
      </c>
      <c r="C15" s="14">
        <v>6</v>
      </c>
      <c r="D15" s="18">
        <v>17</v>
      </c>
    </row>
    <row r="16" spans="1:4" ht="18" customHeight="1" x14ac:dyDescent="0.15">
      <c r="A16" s="5" t="s">
        <v>11</v>
      </c>
      <c r="B16" s="22">
        <v>51</v>
      </c>
      <c r="C16" s="14">
        <v>54</v>
      </c>
      <c r="D16" s="18">
        <v>105</v>
      </c>
    </row>
    <row r="17" spans="1:4" ht="18" customHeight="1" x14ac:dyDescent="0.15">
      <c r="A17" s="5">
        <v>10</v>
      </c>
      <c r="B17" s="22">
        <v>12</v>
      </c>
      <c r="C17" s="14">
        <v>16</v>
      </c>
      <c r="D17" s="18">
        <v>28</v>
      </c>
    </row>
    <row r="18" spans="1:4" ht="18" customHeight="1" x14ac:dyDescent="0.15">
      <c r="A18" s="5">
        <v>11</v>
      </c>
      <c r="B18" s="22">
        <v>12</v>
      </c>
      <c r="C18" s="14">
        <v>7</v>
      </c>
      <c r="D18" s="18">
        <v>19</v>
      </c>
    </row>
    <row r="19" spans="1:4" ht="18" customHeight="1" x14ac:dyDescent="0.15">
      <c r="A19" s="5">
        <v>12</v>
      </c>
      <c r="B19" s="22">
        <v>11</v>
      </c>
      <c r="C19" s="14">
        <v>15</v>
      </c>
      <c r="D19" s="18">
        <v>26</v>
      </c>
    </row>
    <row r="20" spans="1:4" ht="18" customHeight="1" x14ac:dyDescent="0.15">
      <c r="A20" s="5">
        <v>13</v>
      </c>
      <c r="B20" s="22">
        <v>15</v>
      </c>
      <c r="C20" s="14">
        <v>18</v>
      </c>
      <c r="D20" s="18">
        <v>33</v>
      </c>
    </row>
    <row r="21" spans="1:4" ht="18" customHeight="1" x14ac:dyDescent="0.15">
      <c r="A21" s="5">
        <v>14</v>
      </c>
      <c r="B21" s="22">
        <v>14</v>
      </c>
      <c r="C21" s="14">
        <v>8</v>
      </c>
      <c r="D21" s="18">
        <v>22</v>
      </c>
    </row>
    <row r="22" spans="1:4" ht="18" customHeight="1" x14ac:dyDescent="0.15">
      <c r="A22" s="5" t="s">
        <v>12</v>
      </c>
      <c r="B22" s="22">
        <v>64</v>
      </c>
      <c r="C22" s="14">
        <v>64</v>
      </c>
      <c r="D22" s="18">
        <v>128</v>
      </c>
    </row>
    <row r="23" spans="1:4" ht="18" customHeight="1" x14ac:dyDescent="0.15">
      <c r="A23" s="5" t="s">
        <v>6</v>
      </c>
      <c r="B23" s="22">
        <v>152</v>
      </c>
      <c r="C23" s="14">
        <v>165</v>
      </c>
      <c r="D23" s="18">
        <v>317</v>
      </c>
    </row>
    <row r="24" spans="1:4" ht="18" customHeight="1" x14ac:dyDescent="0.15">
      <c r="A24" s="5">
        <v>15</v>
      </c>
      <c r="B24" s="22">
        <v>15</v>
      </c>
      <c r="C24" s="14">
        <v>10</v>
      </c>
      <c r="D24" s="18">
        <v>25</v>
      </c>
    </row>
    <row r="25" spans="1:4" ht="18" customHeight="1" x14ac:dyDescent="0.15">
      <c r="A25" s="5">
        <v>16</v>
      </c>
      <c r="B25" s="22">
        <v>10</v>
      </c>
      <c r="C25" s="14">
        <v>12</v>
      </c>
      <c r="D25" s="18">
        <v>22</v>
      </c>
    </row>
    <row r="26" spans="1:4" ht="18" customHeight="1" x14ac:dyDescent="0.15">
      <c r="A26" s="5">
        <v>17</v>
      </c>
      <c r="B26" s="22">
        <v>11</v>
      </c>
      <c r="C26" s="14">
        <v>18</v>
      </c>
      <c r="D26" s="18">
        <v>29</v>
      </c>
    </row>
    <row r="27" spans="1:4" ht="18" customHeight="1" x14ac:dyDescent="0.15">
      <c r="A27" s="5">
        <v>18</v>
      </c>
      <c r="B27" s="22">
        <v>19</v>
      </c>
      <c r="C27" s="14">
        <v>14</v>
      </c>
      <c r="D27" s="18">
        <v>33</v>
      </c>
    </row>
    <row r="28" spans="1:4" ht="18" customHeight="1" x14ac:dyDescent="0.15">
      <c r="A28" s="5">
        <v>19</v>
      </c>
      <c r="B28" s="22">
        <v>35</v>
      </c>
      <c r="C28" s="14">
        <v>28</v>
      </c>
      <c r="D28" s="18">
        <v>63</v>
      </c>
    </row>
    <row r="29" spans="1:4" ht="18" customHeight="1" x14ac:dyDescent="0.15">
      <c r="A29" s="5" t="s">
        <v>14</v>
      </c>
      <c r="B29" s="22">
        <v>90</v>
      </c>
      <c r="C29" s="14">
        <v>82</v>
      </c>
      <c r="D29" s="18">
        <v>172</v>
      </c>
    </row>
    <row r="30" spans="1:4" ht="18" customHeight="1" x14ac:dyDescent="0.15">
      <c r="A30" s="5">
        <v>20</v>
      </c>
      <c r="B30" s="22">
        <v>12</v>
      </c>
      <c r="C30" s="14">
        <v>15</v>
      </c>
      <c r="D30" s="18">
        <v>27</v>
      </c>
    </row>
    <row r="31" spans="1:4" ht="18" customHeight="1" x14ac:dyDescent="0.15">
      <c r="A31" s="5">
        <v>21</v>
      </c>
      <c r="B31" s="22">
        <v>13</v>
      </c>
      <c r="C31" s="14">
        <v>17</v>
      </c>
      <c r="D31" s="18">
        <v>30</v>
      </c>
    </row>
    <row r="32" spans="1:4" ht="18" customHeight="1" x14ac:dyDescent="0.15">
      <c r="A32" s="5">
        <v>22</v>
      </c>
      <c r="B32" s="22">
        <v>9</v>
      </c>
      <c r="C32" s="14">
        <v>10</v>
      </c>
      <c r="D32" s="18">
        <v>19</v>
      </c>
    </row>
    <row r="33" spans="1:4" ht="18" customHeight="1" x14ac:dyDescent="0.15">
      <c r="A33" s="5">
        <v>23</v>
      </c>
      <c r="B33" s="22">
        <v>17</v>
      </c>
      <c r="C33" s="14">
        <v>13</v>
      </c>
      <c r="D33" s="18">
        <v>30</v>
      </c>
    </row>
    <row r="34" spans="1:4" ht="18" customHeight="1" x14ac:dyDescent="0.15">
      <c r="A34" s="5">
        <v>24</v>
      </c>
      <c r="B34" s="22">
        <v>11</v>
      </c>
      <c r="C34" s="14">
        <v>10</v>
      </c>
      <c r="D34" s="18">
        <v>21</v>
      </c>
    </row>
    <row r="35" spans="1:4" ht="18" customHeight="1" x14ac:dyDescent="0.15">
      <c r="A35" s="5" t="s">
        <v>9</v>
      </c>
      <c r="B35" s="22">
        <v>62</v>
      </c>
      <c r="C35" s="14">
        <v>65</v>
      </c>
      <c r="D35" s="18">
        <v>127</v>
      </c>
    </row>
    <row r="36" spans="1:4" ht="18" customHeight="1" x14ac:dyDescent="0.15">
      <c r="A36" s="5">
        <v>25</v>
      </c>
      <c r="B36" s="22">
        <v>15</v>
      </c>
      <c r="C36" s="14">
        <v>9</v>
      </c>
      <c r="D36" s="18">
        <v>24</v>
      </c>
    </row>
    <row r="37" spans="1:4" ht="18" customHeight="1" x14ac:dyDescent="0.15">
      <c r="A37" s="5">
        <v>26</v>
      </c>
      <c r="B37" s="22">
        <v>11</v>
      </c>
      <c r="C37" s="14">
        <v>10</v>
      </c>
      <c r="D37" s="18">
        <v>21</v>
      </c>
    </row>
    <row r="38" spans="1:4" ht="18" customHeight="1" x14ac:dyDescent="0.15">
      <c r="A38" s="5">
        <v>27</v>
      </c>
      <c r="B38" s="22">
        <v>21</v>
      </c>
      <c r="C38" s="14">
        <v>9</v>
      </c>
      <c r="D38" s="18">
        <v>30</v>
      </c>
    </row>
    <row r="39" spans="1:4" ht="18" customHeight="1" x14ac:dyDescent="0.15">
      <c r="A39" s="5">
        <v>28</v>
      </c>
      <c r="B39" s="22">
        <v>12</v>
      </c>
      <c r="C39" s="14">
        <v>6</v>
      </c>
      <c r="D39" s="18">
        <v>18</v>
      </c>
    </row>
    <row r="40" spans="1:4" ht="18" customHeight="1" x14ac:dyDescent="0.15">
      <c r="A40" s="5">
        <v>29</v>
      </c>
      <c r="B40" s="22">
        <v>8</v>
      </c>
      <c r="C40" s="14">
        <v>13</v>
      </c>
      <c r="D40" s="18">
        <v>21</v>
      </c>
    </row>
    <row r="41" spans="1:4" ht="18" customHeight="1" x14ac:dyDescent="0.15">
      <c r="A41" s="5" t="s">
        <v>2</v>
      </c>
      <c r="B41" s="22">
        <v>67</v>
      </c>
      <c r="C41" s="14">
        <v>47</v>
      </c>
      <c r="D41" s="18">
        <v>114</v>
      </c>
    </row>
    <row r="42" spans="1:4" ht="18" customHeight="1" x14ac:dyDescent="0.15">
      <c r="A42" s="5">
        <v>30</v>
      </c>
      <c r="B42" s="22">
        <v>8</v>
      </c>
      <c r="C42" s="14">
        <v>4</v>
      </c>
      <c r="D42" s="18">
        <v>12</v>
      </c>
    </row>
    <row r="43" spans="1:4" ht="18" customHeight="1" x14ac:dyDescent="0.15">
      <c r="A43" s="5">
        <v>31</v>
      </c>
      <c r="B43" s="22">
        <v>13</v>
      </c>
      <c r="C43" s="14">
        <v>9</v>
      </c>
      <c r="D43" s="18">
        <v>22</v>
      </c>
    </row>
    <row r="44" spans="1:4" ht="18" customHeight="1" x14ac:dyDescent="0.15">
      <c r="A44" s="5">
        <v>32</v>
      </c>
      <c r="B44" s="22">
        <v>14</v>
      </c>
      <c r="C44" s="14">
        <v>15</v>
      </c>
      <c r="D44" s="18">
        <v>29</v>
      </c>
    </row>
    <row r="45" spans="1:4" ht="18" customHeight="1" x14ac:dyDescent="0.15">
      <c r="A45" s="5">
        <v>33</v>
      </c>
      <c r="B45" s="22">
        <v>13</v>
      </c>
      <c r="C45" s="14">
        <v>8</v>
      </c>
      <c r="D45" s="18">
        <v>21</v>
      </c>
    </row>
    <row r="46" spans="1:4" ht="18" customHeight="1" x14ac:dyDescent="0.15">
      <c r="A46" s="5">
        <v>34</v>
      </c>
      <c r="B46" s="22">
        <v>9</v>
      </c>
      <c r="C46" s="14">
        <v>8</v>
      </c>
      <c r="D46" s="18">
        <v>17</v>
      </c>
    </row>
    <row r="47" spans="1:4" ht="18" customHeight="1" x14ac:dyDescent="0.15">
      <c r="A47" s="5" t="s">
        <v>15</v>
      </c>
      <c r="B47" s="22">
        <v>57</v>
      </c>
      <c r="C47" s="14">
        <v>44</v>
      </c>
      <c r="D47" s="18">
        <v>101</v>
      </c>
    </row>
    <row r="48" spans="1:4" ht="18" customHeight="1" x14ac:dyDescent="0.15">
      <c r="A48" s="5">
        <v>35</v>
      </c>
      <c r="B48" s="22">
        <v>16</v>
      </c>
      <c r="C48" s="14">
        <v>10</v>
      </c>
      <c r="D48" s="18">
        <v>26</v>
      </c>
    </row>
    <row r="49" spans="1:4" ht="18" customHeight="1" x14ac:dyDescent="0.15">
      <c r="A49" s="5">
        <v>36</v>
      </c>
      <c r="B49" s="22">
        <v>15</v>
      </c>
      <c r="C49" s="14">
        <v>16</v>
      </c>
      <c r="D49" s="18">
        <v>31</v>
      </c>
    </row>
    <row r="50" spans="1:4" ht="18" customHeight="1" x14ac:dyDescent="0.15">
      <c r="A50" s="5">
        <v>37</v>
      </c>
      <c r="B50" s="22">
        <v>11</v>
      </c>
      <c r="C50" s="14">
        <v>8</v>
      </c>
      <c r="D50" s="18">
        <v>19</v>
      </c>
    </row>
    <row r="51" spans="1:4" ht="18" customHeight="1" x14ac:dyDescent="0.15">
      <c r="A51" s="5">
        <v>38</v>
      </c>
      <c r="B51" s="22">
        <v>12</v>
      </c>
      <c r="C51" s="14">
        <v>9</v>
      </c>
      <c r="D51" s="18">
        <v>21</v>
      </c>
    </row>
    <row r="52" spans="1:4" ht="18" customHeight="1" x14ac:dyDescent="0.15">
      <c r="A52" s="5">
        <v>39</v>
      </c>
      <c r="B52" s="22">
        <v>18</v>
      </c>
      <c r="C52" s="14">
        <v>14</v>
      </c>
      <c r="D52" s="18">
        <v>32</v>
      </c>
    </row>
    <row r="53" spans="1:4" ht="18" customHeight="1" x14ac:dyDescent="0.15">
      <c r="A53" s="5" t="s">
        <v>18</v>
      </c>
      <c r="B53" s="22">
        <v>72</v>
      </c>
      <c r="C53" s="14">
        <v>57</v>
      </c>
      <c r="D53" s="18">
        <v>129</v>
      </c>
    </row>
    <row r="54" spans="1:4" ht="18" customHeight="1" x14ac:dyDescent="0.15">
      <c r="A54" s="5">
        <v>40</v>
      </c>
      <c r="B54" s="22">
        <v>20</v>
      </c>
      <c r="C54" s="14">
        <v>11</v>
      </c>
      <c r="D54" s="18">
        <v>31</v>
      </c>
    </row>
    <row r="55" spans="1:4" ht="18" customHeight="1" x14ac:dyDescent="0.15">
      <c r="A55" s="5">
        <v>41</v>
      </c>
      <c r="B55" s="22">
        <v>20</v>
      </c>
      <c r="C55" s="14">
        <v>22</v>
      </c>
      <c r="D55" s="18">
        <v>42</v>
      </c>
    </row>
    <row r="56" spans="1:4" ht="18" customHeight="1" x14ac:dyDescent="0.15">
      <c r="A56" s="5">
        <v>42</v>
      </c>
      <c r="B56" s="22">
        <v>18</v>
      </c>
      <c r="C56" s="14">
        <v>18</v>
      </c>
      <c r="D56" s="18">
        <v>36</v>
      </c>
    </row>
    <row r="57" spans="1:4" ht="18" customHeight="1" x14ac:dyDescent="0.15">
      <c r="A57" s="5">
        <v>43</v>
      </c>
      <c r="B57" s="22">
        <v>18</v>
      </c>
      <c r="C57" s="14">
        <v>16</v>
      </c>
      <c r="D57" s="18">
        <v>34</v>
      </c>
    </row>
    <row r="58" spans="1:4" ht="18" customHeight="1" x14ac:dyDescent="0.15">
      <c r="A58" s="5">
        <v>44</v>
      </c>
      <c r="B58" s="22">
        <v>20</v>
      </c>
      <c r="C58" s="14">
        <v>14</v>
      </c>
      <c r="D58" s="18">
        <v>34</v>
      </c>
    </row>
    <row r="59" spans="1:4" ht="18" customHeight="1" x14ac:dyDescent="0.15">
      <c r="A59" s="5" t="s">
        <v>21</v>
      </c>
      <c r="B59" s="22">
        <v>96</v>
      </c>
      <c r="C59" s="14">
        <v>81</v>
      </c>
      <c r="D59" s="18">
        <v>177</v>
      </c>
    </row>
    <row r="60" spans="1:4" ht="18" customHeight="1" x14ac:dyDescent="0.15">
      <c r="A60" s="5">
        <v>45</v>
      </c>
      <c r="B60" s="22">
        <v>22</v>
      </c>
      <c r="C60" s="14">
        <v>22</v>
      </c>
      <c r="D60" s="18">
        <v>44</v>
      </c>
    </row>
    <row r="61" spans="1:4" ht="18" customHeight="1" x14ac:dyDescent="0.15">
      <c r="A61" s="5">
        <v>46</v>
      </c>
      <c r="B61" s="22">
        <v>22</v>
      </c>
      <c r="C61" s="14">
        <v>13</v>
      </c>
      <c r="D61" s="18">
        <v>35</v>
      </c>
    </row>
    <row r="62" spans="1:4" ht="18" customHeight="1" x14ac:dyDescent="0.15">
      <c r="A62" s="5">
        <v>47</v>
      </c>
      <c r="B62" s="22">
        <v>20</v>
      </c>
      <c r="C62" s="14">
        <v>17</v>
      </c>
      <c r="D62" s="18">
        <v>37</v>
      </c>
    </row>
    <row r="63" spans="1:4" ht="18" customHeight="1" x14ac:dyDescent="0.15">
      <c r="A63" s="5">
        <v>48</v>
      </c>
      <c r="B63" s="22">
        <v>22</v>
      </c>
      <c r="C63" s="14">
        <v>18</v>
      </c>
      <c r="D63" s="18">
        <v>40</v>
      </c>
    </row>
    <row r="64" spans="1:4" ht="18" customHeight="1" x14ac:dyDescent="0.15">
      <c r="A64" s="5">
        <v>49</v>
      </c>
      <c r="B64" s="22">
        <v>16</v>
      </c>
      <c r="C64" s="14">
        <v>35</v>
      </c>
      <c r="D64" s="18">
        <v>51</v>
      </c>
    </row>
    <row r="65" spans="1:4" ht="18" customHeight="1" x14ac:dyDescent="0.15">
      <c r="A65" s="5" t="s">
        <v>17</v>
      </c>
      <c r="B65" s="22">
        <v>102</v>
      </c>
      <c r="C65" s="14">
        <v>105</v>
      </c>
      <c r="D65" s="18">
        <v>207</v>
      </c>
    </row>
    <row r="66" spans="1:4" ht="18" customHeight="1" x14ac:dyDescent="0.15">
      <c r="A66" s="5">
        <v>50</v>
      </c>
      <c r="B66" s="22">
        <v>21</v>
      </c>
      <c r="C66" s="14">
        <v>18</v>
      </c>
      <c r="D66" s="18">
        <v>39</v>
      </c>
    </row>
    <row r="67" spans="1:4" ht="18" customHeight="1" x14ac:dyDescent="0.15">
      <c r="A67" s="5">
        <v>51</v>
      </c>
      <c r="B67" s="22">
        <v>22</v>
      </c>
      <c r="C67" s="14">
        <v>24</v>
      </c>
      <c r="D67" s="18">
        <v>46</v>
      </c>
    </row>
    <row r="68" spans="1:4" ht="18" customHeight="1" x14ac:dyDescent="0.15">
      <c r="A68" s="5">
        <v>52</v>
      </c>
      <c r="B68" s="22">
        <v>26</v>
      </c>
      <c r="C68" s="14">
        <v>28</v>
      </c>
      <c r="D68" s="18">
        <v>54</v>
      </c>
    </row>
    <row r="69" spans="1:4" ht="18" customHeight="1" x14ac:dyDescent="0.15">
      <c r="A69" s="5">
        <v>53</v>
      </c>
      <c r="B69" s="22">
        <v>26</v>
      </c>
      <c r="C69" s="14">
        <v>16</v>
      </c>
      <c r="D69" s="18">
        <v>42</v>
      </c>
    </row>
    <row r="70" spans="1:4" ht="18" customHeight="1" x14ac:dyDescent="0.15">
      <c r="A70" s="5">
        <v>54</v>
      </c>
      <c r="B70" s="22">
        <v>21</v>
      </c>
      <c r="C70" s="14">
        <v>31</v>
      </c>
      <c r="D70" s="18">
        <v>52</v>
      </c>
    </row>
    <row r="71" spans="1:4" ht="18" customHeight="1" x14ac:dyDescent="0.15">
      <c r="A71" s="5" t="s">
        <v>22</v>
      </c>
      <c r="B71" s="22">
        <v>116</v>
      </c>
      <c r="C71" s="14">
        <v>117</v>
      </c>
      <c r="D71" s="18">
        <v>233</v>
      </c>
    </row>
    <row r="72" spans="1:4" ht="18" customHeight="1" x14ac:dyDescent="0.15">
      <c r="A72" s="5">
        <v>55</v>
      </c>
      <c r="B72" s="22">
        <v>25</v>
      </c>
      <c r="C72" s="14">
        <v>22</v>
      </c>
      <c r="D72" s="18">
        <v>47</v>
      </c>
    </row>
    <row r="73" spans="1:4" ht="18" customHeight="1" x14ac:dyDescent="0.15">
      <c r="A73" s="5">
        <v>56</v>
      </c>
      <c r="B73" s="22">
        <v>22</v>
      </c>
      <c r="C73" s="14">
        <v>14</v>
      </c>
      <c r="D73" s="18">
        <v>36</v>
      </c>
    </row>
    <row r="74" spans="1:4" ht="18" customHeight="1" x14ac:dyDescent="0.15">
      <c r="A74" s="5">
        <v>57</v>
      </c>
      <c r="B74" s="22">
        <v>21</v>
      </c>
      <c r="C74" s="14">
        <v>23</v>
      </c>
      <c r="D74" s="18">
        <v>44</v>
      </c>
    </row>
    <row r="75" spans="1:4" ht="18" customHeight="1" x14ac:dyDescent="0.15">
      <c r="A75" s="5">
        <v>58</v>
      </c>
      <c r="B75" s="22">
        <v>15</v>
      </c>
      <c r="C75" s="14">
        <v>22</v>
      </c>
      <c r="D75" s="18">
        <v>37</v>
      </c>
    </row>
    <row r="76" spans="1:4" ht="18" customHeight="1" x14ac:dyDescent="0.15">
      <c r="A76" s="5">
        <v>59</v>
      </c>
      <c r="B76" s="22">
        <v>14</v>
      </c>
      <c r="C76" s="14">
        <v>16</v>
      </c>
      <c r="D76" s="18">
        <v>30</v>
      </c>
    </row>
    <row r="77" spans="1:4" ht="18" customHeight="1" x14ac:dyDescent="0.15">
      <c r="A77" s="5" t="s">
        <v>27</v>
      </c>
      <c r="B77" s="22">
        <v>97</v>
      </c>
      <c r="C77" s="14">
        <v>97</v>
      </c>
      <c r="D77" s="18">
        <v>194</v>
      </c>
    </row>
    <row r="78" spans="1:4" ht="18" customHeight="1" x14ac:dyDescent="0.15">
      <c r="A78" s="5">
        <v>60</v>
      </c>
      <c r="B78" s="22">
        <v>27</v>
      </c>
      <c r="C78" s="14">
        <v>22</v>
      </c>
      <c r="D78" s="18">
        <v>49</v>
      </c>
    </row>
    <row r="79" spans="1:4" ht="18" customHeight="1" x14ac:dyDescent="0.15">
      <c r="A79" s="5">
        <v>61</v>
      </c>
      <c r="B79" s="22">
        <v>14</v>
      </c>
      <c r="C79" s="14">
        <v>24</v>
      </c>
      <c r="D79" s="18">
        <v>38</v>
      </c>
    </row>
    <row r="80" spans="1:4" ht="18" customHeight="1" x14ac:dyDescent="0.15">
      <c r="A80" s="5">
        <v>62</v>
      </c>
      <c r="B80" s="22">
        <v>22</v>
      </c>
      <c r="C80" s="14">
        <v>25</v>
      </c>
      <c r="D80" s="18">
        <v>47</v>
      </c>
    </row>
    <row r="81" spans="1:4" ht="18" customHeight="1" x14ac:dyDescent="0.15">
      <c r="A81" s="5">
        <v>63</v>
      </c>
      <c r="B81" s="22">
        <v>17</v>
      </c>
      <c r="C81" s="14">
        <v>19</v>
      </c>
      <c r="D81" s="18">
        <v>36</v>
      </c>
    </row>
    <row r="82" spans="1:4" ht="18" customHeight="1" x14ac:dyDescent="0.15">
      <c r="A82" s="5">
        <v>64</v>
      </c>
      <c r="B82" s="22">
        <v>18</v>
      </c>
      <c r="C82" s="14">
        <v>15</v>
      </c>
      <c r="D82" s="18">
        <v>33</v>
      </c>
    </row>
    <row r="83" spans="1:4" ht="18" customHeight="1" x14ac:dyDescent="0.15">
      <c r="A83" s="5" t="s">
        <v>28</v>
      </c>
      <c r="B83" s="22">
        <v>98</v>
      </c>
      <c r="C83" s="14">
        <v>105</v>
      </c>
      <c r="D83" s="18">
        <v>203</v>
      </c>
    </row>
    <row r="84" spans="1:4" ht="18" customHeight="1" x14ac:dyDescent="0.15">
      <c r="A84" s="5" t="s">
        <v>31</v>
      </c>
      <c r="B84" s="22">
        <v>857</v>
      </c>
      <c r="C84" s="14">
        <v>800</v>
      </c>
      <c r="D84" s="18">
        <v>1657</v>
      </c>
    </row>
    <row r="85" spans="1:4" ht="18" customHeight="1" x14ac:dyDescent="0.15">
      <c r="A85" s="5">
        <v>65</v>
      </c>
      <c r="B85" s="22">
        <v>20</v>
      </c>
      <c r="C85" s="14">
        <v>22</v>
      </c>
      <c r="D85" s="18">
        <v>42</v>
      </c>
    </row>
    <row r="86" spans="1:4" ht="18" customHeight="1" x14ac:dyDescent="0.15">
      <c r="A86" s="5">
        <v>66</v>
      </c>
      <c r="B86" s="22">
        <v>17</v>
      </c>
      <c r="C86" s="14">
        <v>18</v>
      </c>
      <c r="D86" s="18">
        <v>35</v>
      </c>
    </row>
    <row r="87" spans="1:4" ht="18" customHeight="1" x14ac:dyDescent="0.15">
      <c r="A87" s="5">
        <v>67</v>
      </c>
      <c r="B87" s="22">
        <v>12</v>
      </c>
      <c r="C87" s="14">
        <v>13</v>
      </c>
      <c r="D87" s="18">
        <v>25</v>
      </c>
    </row>
    <row r="88" spans="1:4" ht="18" customHeight="1" x14ac:dyDescent="0.15">
      <c r="A88" s="5">
        <v>68</v>
      </c>
      <c r="B88" s="22">
        <v>18</v>
      </c>
      <c r="C88" s="14">
        <v>18</v>
      </c>
      <c r="D88" s="18">
        <v>36</v>
      </c>
    </row>
    <row r="89" spans="1:4" ht="18" customHeight="1" x14ac:dyDescent="0.15">
      <c r="A89" s="5">
        <v>69</v>
      </c>
      <c r="B89" s="22">
        <v>13</v>
      </c>
      <c r="C89" s="14">
        <v>15</v>
      </c>
      <c r="D89" s="18">
        <v>28</v>
      </c>
    </row>
    <row r="90" spans="1:4" ht="18" customHeight="1" x14ac:dyDescent="0.15">
      <c r="A90" s="5" t="s">
        <v>20</v>
      </c>
      <c r="B90" s="22">
        <v>80</v>
      </c>
      <c r="C90" s="14">
        <v>86</v>
      </c>
      <c r="D90" s="18">
        <v>166</v>
      </c>
    </row>
    <row r="91" spans="1:4" ht="18" customHeight="1" x14ac:dyDescent="0.15">
      <c r="A91" s="5">
        <v>70</v>
      </c>
      <c r="B91" s="22">
        <v>10</v>
      </c>
      <c r="C91" s="14">
        <v>18</v>
      </c>
      <c r="D91" s="18">
        <v>28</v>
      </c>
    </row>
    <row r="92" spans="1:4" ht="18" customHeight="1" x14ac:dyDescent="0.15">
      <c r="A92" s="5">
        <v>71</v>
      </c>
      <c r="B92" s="22">
        <v>14</v>
      </c>
      <c r="C92" s="14">
        <v>22</v>
      </c>
      <c r="D92" s="18">
        <v>36</v>
      </c>
    </row>
    <row r="93" spans="1:4" ht="18" customHeight="1" x14ac:dyDescent="0.15">
      <c r="A93" s="5">
        <v>72</v>
      </c>
      <c r="B93" s="22">
        <v>20</v>
      </c>
      <c r="C93" s="14">
        <v>26</v>
      </c>
      <c r="D93" s="18">
        <v>46</v>
      </c>
    </row>
    <row r="94" spans="1:4" ht="18" customHeight="1" x14ac:dyDescent="0.15">
      <c r="A94" s="5">
        <v>73</v>
      </c>
      <c r="B94" s="22">
        <v>16</v>
      </c>
      <c r="C94" s="14">
        <v>29</v>
      </c>
      <c r="D94" s="18">
        <v>45</v>
      </c>
    </row>
    <row r="95" spans="1:4" ht="18" customHeight="1" x14ac:dyDescent="0.15">
      <c r="A95" s="5">
        <v>74</v>
      </c>
      <c r="B95" s="22">
        <v>12</v>
      </c>
      <c r="C95" s="14">
        <v>25</v>
      </c>
      <c r="D95" s="18">
        <v>37</v>
      </c>
    </row>
    <row r="96" spans="1:4" ht="18" customHeight="1" x14ac:dyDescent="0.15">
      <c r="A96" s="5" t="s">
        <v>33</v>
      </c>
      <c r="B96" s="22">
        <v>72</v>
      </c>
      <c r="C96" s="14">
        <v>120</v>
      </c>
      <c r="D96" s="18">
        <v>192</v>
      </c>
    </row>
    <row r="97" spans="1:4" ht="18" customHeight="1" x14ac:dyDescent="0.15">
      <c r="A97" s="5">
        <v>75</v>
      </c>
      <c r="B97" s="22">
        <v>16</v>
      </c>
      <c r="C97" s="14">
        <v>17</v>
      </c>
      <c r="D97" s="18">
        <v>33</v>
      </c>
    </row>
    <row r="98" spans="1:4" ht="18" customHeight="1" x14ac:dyDescent="0.15">
      <c r="A98" s="5">
        <v>76</v>
      </c>
      <c r="B98" s="22">
        <v>21</v>
      </c>
      <c r="C98" s="14">
        <v>28</v>
      </c>
      <c r="D98" s="18">
        <v>49</v>
      </c>
    </row>
    <row r="99" spans="1:4" ht="18" customHeight="1" x14ac:dyDescent="0.15">
      <c r="A99" s="5">
        <v>77</v>
      </c>
      <c r="B99" s="22">
        <v>21</v>
      </c>
      <c r="C99" s="14">
        <v>31</v>
      </c>
      <c r="D99" s="18">
        <v>52</v>
      </c>
    </row>
    <row r="100" spans="1:4" ht="18" customHeight="1" x14ac:dyDescent="0.15">
      <c r="A100" s="5">
        <v>78</v>
      </c>
      <c r="B100" s="22">
        <v>19</v>
      </c>
      <c r="C100" s="14">
        <v>31</v>
      </c>
      <c r="D100" s="18">
        <v>50</v>
      </c>
    </row>
    <row r="101" spans="1:4" ht="18" customHeight="1" x14ac:dyDescent="0.15">
      <c r="A101" s="5">
        <v>79</v>
      </c>
      <c r="B101" s="22">
        <v>16</v>
      </c>
      <c r="C101" s="14">
        <v>20</v>
      </c>
      <c r="D101" s="18">
        <v>36</v>
      </c>
    </row>
    <row r="102" spans="1:4" ht="18" customHeight="1" x14ac:dyDescent="0.15">
      <c r="A102" s="5" t="s">
        <v>0</v>
      </c>
      <c r="B102" s="22">
        <v>93</v>
      </c>
      <c r="C102" s="14">
        <v>127</v>
      </c>
      <c r="D102" s="18">
        <v>220</v>
      </c>
    </row>
    <row r="103" spans="1:4" ht="18" customHeight="1" x14ac:dyDescent="0.15">
      <c r="A103" s="5">
        <v>80</v>
      </c>
      <c r="B103" s="22">
        <v>15</v>
      </c>
      <c r="C103" s="14">
        <v>10</v>
      </c>
      <c r="D103" s="18">
        <v>25</v>
      </c>
    </row>
    <row r="104" spans="1:4" ht="18" customHeight="1" x14ac:dyDescent="0.15">
      <c r="A104" s="5">
        <v>81</v>
      </c>
      <c r="B104" s="22">
        <v>12</v>
      </c>
      <c r="C104" s="14">
        <v>14</v>
      </c>
      <c r="D104" s="18">
        <v>26</v>
      </c>
    </row>
    <row r="105" spans="1:4" ht="18" customHeight="1" x14ac:dyDescent="0.15">
      <c r="A105" s="5">
        <v>82</v>
      </c>
      <c r="B105" s="22">
        <v>14</v>
      </c>
      <c r="C105" s="14">
        <v>18</v>
      </c>
      <c r="D105" s="18">
        <v>32</v>
      </c>
    </row>
    <row r="106" spans="1:4" ht="18" customHeight="1" x14ac:dyDescent="0.15">
      <c r="A106" s="5">
        <v>83</v>
      </c>
      <c r="B106" s="22">
        <v>11</v>
      </c>
      <c r="C106" s="14">
        <v>14</v>
      </c>
      <c r="D106" s="18">
        <v>25</v>
      </c>
    </row>
    <row r="107" spans="1:4" ht="18" customHeight="1" x14ac:dyDescent="0.15">
      <c r="A107" s="5">
        <v>84</v>
      </c>
      <c r="B107" s="22">
        <v>13</v>
      </c>
      <c r="C107" s="14">
        <v>10</v>
      </c>
      <c r="D107" s="18">
        <v>23</v>
      </c>
    </row>
    <row r="108" spans="1:4" ht="18" customHeight="1" x14ac:dyDescent="0.15">
      <c r="A108" s="5" t="s">
        <v>35</v>
      </c>
      <c r="B108" s="22">
        <v>65</v>
      </c>
      <c r="C108" s="14">
        <v>66</v>
      </c>
      <c r="D108" s="18">
        <v>131</v>
      </c>
    </row>
    <row r="109" spans="1:4" ht="18" customHeight="1" x14ac:dyDescent="0.15">
      <c r="A109" s="5">
        <v>85</v>
      </c>
      <c r="B109" s="22">
        <v>9</v>
      </c>
      <c r="C109" s="14">
        <v>16</v>
      </c>
      <c r="D109" s="18">
        <v>25</v>
      </c>
    </row>
    <row r="110" spans="1:4" ht="18" customHeight="1" x14ac:dyDescent="0.15">
      <c r="A110" s="5">
        <v>86</v>
      </c>
      <c r="B110" s="22">
        <v>3</v>
      </c>
      <c r="C110" s="14">
        <v>14</v>
      </c>
      <c r="D110" s="18">
        <v>17</v>
      </c>
    </row>
    <row r="111" spans="1:4" ht="18" customHeight="1" x14ac:dyDescent="0.15">
      <c r="A111" s="5">
        <v>87</v>
      </c>
      <c r="B111" s="22">
        <v>5</v>
      </c>
      <c r="C111" s="14">
        <v>7</v>
      </c>
      <c r="D111" s="18">
        <v>12</v>
      </c>
    </row>
    <row r="112" spans="1:4" ht="18" customHeight="1" x14ac:dyDescent="0.15">
      <c r="A112" s="5">
        <v>88</v>
      </c>
      <c r="B112" s="22">
        <v>6</v>
      </c>
      <c r="C112" s="14">
        <v>11</v>
      </c>
      <c r="D112" s="18">
        <v>17</v>
      </c>
    </row>
    <row r="113" spans="1:4" ht="18" customHeight="1" x14ac:dyDescent="0.15">
      <c r="A113" s="5">
        <v>89</v>
      </c>
      <c r="B113" s="22">
        <v>7</v>
      </c>
      <c r="C113" s="14">
        <v>9</v>
      </c>
      <c r="D113" s="18">
        <v>16</v>
      </c>
    </row>
    <row r="114" spans="1:4" ht="18" customHeight="1" x14ac:dyDescent="0.15">
      <c r="A114" s="5" t="s">
        <v>37</v>
      </c>
      <c r="B114" s="22">
        <v>30</v>
      </c>
      <c r="C114" s="14">
        <v>57</v>
      </c>
      <c r="D114" s="18">
        <v>87</v>
      </c>
    </row>
    <row r="115" spans="1:4" ht="18" customHeight="1" x14ac:dyDescent="0.15">
      <c r="A115" s="5">
        <v>90</v>
      </c>
      <c r="B115" s="22">
        <v>4</v>
      </c>
      <c r="C115" s="14">
        <v>12</v>
      </c>
      <c r="D115" s="18">
        <v>16</v>
      </c>
    </row>
    <row r="116" spans="1:4" ht="18" customHeight="1" x14ac:dyDescent="0.15">
      <c r="A116" s="5">
        <v>91</v>
      </c>
      <c r="B116" s="22">
        <v>4</v>
      </c>
      <c r="C116" s="14">
        <v>8</v>
      </c>
      <c r="D116" s="18">
        <v>12</v>
      </c>
    </row>
    <row r="117" spans="1:4" ht="18" customHeight="1" x14ac:dyDescent="0.15">
      <c r="A117" s="5">
        <v>92</v>
      </c>
      <c r="B117" s="22">
        <v>4</v>
      </c>
      <c r="C117" s="14">
        <v>10</v>
      </c>
      <c r="D117" s="18">
        <v>14</v>
      </c>
    </row>
    <row r="118" spans="1:4" ht="18" customHeight="1" x14ac:dyDescent="0.15">
      <c r="A118" s="5">
        <v>93</v>
      </c>
      <c r="B118" s="22">
        <v>2</v>
      </c>
      <c r="C118" s="14">
        <v>10</v>
      </c>
      <c r="D118" s="18">
        <v>12</v>
      </c>
    </row>
    <row r="119" spans="1:4" ht="18" customHeight="1" x14ac:dyDescent="0.15">
      <c r="A119" s="5">
        <v>94</v>
      </c>
      <c r="B119" s="22">
        <v>2</v>
      </c>
      <c r="C119" s="14">
        <v>6</v>
      </c>
      <c r="D119" s="18">
        <v>8</v>
      </c>
    </row>
    <row r="120" spans="1:4" ht="18" customHeight="1" x14ac:dyDescent="0.15">
      <c r="A120" s="5" t="s">
        <v>39</v>
      </c>
      <c r="B120" s="22">
        <v>16</v>
      </c>
      <c r="C120" s="14">
        <v>46</v>
      </c>
      <c r="D120" s="18">
        <v>62</v>
      </c>
    </row>
    <row r="121" spans="1:4" ht="18" customHeight="1" x14ac:dyDescent="0.15">
      <c r="A121" s="5">
        <v>95</v>
      </c>
      <c r="B121" s="22">
        <v>1</v>
      </c>
      <c r="C121" s="14">
        <v>7</v>
      </c>
      <c r="D121" s="18">
        <v>8</v>
      </c>
    </row>
    <row r="122" spans="1:4" ht="18" customHeight="1" x14ac:dyDescent="0.15">
      <c r="A122" s="5">
        <v>96</v>
      </c>
      <c r="B122" s="22">
        <v>0</v>
      </c>
      <c r="C122" s="14">
        <v>6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1</v>
      </c>
      <c r="C126" s="14">
        <v>20</v>
      </c>
      <c r="D126" s="18">
        <v>21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357</v>
      </c>
      <c r="C130" s="14">
        <v>527</v>
      </c>
      <c r="D130" s="18">
        <v>884</v>
      </c>
    </row>
    <row r="131" spans="1:4" ht="18" customHeight="1" x14ac:dyDescent="0.15">
      <c r="A131" s="7" t="s">
        <v>45</v>
      </c>
      <c r="B131" s="23">
        <v>1366</v>
      </c>
      <c r="C131" s="15">
        <v>1492</v>
      </c>
      <c r="D131" s="19">
        <v>285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5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7</v>
      </c>
      <c r="C5" s="13">
        <v>14</v>
      </c>
      <c r="D5" s="17">
        <v>21</v>
      </c>
    </row>
    <row r="6" spans="1:4" ht="18" customHeight="1" x14ac:dyDescent="0.15">
      <c r="A6" s="5">
        <v>1</v>
      </c>
      <c r="B6" s="22">
        <v>7</v>
      </c>
      <c r="C6" s="14">
        <v>11</v>
      </c>
      <c r="D6" s="18">
        <v>18</v>
      </c>
    </row>
    <row r="7" spans="1:4" ht="18" customHeight="1" x14ac:dyDescent="0.15">
      <c r="A7" s="5">
        <v>2</v>
      </c>
      <c r="B7" s="22">
        <v>16</v>
      </c>
      <c r="C7" s="14">
        <v>8</v>
      </c>
      <c r="D7" s="18">
        <v>24</v>
      </c>
    </row>
    <row r="8" spans="1:4" ht="18" customHeight="1" x14ac:dyDescent="0.15">
      <c r="A8" s="5">
        <v>3</v>
      </c>
      <c r="B8" s="22">
        <v>12</v>
      </c>
      <c r="C8" s="14">
        <v>10</v>
      </c>
      <c r="D8" s="18">
        <v>22</v>
      </c>
    </row>
    <row r="9" spans="1:4" ht="18" customHeight="1" x14ac:dyDescent="0.15">
      <c r="A9" s="5">
        <v>4</v>
      </c>
      <c r="B9" s="22">
        <v>9</v>
      </c>
      <c r="C9" s="14">
        <v>16</v>
      </c>
      <c r="D9" s="18">
        <v>25</v>
      </c>
    </row>
    <row r="10" spans="1:4" ht="18" customHeight="1" x14ac:dyDescent="0.15">
      <c r="A10" s="5" t="s">
        <v>7</v>
      </c>
      <c r="B10" s="22">
        <v>51</v>
      </c>
      <c r="C10" s="14">
        <v>59</v>
      </c>
      <c r="D10" s="18">
        <v>110</v>
      </c>
    </row>
    <row r="11" spans="1:4" ht="18" customHeight="1" x14ac:dyDescent="0.15">
      <c r="A11" s="5">
        <v>5</v>
      </c>
      <c r="B11" s="22">
        <v>10</v>
      </c>
      <c r="C11" s="14">
        <v>15</v>
      </c>
      <c r="D11" s="18">
        <v>25</v>
      </c>
    </row>
    <row r="12" spans="1:4" ht="18" customHeight="1" x14ac:dyDescent="0.15">
      <c r="A12" s="5">
        <v>6</v>
      </c>
      <c r="B12" s="22">
        <v>10</v>
      </c>
      <c r="C12" s="14">
        <v>16</v>
      </c>
      <c r="D12" s="18">
        <v>26</v>
      </c>
    </row>
    <row r="13" spans="1:4" ht="18" customHeight="1" x14ac:dyDescent="0.15">
      <c r="A13" s="5">
        <v>7</v>
      </c>
      <c r="B13" s="22">
        <v>16</v>
      </c>
      <c r="C13" s="14">
        <v>8</v>
      </c>
      <c r="D13" s="18">
        <v>24</v>
      </c>
    </row>
    <row r="14" spans="1:4" ht="18" customHeight="1" x14ac:dyDescent="0.15">
      <c r="A14" s="5">
        <v>8</v>
      </c>
      <c r="B14" s="22">
        <v>9</v>
      </c>
      <c r="C14" s="14">
        <v>20</v>
      </c>
      <c r="D14" s="18">
        <v>29</v>
      </c>
    </row>
    <row r="15" spans="1:4" ht="18" customHeight="1" x14ac:dyDescent="0.15">
      <c r="A15" s="5">
        <v>9</v>
      </c>
      <c r="B15" s="22">
        <v>19</v>
      </c>
      <c r="C15" s="14">
        <v>10</v>
      </c>
      <c r="D15" s="18">
        <v>29</v>
      </c>
    </row>
    <row r="16" spans="1:4" ht="18" customHeight="1" x14ac:dyDescent="0.15">
      <c r="A16" s="5" t="s">
        <v>11</v>
      </c>
      <c r="B16" s="22">
        <v>64</v>
      </c>
      <c r="C16" s="14">
        <v>69</v>
      </c>
      <c r="D16" s="18">
        <v>133</v>
      </c>
    </row>
    <row r="17" spans="1:4" ht="18" customHeight="1" x14ac:dyDescent="0.15">
      <c r="A17" s="5">
        <v>10</v>
      </c>
      <c r="B17" s="22">
        <v>10</v>
      </c>
      <c r="C17" s="14">
        <v>13</v>
      </c>
      <c r="D17" s="18">
        <v>23</v>
      </c>
    </row>
    <row r="18" spans="1:4" ht="18" customHeight="1" x14ac:dyDescent="0.15">
      <c r="A18" s="5">
        <v>11</v>
      </c>
      <c r="B18" s="22">
        <v>12</v>
      </c>
      <c r="C18" s="14">
        <v>9</v>
      </c>
      <c r="D18" s="18">
        <v>21</v>
      </c>
    </row>
    <row r="19" spans="1:4" ht="18" customHeight="1" x14ac:dyDescent="0.15">
      <c r="A19" s="5">
        <v>12</v>
      </c>
      <c r="B19" s="22">
        <v>17</v>
      </c>
      <c r="C19" s="14">
        <v>19</v>
      </c>
      <c r="D19" s="18">
        <v>36</v>
      </c>
    </row>
    <row r="20" spans="1:4" ht="18" customHeight="1" x14ac:dyDescent="0.15">
      <c r="A20" s="5">
        <v>13</v>
      </c>
      <c r="B20" s="22">
        <v>16</v>
      </c>
      <c r="C20" s="14">
        <v>15</v>
      </c>
      <c r="D20" s="18">
        <v>31</v>
      </c>
    </row>
    <row r="21" spans="1:4" ht="18" customHeight="1" x14ac:dyDescent="0.15">
      <c r="A21" s="5">
        <v>14</v>
      </c>
      <c r="B21" s="22">
        <v>16</v>
      </c>
      <c r="C21" s="14">
        <v>14</v>
      </c>
      <c r="D21" s="18">
        <v>30</v>
      </c>
    </row>
    <row r="22" spans="1:4" ht="18" customHeight="1" x14ac:dyDescent="0.15">
      <c r="A22" s="5" t="s">
        <v>12</v>
      </c>
      <c r="B22" s="22">
        <v>71</v>
      </c>
      <c r="C22" s="14">
        <v>70</v>
      </c>
      <c r="D22" s="18">
        <v>141</v>
      </c>
    </row>
    <row r="23" spans="1:4" ht="18" customHeight="1" x14ac:dyDescent="0.15">
      <c r="A23" s="5" t="s">
        <v>6</v>
      </c>
      <c r="B23" s="22">
        <v>186</v>
      </c>
      <c r="C23" s="14">
        <v>198</v>
      </c>
      <c r="D23" s="18">
        <v>384</v>
      </c>
    </row>
    <row r="24" spans="1:4" ht="18" customHeight="1" x14ac:dyDescent="0.15">
      <c r="A24" s="5">
        <v>15</v>
      </c>
      <c r="B24" s="22">
        <v>15</v>
      </c>
      <c r="C24" s="14">
        <v>15</v>
      </c>
      <c r="D24" s="18">
        <v>30</v>
      </c>
    </row>
    <row r="25" spans="1:4" ht="18" customHeight="1" x14ac:dyDescent="0.15">
      <c r="A25" s="5">
        <v>16</v>
      </c>
      <c r="B25" s="22">
        <v>15</v>
      </c>
      <c r="C25" s="14">
        <v>14</v>
      </c>
      <c r="D25" s="18">
        <v>29</v>
      </c>
    </row>
    <row r="26" spans="1:4" ht="18" customHeight="1" x14ac:dyDescent="0.15">
      <c r="A26" s="5">
        <v>17</v>
      </c>
      <c r="B26" s="22">
        <v>14</v>
      </c>
      <c r="C26" s="14">
        <v>11</v>
      </c>
      <c r="D26" s="18">
        <v>25</v>
      </c>
    </row>
    <row r="27" spans="1:4" ht="18" customHeight="1" x14ac:dyDescent="0.15">
      <c r="A27" s="5">
        <v>18</v>
      </c>
      <c r="B27" s="22">
        <v>15</v>
      </c>
      <c r="C27" s="14">
        <v>16</v>
      </c>
      <c r="D27" s="18">
        <v>31</v>
      </c>
    </row>
    <row r="28" spans="1:4" ht="18" customHeight="1" x14ac:dyDescent="0.15">
      <c r="A28" s="5">
        <v>19</v>
      </c>
      <c r="B28" s="22">
        <v>10</v>
      </c>
      <c r="C28" s="14">
        <v>19</v>
      </c>
      <c r="D28" s="18">
        <v>29</v>
      </c>
    </row>
    <row r="29" spans="1:4" ht="18" customHeight="1" x14ac:dyDescent="0.15">
      <c r="A29" s="5" t="s">
        <v>14</v>
      </c>
      <c r="B29" s="22">
        <v>69</v>
      </c>
      <c r="C29" s="14">
        <v>75</v>
      </c>
      <c r="D29" s="18">
        <v>144</v>
      </c>
    </row>
    <row r="30" spans="1:4" ht="18" customHeight="1" x14ac:dyDescent="0.15">
      <c r="A30" s="5">
        <v>20</v>
      </c>
      <c r="B30" s="22">
        <v>13</v>
      </c>
      <c r="C30" s="14">
        <v>8</v>
      </c>
      <c r="D30" s="18">
        <v>21</v>
      </c>
    </row>
    <row r="31" spans="1:4" ht="18" customHeight="1" x14ac:dyDescent="0.15">
      <c r="A31" s="5">
        <v>21</v>
      </c>
      <c r="B31" s="22">
        <v>12</v>
      </c>
      <c r="C31" s="14">
        <v>15</v>
      </c>
      <c r="D31" s="18">
        <v>27</v>
      </c>
    </row>
    <row r="32" spans="1:4" ht="18" customHeight="1" x14ac:dyDescent="0.15">
      <c r="A32" s="5">
        <v>22</v>
      </c>
      <c r="B32" s="22">
        <v>20</v>
      </c>
      <c r="C32" s="14">
        <v>18</v>
      </c>
      <c r="D32" s="18">
        <v>38</v>
      </c>
    </row>
    <row r="33" spans="1:4" ht="18" customHeight="1" x14ac:dyDescent="0.15">
      <c r="A33" s="5">
        <v>23</v>
      </c>
      <c r="B33" s="22">
        <v>17</v>
      </c>
      <c r="C33" s="14">
        <v>17</v>
      </c>
      <c r="D33" s="18">
        <v>34</v>
      </c>
    </row>
    <row r="34" spans="1:4" ht="18" customHeight="1" x14ac:dyDescent="0.15">
      <c r="A34" s="5">
        <v>24</v>
      </c>
      <c r="B34" s="22">
        <v>19</v>
      </c>
      <c r="C34" s="14">
        <v>11</v>
      </c>
      <c r="D34" s="18">
        <v>30</v>
      </c>
    </row>
    <row r="35" spans="1:4" ht="18" customHeight="1" x14ac:dyDescent="0.15">
      <c r="A35" s="5" t="s">
        <v>9</v>
      </c>
      <c r="B35" s="22">
        <v>81</v>
      </c>
      <c r="C35" s="14">
        <v>69</v>
      </c>
      <c r="D35" s="18">
        <v>150</v>
      </c>
    </row>
    <row r="36" spans="1:4" ht="18" customHeight="1" x14ac:dyDescent="0.15">
      <c r="A36" s="5">
        <v>25</v>
      </c>
      <c r="B36" s="22">
        <v>22</v>
      </c>
      <c r="C36" s="14">
        <v>12</v>
      </c>
      <c r="D36" s="18">
        <v>34</v>
      </c>
    </row>
    <row r="37" spans="1:4" ht="18" customHeight="1" x14ac:dyDescent="0.15">
      <c r="A37" s="5">
        <v>26</v>
      </c>
      <c r="B37" s="22">
        <v>14</v>
      </c>
      <c r="C37" s="14">
        <v>23</v>
      </c>
      <c r="D37" s="18">
        <v>37</v>
      </c>
    </row>
    <row r="38" spans="1:4" ht="18" customHeight="1" x14ac:dyDescent="0.15">
      <c r="A38" s="5">
        <v>27</v>
      </c>
      <c r="B38" s="22">
        <v>25</v>
      </c>
      <c r="C38" s="14">
        <v>21</v>
      </c>
      <c r="D38" s="18">
        <v>46</v>
      </c>
    </row>
    <row r="39" spans="1:4" ht="18" customHeight="1" x14ac:dyDescent="0.15">
      <c r="A39" s="5">
        <v>28</v>
      </c>
      <c r="B39" s="22">
        <v>26</v>
      </c>
      <c r="C39" s="14">
        <v>17</v>
      </c>
      <c r="D39" s="18">
        <v>43</v>
      </c>
    </row>
    <row r="40" spans="1:4" ht="18" customHeight="1" x14ac:dyDescent="0.15">
      <c r="A40" s="5">
        <v>29</v>
      </c>
      <c r="B40" s="22">
        <v>18</v>
      </c>
      <c r="C40" s="14">
        <v>21</v>
      </c>
      <c r="D40" s="18">
        <v>39</v>
      </c>
    </row>
    <row r="41" spans="1:4" ht="18" customHeight="1" x14ac:dyDescent="0.15">
      <c r="A41" s="5" t="s">
        <v>2</v>
      </c>
      <c r="B41" s="22">
        <v>105</v>
      </c>
      <c r="C41" s="14">
        <v>94</v>
      </c>
      <c r="D41" s="18">
        <v>199</v>
      </c>
    </row>
    <row r="42" spans="1:4" ht="18" customHeight="1" x14ac:dyDescent="0.15">
      <c r="A42" s="5">
        <v>30</v>
      </c>
      <c r="B42" s="22">
        <v>19</v>
      </c>
      <c r="C42" s="14">
        <v>19</v>
      </c>
      <c r="D42" s="18">
        <v>38</v>
      </c>
    </row>
    <row r="43" spans="1:4" ht="18" customHeight="1" x14ac:dyDescent="0.15">
      <c r="A43" s="5">
        <v>31</v>
      </c>
      <c r="B43" s="22">
        <v>29</v>
      </c>
      <c r="C43" s="14">
        <v>29</v>
      </c>
      <c r="D43" s="18">
        <v>58</v>
      </c>
    </row>
    <row r="44" spans="1:4" ht="18" customHeight="1" x14ac:dyDescent="0.15">
      <c r="A44" s="5">
        <v>32</v>
      </c>
      <c r="B44" s="22">
        <v>16</v>
      </c>
      <c r="C44" s="14">
        <v>23</v>
      </c>
      <c r="D44" s="18">
        <v>39</v>
      </c>
    </row>
    <row r="45" spans="1:4" ht="18" customHeight="1" x14ac:dyDescent="0.15">
      <c r="A45" s="5">
        <v>33</v>
      </c>
      <c r="B45" s="22">
        <v>10</v>
      </c>
      <c r="C45" s="14">
        <v>15</v>
      </c>
      <c r="D45" s="18">
        <v>25</v>
      </c>
    </row>
    <row r="46" spans="1:4" ht="18" customHeight="1" x14ac:dyDescent="0.15">
      <c r="A46" s="5">
        <v>34</v>
      </c>
      <c r="B46" s="22">
        <v>22</v>
      </c>
      <c r="C46" s="14">
        <v>13</v>
      </c>
      <c r="D46" s="18">
        <v>35</v>
      </c>
    </row>
    <row r="47" spans="1:4" ht="18" customHeight="1" x14ac:dyDescent="0.15">
      <c r="A47" s="5" t="s">
        <v>15</v>
      </c>
      <c r="B47" s="22">
        <v>96</v>
      </c>
      <c r="C47" s="14">
        <v>99</v>
      </c>
      <c r="D47" s="18">
        <v>195</v>
      </c>
    </row>
    <row r="48" spans="1:4" ht="18" customHeight="1" x14ac:dyDescent="0.15">
      <c r="A48" s="5">
        <v>35</v>
      </c>
      <c r="B48" s="22">
        <v>20</v>
      </c>
      <c r="C48" s="14">
        <v>20</v>
      </c>
      <c r="D48" s="18">
        <v>40</v>
      </c>
    </row>
    <row r="49" spans="1:4" ht="18" customHeight="1" x14ac:dyDescent="0.15">
      <c r="A49" s="5">
        <v>36</v>
      </c>
      <c r="B49" s="22">
        <v>20</v>
      </c>
      <c r="C49" s="14">
        <v>16</v>
      </c>
      <c r="D49" s="18">
        <v>36</v>
      </c>
    </row>
    <row r="50" spans="1:4" ht="18" customHeight="1" x14ac:dyDescent="0.15">
      <c r="A50" s="5">
        <v>37</v>
      </c>
      <c r="B50" s="22">
        <v>21</v>
      </c>
      <c r="C50" s="14">
        <v>15</v>
      </c>
      <c r="D50" s="18">
        <v>36</v>
      </c>
    </row>
    <row r="51" spans="1:4" ht="18" customHeight="1" x14ac:dyDescent="0.15">
      <c r="A51" s="5">
        <v>38</v>
      </c>
      <c r="B51" s="22">
        <v>24</v>
      </c>
      <c r="C51" s="14">
        <v>16</v>
      </c>
      <c r="D51" s="18">
        <v>40</v>
      </c>
    </row>
    <row r="52" spans="1:4" ht="18" customHeight="1" x14ac:dyDescent="0.15">
      <c r="A52" s="5">
        <v>39</v>
      </c>
      <c r="B52" s="22">
        <v>21</v>
      </c>
      <c r="C52" s="14">
        <v>21</v>
      </c>
      <c r="D52" s="18">
        <v>42</v>
      </c>
    </row>
    <row r="53" spans="1:4" ht="18" customHeight="1" x14ac:dyDescent="0.15">
      <c r="A53" s="5" t="s">
        <v>18</v>
      </c>
      <c r="B53" s="22">
        <v>106</v>
      </c>
      <c r="C53" s="14">
        <v>88</v>
      </c>
      <c r="D53" s="18">
        <v>194</v>
      </c>
    </row>
    <row r="54" spans="1:4" ht="18" customHeight="1" x14ac:dyDescent="0.15">
      <c r="A54" s="5">
        <v>40</v>
      </c>
      <c r="B54" s="22">
        <v>28</v>
      </c>
      <c r="C54" s="14">
        <v>19</v>
      </c>
      <c r="D54" s="18">
        <v>47</v>
      </c>
    </row>
    <row r="55" spans="1:4" ht="18" customHeight="1" x14ac:dyDescent="0.15">
      <c r="A55" s="5">
        <v>41</v>
      </c>
      <c r="B55" s="22">
        <v>17</v>
      </c>
      <c r="C55" s="14">
        <v>22</v>
      </c>
      <c r="D55" s="18">
        <v>39</v>
      </c>
    </row>
    <row r="56" spans="1:4" ht="18" customHeight="1" x14ac:dyDescent="0.15">
      <c r="A56" s="5">
        <v>42</v>
      </c>
      <c r="B56" s="22">
        <v>19</v>
      </c>
      <c r="C56" s="14">
        <v>27</v>
      </c>
      <c r="D56" s="18">
        <v>46</v>
      </c>
    </row>
    <row r="57" spans="1:4" ht="18" customHeight="1" x14ac:dyDescent="0.15">
      <c r="A57" s="5">
        <v>43</v>
      </c>
      <c r="B57" s="22">
        <v>16</v>
      </c>
      <c r="C57" s="14">
        <v>21</v>
      </c>
      <c r="D57" s="18">
        <v>37</v>
      </c>
    </row>
    <row r="58" spans="1:4" ht="18" customHeight="1" x14ac:dyDescent="0.15">
      <c r="A58" s="5">
        <v>44</v>
      </c>
      <c r="B58" s="22">
        <v>21</v>
      </c>
      <c r="C58" s="14">
        <v>16</v>
      </c>
      <c r="D58" s="18">
        <v>37</v>
      </c>
    </row>
    <row r="59" spans="1:4" ht="18" customHeight="1" x14ac:dyDescent="0.15">
      <c r="A59" s="5" t="s">
        <v>21</v>
      </c>
      <c r="B59" s="22">
        <v>101</v>
      </c>
      <c r="C59" s="14">
        <v>105</v>
      </c>
      <c r="D59" s="18">
        <v>206</v>
      </c>
    </row>
    <row r="60" spans="1:4" ht="18" customHeight="1" x14ac:dyDescent="0.15">
      <c r="A60" s="5">
        <v>45</v>
      </c>
      <c r="B60" s="22">
        <v>15</v>
      </c>
      <c r="C60" s="14">
        <v>22</v>
      </c>
      <c r="D60" s="18">
        <v>37</v>
      </c>
    </row>
    <row r="61" spans="1:4" ht="18" customHeight="1" x14ac:dyDescent="0.15">
      <c r="A61" s="5">
        <v>46</v>
      </c>
      <c r="B61" s="22">
        <v>22</v>
      </c>
      <c r="C61" s="14">
        <v>30</v>
      </c>
      <c r="D61" s="18">
        <v>52</v>
      </c>
    </row>
    <row r="62" spans="1:4" ht="18" customHeight="1" x14ac:dyDescent="0.15">
      <c r="A62" s="5">
        <v>47</v>
      </c>
      <c r="B62" s="22">
        <v>29</v>
      </c>
      <c r="C62" s="14">
        <v>27</v>
      </c>
      <c r="D62" s="18">
        <v>56</v>
      </c>
    </row>
    <row r="63" spans="1:4" ht="18" customHeight="1" x14ac:dyDescent="0.15">
      <c r="A63" s="5">
        <v>48</v>
      </c>
      <c r="B63" s="22">
        <v>27</v>
      </c>
      <c r="C63" s="14">
        <v>20</v>
      </c>
      <c r="D63" s="18">
        <v>47</v>
      </c>
    </row>
    <row r="64" spans="1:4" ht="18" customHeight="1" x14ac:dyDescent="0.15">
      <c r="A64" s="5">
        <v>49</v>
      </c>
      <c r="B64" s="22">
        <v>31</v>
      </c>
      <c r="C64" s="14">
        <v>25</v>
      </c>
      <c r="D64" s="18">
        <v>56</v>
      </c>
    </row>
    <row r="65" spans="1:4" ht="18" customHeight="1" x14ac:dyDescent="0.15">
      <c r="A65" s="5" t="s">
        <v>17</v>
      </c>
      <c r="B65" s="22">
        <v>124</v>
      </c>
      <c r="C65" s="14">
        <v>124</v>
      </c>
      <c r="D65" s="18">
        <v>248</v>
      </c>
    </row>
    <row r="66" spans="1:4" ht="18" customHeight="1" x14ac:dyDescent="0.15">
      <c r="A66" s="5">
        <v>50</v>
      </c>
      <c r="B66" s="22">
        <v>29</v>
      </c>
      <c r="C66" s="14">
        <v>25</v>
      </c>
      <c r="D66" s="18">
        <v>54</v>
      </c>
    </row>
    <row r="67" spans="1:4" ht="18" customHeight="1" x14ac:dyDescent="0.15">
      <c r="A67" s="5">
        <v>51</v>
      </c>
      <c r="B67" s="22">
        <v>36</v>
      </c>
      <c r="C67" s="14">
        <v>30</v>
      </c>
      <c r="D67" s="18">
        <v>66</v>
      </c>
    </row>
    <row r="68" spans="1:4" ht="18" customHeight="1" x14ac:dyDescent="0.15">
      <c r="A68" s="5">
        <v>52</v>
      </c>
      <c r="B68" s="22">
        <v>39</v>
      </c>
      <c r="C68" s="14">
        <v>29</v>
      </c>
      <c r="D68" s="18">
        <v>68</v>
      </c>
    </row>
    <row r="69" spans="1:4" ht="18" customHeight="1" x14ac:dyDescent="0.15">
      <c r="A69" s="5">
        <v>53</v>
      </c>
      <c r="B69" s="22">
        <v>34</v>
      </c>
      <c r="C69" s="14">
        <v>30</v>
      </c>
      <c r="D69" s="18">
        <v>64</v>
      </c>
    </row>
    <row r="70" spans="1:4" ht="18" customHeight="1" x14ac:dyDescent="0.15">
      <c r="A70" s="5">
        <v>54</v>
      </c>
      <c r="B70" s="22">
        <v>34</v>
      </c>
      <c r="C70" s="14">
        <v>22</v>
      </c>
      <c r="D70" s="18">
        <v>56</v>
      </c>
    </row>
    <row r="71" spans="1:4" ht="18" customHeight="1" x14ac:dyDescent="0.15">
      <c r="A71" s="5" t="s">
        <v>22</v>
      </c>
      <c r="B71" s="22">
        <v>172</v>
      </c>
      <c r="C71" s="14">
        <v>136</v>
      </c>
      <c r="D71" s="18">
        <v>308</v>
      </c>
    </row>
    <row r="72" spans="1:4" ht="18" customHeight="1" x14ac:dyDescent="0.15">
      <c r="A72" s="5">
        <v>55</v>
      </c>
      <c r="B72" s="22">
        <v>19</v>
      </c>
      <c r="C72" s="14">
        <v>21</v>
      </c>
      <c r="D72" s="18">
        <v>40</v>
      </c>
    </row>
    <row r="73" spans="1:4" ht="18" customHeight="1" x14ac:dyDescent="0.15">
      <c r="A73" s="5">
        <v>56</v>
      </c>
      <c r="B73" s="22">
        <v>33</v>
      </c>
      <c r="C73" s="14">
        <v>36</v>
      </c>
      <c r="D73" s="18">
        <v>69</v>
      </c>
    </row>
    <row r="74" spans="1:4" ht="18" customHeight="1" x14ac:dyDescent="0.15">
      <c r="A74" s="5">
        <v>57</v>
      </c>
      <c r="B74" s="22">
        <v>28</v>
      </c>
      <c r="C74" s="14">
        <v>29</v>
      </c>
      <c r="D74" s="18">
        <v>57</v>
      </c>
    </row>
    <row r="75" spans="1:4" ht="18" customHeight="1" x14ac:dyDescent="0.15">
      <c r="A75" s="5">
        <v>58</v>
      </c>
      <c r="B75" s="22">
        <v>35</v>
      </c>
      <c r="C75" s="14">
        <v>26</v>
      </c>
      <c r="D75" s="18">
        <v>61</v>
      </c>
    </row>
    <row r="76" spans="1:4" ht="18" customHeight="1" x14ac:dyDescent="0.15">
      <c r="A76" s="5">
        <v>59</v>
      </c>
      <c r="B76" s="22">
        <v>21</v>
      </c>
      <c r="C76" s="14">
        <v>23</v>
      </c>
      <c r="D76" s="18">
        <v>44</v>
      </c>
    </row>
    <row r="77" spans="1:4" ht="18" customHeight="1" x14ac:dyDescent="0.15">
      <c r="A77" s="5" t="s">
        <v>27</v>
      </c>
      <c r="B77" s="22">
        <v>136</v>
      </c>
      <c r="C77" s="14">
        <v>135</v>
      </c>
      <c r="D77" s="18">
        <v>271</v>
      </c>
    </row>
    <row r="78" spans="1:4" ht="18" customHeight="1" x14ac:dyDescent="0.15">
      <c r="A78" s="5">
        <v>60</v>
      </c>
      <c r="B78" s="22">
        <v>23</v>
      </c>
      <c r="C78" s="14">
        <v>28</v>
      </c>
      <c r="D78" s="18">
        <v>51</v>
      </c>
    </row>
    <row r="79" spans="1:4" ht="18" customHeight="1" x14ac:dyDescent="0.15">
      <c r="A79" s="5">
        <v>61</v>
      </c>
      <c r="B79" s="22">
        <v>35</v>
      </c>
      <c r="C79" s="14">
        <v>25</v>
      </c>
      <c r="D79" s="18">
        <v>60</v>
      </c>
    </row>
    <row r="80" spans="1:4" ht="18" customHeight="1" x14ac:dyDescent="0.15">
      <c r="A80" s="5">
        <v>62</v>
      </c>
      <c r="B80" s="22">
        <v>33</v>
      </c>
      <c r="C80" s="14">
        <v>32</v>
      </c>
      <c r="D80" s="18">
        <v>65</v>
      </c>
    </row>
    <row r="81" spans="1:4" ht="18" customHeight="1" x14ac:dyDescent="0.15">
      <c r="A81" s="5">
        <v>63</v>
      </c>
      <c r="B81" s="22">
        <v>23</v>
      </c>
      <c r="C81" s="14">
        <v>20</v>
      </c>
      <c r="D81" s="18">
        <v>43</v>
      </c>
    </row>
    <row r="82" spans="1:4" ht="18" customHeight="1" x14ac:dyDescent="0.15">
      <c r="A82" s="5">
        <v>64</v>
      </c>
      <c r="B82" s="22">
        <v>22</v>
      </c>
      <c r="C82" s="14">
        <v>27</v>
      </c>
      <c r="D82" s="18">
        <v>49</v>
      </c>
    </row>
    <row r="83" spans="1:4" ht="18" customHeight="1" x14ac:dyDescent="0.15">
      <c r="A83" s="5" t="s">
        <v>28</v>
      </c>
      <c r="B83" s="22">
        <v>136</v>
      </c>
      <c r="C83" s="14">
        <v>132</v>
      </c>
      <c r="D83" s="18">
        <v>268</v>
      </c>
    </row>
    <row r="84" spans="1:4" ht="18" customHeight="1" x14ac:dyDescent="0.15">
      <c r="A84" s="5" t="s">
        <v>31</v>
      </c>
      <c r="B84" s="22">
        <v>1126</v>
      </c>
      <c r="C84" s="14">
        <v>1057</v>
      </c>
      <c r="D84" s="18">
        <v>2183</v>
      </c>
    </row>
    <row r="85" spans="1:4" ht="18" customHeight="1" x14ac:dyDescent="0.15">
      <c r="A85" s="5">
        <v>65</v>
      </c>
      <c r="B85" s="22">
        <v>24</v>
      </c>
      <c r="C85" s="14">
        <v>18</v>
      </c>
      <c r="D85" s="18">
        <v>42</v>
      </c>
    </row>
    <row r="86" spans="1:4" ht="18" customHeight="1" x14ac:dyDescent="0.15">
      <c r="A86" s="5">
        <v>66</v>
      </c>
      <c r="B86" s="22">
        <v>28</v>
      </c>
      <c r="C86" s="14">
        <v>28</v>
      </c>
      <c r="D86" s="18">
        <v>56</v>
      </c>
    </row>
    <row r="87" spans="1:4" ht="18" customHeight="1" x14ac:dyDescent="0.15">
      <c r="A87" s="5">
        <v>67</v>
      </c>
      <c r="B87" s="22">
        <v>21</v>
      </c>
      <c r="C87" s="14">
        <v>24</v>
      </c>
      <c r="D87" s="18">
        <v>45</v>
      </c>
    </row>
    <row r="88" spans="1:4" ht="18" customHeight="1" x14ac:dyDescent="0.15">
      <c r="A88" s="5">
        <v>68</v>
      </c>
      <c r="B88" s="22">
        <v>16</v>
      </c>
      <c r="C88" s="14">
        <v>21</v>
      </c>
      <c r="D88" s="18">
        <v>37</v>
      </c>
    </row>
    <row r="89" spans="1:4" ht="18" customHeight="1" x14ac:dyDescent="0.15">
      <c r="A89" s="5">
        <v>69</v>
      </c>
      <c r="B89" s="22">
        <v>15</v>
      </c>
      <c r="C89" s="14">
        <v>29</v>
      </c>
      <c r="D89" s="18">
        <v>44</v>
      </c>
    </row>
    <row r="90" spans="1:4" ht="18" customHeight="1" x14ac:dyDescent="0.15">
      <c r="A90" s="5" t="s">
        <v>20</v>
      </c>
      <c r="B90" s="22">
        <v>104</v>
      </c>
      <c r="C90" s="14">
        <v>120</v>
      </c>
      <c r="D90" s="18">
        <v>224</v>
      </c>
    </row>
    <row r="91" spans="1:4" ht="18" customHeight="1" x14ac:dyDescent="0.15">
      <c r="A91" s="5">
        <v>70</v>
      </c>
      <c r="B91" s="22">
        <v>27</v>
      </c>
      <c r="C91" s="14">
        <v>18</v>
      </c>
      <c r="D91" s="18">
        <v>45</v>
      </c>
    </row>
    <row r="92" spans="1:4" ht="18" customHeight="1" x14ac:dyDescent="0.15">
      <c r="A92" s="5">
        <v>71</v>
      </c>
      <c r="B92" s="22">
        <v>23</v>
      </c>
      <c r="C92" s="14">
        <v>24</v>
      </c>
      <c r="D92" s="18">
        <v>47</v>
      </c>
    </row>
    <row r="93" spans="1:4" ht="18" customHeight="1" x14ac:dyDescent="0.15">
      <c r="A93" s="5">
        <v>72</v>
      </c>
      <c r="B93" s="22">
        <v>27</v>
      </c>
      <c r="C93" s="14">
        <v>29</v>
      </c>
      <c r="D93" s="18">
        <v>56</v>
      </c>
    </row>
    <row r="94" spans="1:4" ht="18" customHeight="1" x14ac:dyDescent="0.15">
      <c r="A94" s="5">
        <v>73</v>
      </c>
      <c r="B94" s="22">
        <v>30</v>
      </c>
      <c r="C94" s="14">
        <v>30</v>
      </c>
      <c r="D94" s="18">
        <v>60</v>
      </c>
    </row>
    <row r="95" spans="1:4" ht="18" customHeight="1" x14ac:dyDescent="0.15">
      <c r="A95" s="5">
        <v>74</v>
      </c>
      <c r="B95" s="22">
        <v>36</v>
      </c>
      <c r="C95" s="14">
        <v>37</v>
      </c>
      <c r="D95" s="18">
        <v>73</v>
      </c>
    </row>
    <row r="96" spans="1:4" ht="18" customHeight="1" x14ac:dyDescent="0.15">
      <c r="A96" s="5" t="s">
        <v>33</v>
      </c>
      <c r="B96" s="22">
        <v>143</v>
      </c>
      <c r="C96" s="14">
        <v>138</v>
      </c>
      <c r="D96" s="18">
        <v>281</v>
      </c>
    </row>
    <row r="97" spans="1:4" ht="18" customHeight="1" x14ac:dyDescent="0.15">
      <c r="A97" s="5">
        <v>75</v>
      </c>
      <c r="B97" s="22">
        <v>25</v>
      </c>
      <c r="C97" s="14">
        <v>37</v>
      </c>
      <c r="D97" s="18">
        <v>62</v>
      </c>
    </row>
    <row r="98" spans="1:4" ht="18" customHeight="1" x14ac:dyDescent="0.15">
      <c r="A98" s="5">
        <v>76</v>
      </c>
      <c r="B98" s="22">
        <v>31</v>
      </c>
      <c r="C98" s="14">
        <v>27</v>
      </c>
      <c r="D98" s="18">
        <v>58</v>
      </c>
    </row>
    <row r="99" spans="1:4" ht="18" customHeight="1" x14ac:dyDescent="0.15">
      <c r="A99" s="5">
        <v>77</v>
      </c>
      <c r="B99" s="22">
        <v>45</v>
      </c>
      <c r="C99" s="14">
        <v>46</v>
      </c>
      <c r="D99" s="18">
        <v>91</v>
      </c>
    </row>
    <row r="100" spans="1:4" ht="18" customHeight="1" x14ac:dyDescent="0.15">
      <c r="A100" s="5">
        <v>78</v>
      </c>
      <c r="B100" s="22">
        <v>24</v>
      </c>
      <c r="C100" s="14">
        <v>54</v>
      </c>
      <c r="D100" s="18">
        <v>78</v>
      </c>
    </row>
    <row r="101" spans="1:4" ht="18" customHeight="1" x14ac:dyDescent="0.15">
      <c r="A101" s="5">
        <v>79</v>
      </c>
      <c r="B101" s="22">
        <v>23</v>
      </c>
      <c r="C101" s="14">
        <v>26</v>
      </c>
      <c r="D101" s="18">
        <v>49</v>
      </c>
    </row>
    <row r="102" spans="1:4" ht="18" customHeight="1" x14ac:dyDescent="0.15">
      <c r="A102" s="5" t="s">
        <v>0</v>
      </c>
      <c r="B102" s="22">
        <v>148</v>
      </c>
      <c r="C102" s="14">
        <v>190</v>
      </c>
      <c r="D102" s="18">
        <v>338</v>
      </c>
    </row>
    <row r="103" spans="1:4" ht="18" customHeight="1" x14ac:dyDescent="0.15">
      <c r="A103" s="5">
        <v>80</v>
      </c>
      <c r="B103" s="22">
        <v>14</v>
      </c>
      <c r="C103" s="14">
        <v>25</v>
      </c>
      <c r="D103" s="18">
        <v>39</v>
      </c>
    </row>
    <row r="104" spans="1:4" ht="18" customHeight="1" x14ac:dyDescent="0.15">
      <c r="A104" s="5">
        <v>81</v>
      </c>
      <c r="B104" s="22">
        <v>11</v>
      </c>
      <c r="C104" s="14">
        <v>32</v>
      </c>
      <c r="D104" s="18">
        <v>43</v>
      </c>
    </row>
    <row r="105" spans="1:4" ht="18" customHeight="1" x14ac:dyDescent="0.15">
      <c r="A105" s="5">
        <v>82</v>
      </c>
      <c r="B105" s="22">
        <v>12</v>
      </c>
      <c r="C105" s="14">
        <v>21</v>
      </c>
      <c r="D105" s="18">
        <v>33</v>
      </c>
    </row>
    <row r="106" spans="1:4" ht="18" customHeight="1" x14ac:dyDescent="0.15">
      <c r="A106" s="5">
        <v>83</v>
      </c>
      <c r="B106" s="22">
        <v>23</v>
      </c>
      <c r="C106" s="14">
        <v>29</v>
      </c>
      <c r="D106" s="18">
        <v>52</v>
      </c>
    </row>
    <row r="107" spans="1:4" ht="18" customHeight="1" x14ac:dyDescent="0.15">
      <c r="A107" s="5">
        <v>84</v>
      </c>
      <c r="B107" s="22">
        <v>30</v>
      </c>
      <c r="C107" s="14">
        <v>28</v>
      </c>
      <c r="D107" s="18">
        <v>58</v>
      </c>
    </row>
    <row r="108" spans="1:4" ht="18" customHeight="1" x14ac:dyDescent="0.15">
      <c r="A108" s="5" t="s">
        <v>35</v>
      </c>
      <c r="B108" s="22">
        <v>90</v>
      </c>
      <c r="C108" s="14">
        <v>135</v>
      </c>
      <c r="D108" s="18">
        <v>225</v>
      </c>
    </row>
    <row r="109" spans="1:4" ht="18" customHeight="1" x14ac:dyDescent="0.15">
      <c r="A109" s="5">
        <v>85</v>
      </c>
      <c r="B109" s="22">
        <v>12</v>
      </c>
      <c r="C109" s="14">
        <v>18</v>
      </c>
      <c r="D109" s="18">
        <v>30</v>
      </c>
    </row>
    <row r="110" spans="1:4" ht="18" customHeight="1" x14ac:dyDescent="0.15">
      <c r="A110" s="5">
        <v>86</v>
      </c>
      <c r="B110" s="22">
        <v>6</v>
      </c>
      <c r="C110" s="14">
        <v>20</v>
      </c>
      <c r="D110" s="18">
        <v>26</v>
      </c>
    </row>
    <row r="111" spans="1:4" ht="18" customHeight="1" x14ac:dyDescent="0.15">
      <c r="A111" s="5">
        <v>87</v>
      </c>
      <c r="B111" s="22">
        <v>5</v>
      </c>
      <c r="C111" s="14">
        <v>12</v>
      </c>
      <c r="D111" s="18">
        <v>17</v>
      </c>
    </row>
    <row r="112" spans="1:4" ht="18" customHeight="1" x14ac:dyDescent="0.15">
      <c r="A112" s="5">
        <v>88</v>
      </c>
      <c r="B112" s="22">
        <v>14</v>
      </c>
      <c r="C112" s="14">
        <v>16</v>
      </c>
      <c r="D112" s="18">
        <v>30</v>
      </c>
    </row>
    <row r="113" spans="1:4" ht="18" customHeight="1" x14ac:dyDescent="0.15">
      <c r="A113" s="5">
        <v>89</v>
      </c>
      <c r="B113" s="22">
        <v>10</v>
      </c>
      <c r="C113" s="14">
        <v>12</v>
      </c>
      <c r="D113" s="18">
        <v>22</v>
      </c>
    </row>
    <row r="114" spans="1:4" ht="18" customHeight="1" x14ac:dyDescent="0.15">
      <c r="A114" s="5" t="s">
        <v>37</v>
      </c>
      <c r="B114" s="22">
        <v>47</v>
      </c>
      <c r="C114" s="14">
        <v>78</v>
      </c>
      <c r="D114" s="18">
        <v>125</v>
      </c>
    </row>
    <row r="115" spans="1:4" ht="18" customHeight="1" x14ac:dyDescent="0.15">
      <c r="A115" s="5">
        <v>90</v>
      </c>
      <c r="B115" s="22">
        <v>5</v>
      </c>
      <c r="C115" s="14">
        <v>8</v>
      </c>
      <c r="D115" s="18">
        <v>13</v>
      </c>
    </row>
    <row r="116" spans="1:4" ht="18" customHeight="1" x14ac:dyDescent="0.15">
      <c r="A116" s="5">
        <v>91</v>
      </c>
      <c r="B116" s="22">
        <v>5</v>
      </c>
      <c r="C116" s="14">
        <v>7</v>
      </c>
      <c r="D116" s="18">
        <v>12</v>
      </c>
    </row>
    <row r="117" spans="1:4" ht="18" customHeight="1" x14ac:dyDescent="0.15">
      <c r="A117" s="5">
        <v>92</v>
      </c>
      <c r="B117" s="22">
        <v>3</v>
      </c>
      <c r="C117" s="14">
        <v>10</v>
      </c>
      <c r="D117" s="18">
        <v>13</v>
      </c>
    </row>
    <row r="118" spans="1:4" ht="18" customHeight="1" x14ac:dyDescent="0.15">
      <c r="A118" s="5">
        <v>93</v>
      </c>
      <c r="B118" s="22">
        <v>4</v>
      </c>
      <c r="C118" s="14">
        <v>12</v>
      </c>
      <c r="D118" s="18">
        <v>16</v>
      </c>
    </row>
    <row r="119" spans="1:4" ht="18" customHeight="1" x14ac:dyDescent="0.15">
      <c r="A119" s="5">
        <v>94</v>
      </c>
      <c r="B119" s="22">
        <v>1</v>
      </c>
      <c r="C119" s="14">
        <v>6</v>
      </c>
      <c r="D119" s="18">
        <v>7</v>
      </c>
    </row>
    <row r="120" spans="1:4" ht="18" customHeight="1" x14ac:dyDescent="0.15">
      <c r="A120" s="5" t="s">
        <v>39</v>
      </c>
      <c r="B120" s="22">
        <v>18</v>
      </c>
      <c r="C120" s="14">
        <v>43</v>
      </c>
      <c r="D120" s="18">
        <v>61</v>
      </c>
    </row>
    <row r="121" spans="1:4" ht="18" customHeight="1" x14ac:dyDescent="0.15">
      <c r="A121" s="5">
        <v>95</v>
      </c>
      <c r="B121" s="22">
        <v>1</v>
      </c>
      <c r="C121" s="14">
        <v>6</v>
      </c>
      <c r="D121" s="18">
        <v>7</v>
      </c>
    </row>
    <row r="122" spans="1:4" ht="18" customHeight="1" x14ac:dyDescent="0.15">
      <c r="A122" s="5">
        <v>96</v>
      </c>
      <c r="B122" s="22">
        <v>2</v>
      </c>
      <c r="C122" s="14">
        <v>2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2</v>
      </c>
      <c r="C124" s="14">
        <v>3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5</v>
      </c>
      <c r="C126" s="14">
        <v>18</v>
      </c>
      <c r="D126" s="18">
        <v>23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55</v>
      </c>
      <c r="C130" s="14">
        <v>726</v>
      </c>
      <c r="D130" s="18">
        <v>1281</v>
      </c>
    </row>
    <row r="131" spans="1:4" ht="18" customHeight="1" x14ac:dyDescent="0.15">
      <c r="A131" s="7" t="s">
        <v>45</v>
      </c>
      <c r="B131" s="23">
        <v>1867</v>
      </c>
      <c r="C131" s="15">
        <v>1981</v>
      </c>
      <c r="D131" s="19">
        <v>38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5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7</v>
      </c>
      <c r="C5" s="13">
        <v>5</v>
      </c>
      <c r="D5" s="17">
        <v>12</v>
      </c>
    </row>
    <row r="6" spans="1:4" ht="18" customHeight="1" x14ac:dyDescent="0.15">
      <c r="A6" s="5">
        <v>1</v>
      </c>
      <c r="B6" s="22">
        <v>4</v>
      </c>
      <c r="C6" s="14">
        <v>4</v>
      </c>
      <c r="D6" s="18">
        <v>8</v>
      </c>
    </row>
    <row r="7" spans="1:4" ht="18" customHeight="1" x14ac:dyDescent="0.15">
      <c r="A7" s="5">
        <v>2</v>
      </c>
      <c r="B7" s="22">
        <v>3</v>
      </c>
      <c r="C7" s="14">
        <v>4</v>
      </c>
      <c r="D7" s="18">
        <v>7</v>
      </c>
    </row>
    <row r="8" spans="1:4" ht="18" customHeight="1" x14ac:dyDescent="0.15">
      <c r="A8" s="5">
        <v>3</v>
      </c>
      <c r="B8" s="22">
        <v>5</v>
      </c>
      <c r="C8" s="14">
        <v>7</v>
      </c>
      <c r="D8" s="18">
        <v>12</v>
      </c>
    </row>
    <row r="9" spans="1:4" ht="18" customHeight="1" x14ac:dyDescent="0.15">
      <c r="A9" s="5">
        <v>4</v>
      </c>
      <c r="B9" s="22">
        <v>4</v>
      </c>
      <c r="C9" s="14">
        <v>7</v>
      </c>
      <c r="D9" s="18">
        <v>11</v>
      </c>
    </row>
    <row r="10" spans="1:4" ht="18" customHeight="1" x14ac:dyDescent="0.15">
      <c r="A10" s="5" t="s">
        <v>7</v>
      </c>
      <c r="B10" s="22">
        <v>23</v>
      </c>
      <c r="C10" s="14">
        <v>27</v>
      </c>
      <c r="D10" s="18">
        <v>50</v>
      </c>
    </row>
    <row r="11" spans="1:4" ht="18" customHeight="1" x14ac:dyDescent="0.15">
      <c r="A11" s="5">
        <v>5</v>
      </c>
      <c r="B11" s="22">
        <v>4</v>
      </c>
      <c r="C11" s="14">
        <v>4</v>
      </c>
      <c r="D11" s="18">
        <v>8</v>
      </c>
    </row>
    <row r="12" spans="1:4" ht="18" customHeight="1" x14ac:dyDescent="0.15">
      <c r="A12" s="5">
        <v>6</v>
      </c>
      <c r="B12" s="22">
        <v>7</v>
      </c>
      <c r="C12" s="14">
        <v>4</v>
      </c>
      <c r="D12" s="18">
        <v>11</v>
      </c>
    </row>
    <row r="13" spans="1:4" ht="18" customHeight="1" x14ac:dyDescent="0.15">
      <c r="A13" s="5">
        <v>7</v>
      </c>
      <c r="B13" s="22">
        <v>7</v>
      </c>
      <c r="C13" s="14">
        <v>7</v>
      </c>
      <c r="D13" s="18">
        <v>14</v>
      </c>
    </row>
    <row r="14" spans="1:4" ht="18" customHeight="1" x14ac:dyDescent="0.15">
      <c r="A14" s="5">
        <v>8</v>
      </c>
      <c r="B14" s="22">
        <v>5</v>
      </c>
      <c r="C14" s="14">
        <v>2</v>
      </c>
      <c r="D14" s="18">
        <v>7</v>
      </c>
    </row>
    <row r="15" spans="1:4" ht="18" customHeight="1" x14ac:dyDescent="0.15">
      <c r="A15" s="5">
        <v>9</v>
      </c>
      <c r="B15" s="22">
        <v>6</v>
      </c>
      <c r="C15" s="14">
        <v>8</v>
      </c>
      <c r="D15" s="18">
        <v>14</v>
      </c>
    </row>
    <row r="16" spans="1:4" ht="18" customHeight="1" x14ac:dyDescent="0.15">
      <c r="A16" s="5" t="s">
        <v>11</v>
      </c>
      <c r="B16" s="22">
        <v>29</v>
      </c>
      <c r="C16" s="14">
        <v>25</v>
      </c>
      <c r="D16" s="18">
        <v>54</v>
      </c>
    </row>
    <row r="17" spans="1:4" ht="18" customHeight="1" x14ac:dyDescent="0.15">
      <c r="A17" s="5">
        <v>10</v>
      </c>
      <c r="B17" s="22">
        <v>4</v>
      </c>
      <c r="C17" s="14">
        <v>5</v>
      </c>
      <c r="D17" s="18">
        <v>9</v>
      </c>
    </row>
    <row r="18" spans="1:4" ht="18" customHeight="1" x14ac:dyDescent="0.15">
      <c r="A18" s="5">
        <v>11</v>
      </c>
      <c r="B18" s="22">
        <v>9</v>
      </c>
      <c r="C18" s="14">
        <v>3</v>
      </c>
      <c r="D18" s="18">
        <v>12</v>
      </c>
    </row>
    <row r="19" spans="1:4" ht="18" customHeight="1" x14ac:dyDescent="0.15">
      <c r="A19" s="5">
        <v>12</v>
      </c>
      <c r="B19" s="22">
        <v>8</v>
      </c>
      <c r="C19" s="14">
        <v>10</v>
      </c>
      <c r="D19" s="18">
        <v>18</v>
      </c>
    </row>
    <row r="20" spans="1:4" ht="18" customHeight="1" x14ac:dyDescent="0.15">
      <c r="A20" s="5">
        <v>13</v>
      </c>
      <c r="B20" s="22">
        <v>8</v>
      </c>
      <c r="C20" s="14">
        <v>6</v>
      </c>
      <c r="D20" s="18">
        <v>14</v>
      </c>
    </row>
    <row r="21" spans="1:4" ht="18" customHeight="1" x14ac:dyDescent="0.15">
      <c r="A21" s="5">
        <v>14</v>
      </c>
      <c r="B21" s="22">
        <v>5</v>
      </c>
      <c r="C21" s="14">
        <v>6</v>
      </c>
      <c r="D21" s="18">
        <v>11</v>
      </c>
    </row>
    <row r="22" spans="1:4" ht="18" customHeight="1" x14ac:dyDescent="0.15">
      <c r="A22" s="5" t="s">
        <v>12</v>
      </c>
      <c r="B22" s="22">
        <v>34</v>
      </c>
      <c r="C22" s="14">
        <v>30</v>
      </c>
      <c r="D22" s="18">
        <v>64</v>
      </c>
    </row>
    <row r="23" spans="1:4" ht="18" customHeight="1" x14ac:dyDescent="0.15">
      <c r="A23" s="5" t="s">
        <v>6</v>
      </c>
      <c r="B23" s="22">
        <v>86</v>
      </c>
      <c r="C23" s="14">
        <v>82</v>
      </c>
      <c r="D23" s="18">
        <v>168</v>
      </c>
    </row>
    <row r="24" spans="1:4" ht="18" customHeight="1" x14ac:dyDescent="0.15">
      <c r="A24" s="5">
        <v>15</v>
      </c>
      <c r="B24" s="22">
        <v>8</v>
      </c>
      <c r="C24" s="14">
        <v>5</v>
      </c>
      <c r="D24" s="18">
        <v>13</v>
      </c>
    </row>
    <row r="25" spans="1:4" ht="18" customHeight="1" x14ac:dyDescent="0.15">
      <c r="A25" s="5">
        <v>16</v>
      </c>
      <c r="B25" s="22">
        <v>7</v>
      </c>
      <c r="C25" s="14">
        <v>13</v>
      </c>
      <c r="D25" s="18">
        <v>20</v>
      </c>
    </row>
    <row r="26" spans="1:4" ht="18" customHeight="1" x14ac:dyDescent="0.15">
      <c r="A26" s="5">
        <v>17</v>
      </c>
      <c r="B26" s="22">
        <v>5</v>
      </c>
      <c r="C26" s="14">
        <v>5</v>
      </c>
      <c r="D26" s="18">
        <v>10</v>
      </c>
    </row>
    <row r="27" spans="1:4" ht="18" customHeight="1" x14ac:dyDescent="0.15">
      <c r="A27" s="5">
        <v>18</v>
      </c>
      <c r="B27" s="22">
        <v>9</v>
      </c>
      <c r="C27" s="14">
        <v>7</v>
      </c>
      <c r="D27" s="18">
        <v>16</v>
      </c>
    </row>
    <row r="28" spans="1:4" ht="18" customHeight="1" x14ac:dyDescent="0.15">
      <c r="A28" s="5">
        <v>19</v>
      </c>
      <c r="B28" s="22">
        <v>5</v>
      </c>
      <c r="C28" s="14">
        <v>7</v>
      </c>
      <c r="D28" s="18">
        <v>12</v>
      </c>
    </row>
    <row r="29" spans="1:4" ht="18" customHeight="1" x14ac:dyDescent="0.15">
      <c r="A29" s="5" t="s">
        <v>14</v>
      </c>
      <c r="B29" s="22">
        <v>34</v>
      </c>
      <c r="C29" s="14">
        <v>37</v>
      </c>
      <c r="D29" s="18">
        <v>71</v>
      </c>
    </row>
    <row r="30" spans="1:4" ht="18" customHeight="1" x14ac:dyDescent="0.15">
      <c r="A30" s="5">
        <v>20</v>
      </c>
      <c r="B30" s="22">
        <v>8</v>
      </c>
      <c r="C30" s="14">
        <v>4</v>
      </c>
      <c r="D30" s="18">
        <v>12</v>
      </c>
    </row>
    <row r="31" spans="1:4" ht="18" customHeight="1" x14ac:dyDescent="0.15">
      <c r="A31" s="5">
        <v>21</v>
      </c>
      <c r="B31" s="22">
        <v>9</v>
      </c>
      <c r="C31" s="14">
        <v>5</v>
      </c>
      <c r="D31" s="18">
        <v>14</v>
      </c>
    </row>
    <row r="32" spans="1:4" ht="18" customHeight="1" x14ac:dyDescent="0.15">
      <c r="A32" s="5">
        <v>22</v>
      </c>
      <c r="B32" s="22">
        <v>9</v>
      </c>
      <c r="C32" s="14">
        <v>10</v>
      </c>
      <c r="D32" s="18">
        <v>19</v>
      </c>
    </row>
    <row r="33" spans="1:4" ht="18" customHeight="1" x14ac:dyDescent="0.15">
      <c r="A33" s="5">
        <v>23</v>
      </c>
      <c r="B33" s="22">
        <v>10</v>
      </c>
      <c r="C33" s="14">
        <v>2</v>
      </c>
      <c r="D33" s="18">
        <v>12</v>
      </c>
    </row>
    <row r="34" spans="1:4" ht="18" customHeight="1" x14ac:dyDescent="0.15">
      <c r="A34" s="5">
        <v>24</v>
      </c>
      <c r="B34" s="22">
        <v>8</v>
      </c>
      <c r="C34" s="14">
        <v>5</v>
      </c>
      <c r="D34" s="18">
        <v>13</v>
      </c>
    </row>
    <row r="35" spans="1:4" ht="18" customHeight="1" x14ac:dyDescent="0.15">
      <c r="A35" s="5" t="s">
        <v>9</v>
      </c>
      <c r="B35" s="22">
        <v>44</v>
      </c>
      <c r="C35" s="14">
        <v>26</v>
      </c>
      <c r="D35" s="18">
        <v>70</v>
      </c>
    </row>
    <row r="36" spans="1:4" ht="18" customHeight="1" x14ac:dyDescent="0.15">
      <c r="A36" s="5">
        <v>25</v>
      </c>
      <c r="B36" s="22">
        <v>4</v>
      </c>
      <c r="C36" s="14">
        <v>5</v>
      </c>
      <c r="D36" s="18">
        <v>9</v>
      </c>
    </row>
    <row r="37" spans="1:4" ht="18" customHeight="1" x14ac:dyDescent="0.15">
      <c r="A37" s="5">
        <v>26</v>
      </c>
      <c r="B37" s="22">
        <v>14</v>
      </c>
      <c r="C37" s="14">
        <v>5</v>
      </c>
      <c r="D37" s="18">
        <v>19</v>
      </c>
    </row>
    <row r="38" spans="1:4" ht="18" customHeight="1" x14ac:dyDescent="0.15">
      <c r="A38" s="5">
        <v>27</v>
      </c>
      <c r="B38" s="22">
        <v>8</v>
      </c>
      <c r="C38" s="14">
        <v>8</v>
      </c>
      <c r="D38" s="18">
        <v>16</v>
      </c>
    </row>
    <row r="39" spans="1:4" ht="18" customHeight="1" x14ac:dyDescent="0.15">
      <c r="A39" s="5">
        <v>28</v>
      </c>
      <c r="B39" s="22">
        <v>9</v>
      </c>
      <c r="C39" s="14">
        <v>8</v>
      </c>
      <c r="D39" s="18">
        <v>17</v>
      </c>
    </row>
    <row r="40" spans="1:4" ht="18" customHeight="1" x14ac:dyDescent="0.15">
      <c r="A40" s="5">
        <v>29</v>
      </c>
      <c r="B40" s="22">
        <v>9</v>
      </c>
      <c r="C40" s="14">
        <v>4</v>
      </c>
      <c r="D40" s="18">
        <v>13</v>
      </c>
    </row>
    <row r="41" spans="1:4" ht="18" customHeight="1" x14ac:dyDescent="0.15">
      <c r="A41" s="5" t="s">
        <v>2</v>
      </c>
      <c r="B41" s="22">
        <v>44</v>
      </c>
      <c r="C41" s="14">
        <v>30</v>
      </c>
      <c r="D41" s="18">
        <v>74</v>
      </c>
    </row>
    <row r="42" spans="1:4" ht="18" customHeight="1" x14ac:dyDescent="0.15">
      <c r="A42" s="5">
        <v>30</v>
      </c>
      <c r="B42" s="22">
        <v>8</v>
      </c>
      <c r="C42" s="14">
        <v>6</v>
      </c>
      <c r="D42" s="18">
        <v>14</v>
      </c>
    </row>
    <row r="43" spans="1:4" ht="18" customHeight="1" x14ac:dyDescent="0.15">
      <c r="A43" s="5">
        <v>31</v>
      </c>
      <c r="B43" s="22">
        <v>11</v>
      </c>
      <c r="C43" s="14">
        <v>6</v>
      </c>
      <c r="D43" s="18">
        <v>17</v>
      </c>
    </row>
    <row r="44" spans="1:4" ht="18" customHeight="1" x14ac:dyDescent="0.15">
      <c r="A44" s="5">
        <v>32</v>
      </c>
      <c r="B44" s="22">
        <v>5</v>
      </c>
      <c r="C44" s="14">
        <v>8</v>
      </c>
      <c r="D44" s="18">
        <v>13</v>
      </c>
    </row>
    <row r="45" spans="1:4" ht="18" customHeight="1" x14ac:dyDescent="0.15">
      <c r="A45" s="5">
        <v>33</v>
      </c>
      <c r="B45" s="22">
        <v>10</v>
      </c>
      <c r="C45" s="14">
        <v>6</v>
      </c>
      <c r="D45" s="18">
        <v>16</v>
      </c>
    </row>
    <row r="46" spans="1:4" ht="18" customHeight="1" x14ac:dyDescent="0.15">
      <c r="A46" s="5">
        <v>34</v>
      </c>
      <c r="B46" s="22">
        <v>5</v>
      </c>
      <c r="C46" s="14">
        <v>1</v>
      </c>
      <c r="D46" s="18">
        <v>6</v>
      </c>
    </row>
    <row r="47" spans="1:4" ht="18" customHeight="1" x14ac:dyDescent="0.15">
      <c r="A47" s="5" t="s">
        <v>15</v>
      </c>
      <c r="B47" s="22">
        <v>39</v>
      </c>
      <c r="C47" s="14">
        <v>27</v>
      </c>
      <c r="D47" s="18">
        <v>66</v>
      </c>
    </row>
    <row r="48" spans="1:4" ht="18" customHeight="1" x14ac:dyDescent="0.15">
      <c r="A48" s="5">
        <v>35</v>
      </c>
      <c r="B48" s="22">
        <v>15</v>
      </c>
      <c r="C48" s="14">
        <v>5</v>
      </c>
      <c r="D48" s="18">
        <v>20</v>
      </c>
    </row>
    <row r="49" spans="1:4" ht="18" customHeight="1" x14ac:dyDescent="0.15">
      <c r="A49" s="5">
        <v>36</v>
      </c>
      <c r="B49" s="22">
        <v>8</v>
      </c>
      <c r="C49" s="14">
        <v>5</v>
      </c>
      <c r="D49" s="18">
        <v>13</v>
      </c>
    </row>
    <row r="50" spans="1:4" ht="18" customHeight="1" x14ac:dyDescent="0.15">
      <c r="A50" s="5">
        <v>37</v>
      </c>
      <c r="B50" s="22">
        <v>10</v>
      </c>
      <c r="C50" s="14">
        <v>4</v>
      </c>
      <c r="D50" s="18">
        <v>14</v>
      </c>
    </row>
    <row r="51" spans="1:4" ht="18" customHeight="1" x14ac:dyDescent="0.15">
      <c r="A51" s="5">
        <v>38</v>
      </c>
      <c r="B51" s="22">
        <v>7</v>
      </c>
      <c r="C51" s="14">
        <v>10</v>
      </c>
      <c r="D51" s="18">
        <v>17</v>
      </c>
    </row>
    <row r="52" spans="1:4" ht="18" customHeight="1" x14ac:dyDescent="0.15">
      <c r="A52" s="5">
        <v>39</v>
      </c>
      <c r="B52" s="22">
        <v>8</v>
      </c>
      <c r="C52" s="14">
        <v>5</v>
      </c>
      <c r="D52" s="18">
        <v>13</v>
      </c>
    </row>
    <row r="53" spans="1:4" ht="18" customHeight="1" x14ac:dyDescent="0.15">
      <c r="A53" s="5" t="s">
        <v>18</v>
      </c>
      <c r="B53" s="22">
        <v>48</v>
      </c>
      <c r="C53" s="14">
        <v>29</v>
      </c>
      <c r="D53" s="18">
        <v>77</v>
      </c>
    </row>
    <row r="54" spans="1:4" ht="18" customHeight="1" x14ac:dyDescent="0.15">
      <c r="A54" s="5">
        <v>40</v>
      </c>
      <c r="B54" s="22">
        <v>9</v>
      </c>
      <c r="C54" s="14">
        <v>5</v>
      </c>
      <c r="D54" s="18">
        <v>14</v>
      </c>
    </row>
    <row r="55" spans="1:4" ht="18" customHeight="1" x14ac:dyDescent="0.15">
      <c r="A55" s="5">
        <v>41</v>
      </c>
      <c r="B55" s="22">
        <v>13</v>
      </c>
      <c r="C55" s="14">
        <v>7</v>
      </c>
      <c r="D55" s="18">
        <v>20</v>
      </c>
    </row>
    <row r="56" spans="1:4" ht="18" customHeight="1" x14ac:dyDescent="0.15">
      <c r="A56" s="5">
        <v>42</v>
      </c>
      <c r="B56" s="22">
        <v>8</v>
      </c>
      <c r="C56" s="14">
        <v>7</v>
      </c>
      <c r="D56" s="18">
        <v>15</v>
      </c>
    </row>
    <row r="57" spans="1:4" ht="18" customHeight="1" x14ac:dyDescent="0.15">
      <c r="A57" s="5">
        <v>43</v>
      </c>
      <c r="B57" s="22">
        <v>11</v>
      </c>
      <c r="C57" s="14">
        <v>2</v>
      </c>
      <c r="D57" s="18">
        <v>13</v>
      </c>
    </row>
    <row r="58" spans="1:4" ht="18" customHeight="1" x14ac:dyDescent="0.15">
      <c r="A58" s="5">
        <v>44</v>
      </c>
      <c r="B58" s="22">
        <v>14</v>
      </c>
      <c r="C58" s="14">
        <v>14</v>
      </c>
      <c r="D58" s="18">
        <v>28</v>
      </c>
    </row>
    <row r="59" spans="1:4" ht="18" customHeight="1" x14ac:dyDescent="0.15">
      <c r="A59" s="5" t="s">
        <v>21</v>
      </c>
      <c r="B59" s="22">
        <v>55</v>
      </c>
      <c r="C59" s="14">
        <v>35</v>
      </c>
      <c r="D59" s="18">
        <v>90</v>
      </c>
    </row>
    <row r="60" spans="1:4" ht="18" customHeight="1" x14ac:dyDescent="0.15">
      <c r="A60" s="5">
        <v>45</v>
      </c>
      <c r="B60" s="22">
        <v>9</v>
      </c>
      <c r="C60" s="14">
        <v>9</v>
      </c>
      <c r="D60" s="18">
        <v>18</v>
      </c>
    </row>
    <row r="61" spans="1:4" ht="18" customHeight="1" x14ac:dyDescent="0.15">
      <c r="A61" s="5">
        <v>46</v>
      </c>
      <c r="B61" s="22">
        <v>6</v>
      </c>
      <c r="C61" s="14">
        <v>8</v>
      </c>
      <c r="D61" s="18">
        <v>14</v>
      </c>
    </row>
    <row r="62" spans="1:4" ht="18" customHeight="1" x14ac:dyDescent="0.15">
      <c r="A62" s="5">
        <v>47</v>
      </c>
      <c r="B62" s="22">
        <v>7</v>
      </c>
      <c r="C62" s="14">
        <v>9</v>
      </c>
      <c r="D62" s="18">
        <v>16</v>
      </c>
    </row>
    <row r="63" spans="1:4" ht="18" customHeight="1" x14ac:dyDescent="0.15">
      <c r="A63" s="5">
        <v>48</v>
      </c>
      <c r="B63" s="22">
        <v>14</v>
      </c>
      <c r="C63" s="14">
        <v>7</v>
      </c>
      <c r="D63" s="18">
        <v>21</v>
      </c>
    </row>
    <row r="64" spans="1:4" ht="18" customHeight="1" x14ac:dyDescent="0.15">
      <c r="A64" s="5">
        <v>49</v>
      </c>
      <c r="B64" s="22">
        <v>13</v>
      </c>
      <c r="C64" s="14">
        <v>16</v>
      </c>
      <c r="D64" s="18">
        <v>29</v>
      </c>
    </row>
    <row r="65" spans="1:4" ht="18" customHeight="1" x14ac:dyDescent="0.15">
      <c r="A65" s="5" t="s">
        <v>17</v>
      </c>
      <c r="B65" s="22">
        <v>49</v>
      </c>
      <c r="C65" s="14">
        <v>49</v>
      </c>
      <c r="D65" s="18">
        <v>98</v>
      </c>
    </row>
    <row r="66" spans="1:4" ht="18" customHeight="1" x14ac:dyDescent="0.15">
      <c r="A66" s="5">
        <v>50</v>
      </c>
      <c r="B66" s="22">
        <v>14</v>
      </c>
      <c r="C66" s="14">
        <v>9</v>
      </c>
      <c r="D66" s="18">
        <v>23</v>
      </c>
    </row>
    <row r="67" spans="1:4" ht="18" customHeight="1" x14ac:dyDescent="0.15">
      <c r="A67" s="5">
        <v>51</v>
      </c>
      <c r="B67" s="22">
        <v>6</v>
      </c>
      <c r="C67" s="14">
        <v>10</v>
      </c>
      <c r="D67" s="18">
        <v>16</v>
      </c>
    </row>
    <row r="68" spans="1:4" ht="18" customHeight="1" x14ac:dyDescent="0.15">
      <c r="A68" s="5">
        <v>52</v>
      </c>
      <c r="B68" s="22">
        <v>14</v>
      </c>
      <c r="C68" s="14">
        <v>11</v>
      </c>
      <c r="D68" s="18">
        <v>25</v>
      </c>
    </row>
    <row r="69" spans="1:4" ht="18" customHeight="1" x14ac:dyDescent="0.15">
      <c r="A69" s="5">
        <v>53</v>
      </c>
      <c r="B69" s="22">
        <v>13</v>
      </c>
      <c r="C69" s="14">
        <v>17</v>
      </c>
      <c r="D69" s="18">
        <v>30</v>
      </c>
    </row>
    <row r="70" spans="1:4" ht="18" customHeight="1" x14ac:dyDescent="0.15">
      <c r="A70" s="5">
        <v>54</v>
      </c>
      <c r="B70" s="22">
        <v>8</v>
      </c>
      <c r="C70" s="14">
        <v>12</v>
      </c>
      <c r="D70" s="18">
        <v>20</v>
      </c>
    </row>
    <row r="71" spans="1:4" ht="18" customHeight="1" x14ac:dyDescent="0.15">
      <c r="A71" s="5" t="s">
        <v>22</v>
      </c>
      <c r="B71" s="22">
        <v>55</v>
      </c>
      <c r="C71" s="14">
        <v>59</v>
      </c>
      <c r="D71" s="18">
        <v>114</v>
      </c>
    </row>
    <row r="72" spans="1:4" ht="18" customHeight="1" x14ac:dyDescent="0.15">
      <c r="A72" s="5">
        <v>55</v>
      </c>
      <c r="B72" s="22">
        <v>16</v>
      </c>
      <c r="C72" s="14">
        <v>11</v>
      </c>
      <c r="D72" s="18">
        <v>27</v>
      </c>
    </row>
    <row r="73" spans="1:4" ht="18" customHeight="1" x14ac:dyDescent="0.15">
      <c r="A73" s="5">
        <v>56</v>
      </c>
      <c r="B73" s="22">
        <v>9</v>
      </c>
      <c r="C73" s="14">
        <v>10</v>
      </c>
      <c r="D73" s="18">
        <v>19</v>
      </c>
    </row>
    <row r="74" spans="1:4" ht="18" customHeight="1" x14ac:dyDescent="0.15">
      <c r="A74" s="5">
        <v>57</v>
      </c>
      <c r="B74" s="22">
        <v>9</v>
      </c>
      <c r="C74" s="14">
        <v>8</v>
      </c>
      <c r="D74" s="18">
        <v>17</v>
      </c>
    </row>
    <row r="75" spans="1:4" ht="18" customHeight="1" x14ac:dyDescent="0.15">
      <c r="A75" s="5">
        <v>58</v>
      </c>
      <c r="B75" s="22">
        <v>13</v>
      </c>
      <c r="C75" s="14">
        <v>13</v>
      </c>
      <c r="D75" s="18">
        <v>26</v>
      </c>
    </row>
    <row r="76" spans="1:4" ht="18" customHeight="1" x14ac:dyDescent="0.15">
      <c r="A76" s="5">
        <v>59</v>
      </c>
      <c r="B76" s="22">
        <v>10</v>
      </c>
      <c r="C76" s="14">
        <v>8</v>
      </c>
      <c r="D76" s="18">
        <v>18</v>
      </c>
    </row>
    <row r="77" spans="1:4" ht="18" customHeight="1" x14ac:dyDescent="0.15">
      <c r="A77" s="5" t="s">
        <v>27</v>
      </c>
      <c r="B77" s="22">
        <v>57</v>
      </c>
      <c r="C77" s="14">
        <v>50</v>
      </c>
      <c r="D77" s="18">
        <v>107</v>
      </c>
    </row>
    <row r="78" spans="1:4" ht="18" customHeight="1" x14ac:dyDescent="0.15">
      <c r="A78" s="5">
        <v>60</v>
      </c>
      <c r="B78" s="22">
        <v>7</v>
      </c>
      <c r="C78" s="14">
        <v>6</v>
      </c>
      <c r="D78" s="18">
        <v>13</v>
      </c>
    </row>
    <row r="79" spans="1:4" ht="18" customHeight="1" x14ac:dyDescent="0.15">
      <c r="A79" s="5">
        <v>61</v>
      </c>
      <c r="B79" s="22">
        <v>12</v>
      </c>
      <c r="C79" s="14">
        <v>11</v>
      </c>
      <c r="D79" s="18">
        <v>23</v>
      </c>
    </row>
    <row r="80" spans="1:4" ht="18" customHeight="1" x14ac:dyDescent="0.15">
      <c r="A80" s="5">
        <v>62</v>
      </c>
      <c r="B80" s="22">
        <v>15</v>
      </c>
      <c r="C80" s="14">
        <v>10</v>
      </c>
      <c r="D80" s="18">
        <v>25</v>
      </c>
    </row>
    <row r="81" spans="1:4" ht="18" customHeight="1" x14ac:dyDescent="0.15">
      <c r="A81" s="5">
        <v>63</v>
      </c>
      <c r="B81" s="22">
        <v>9</v>
      </c>
      <c r="C81" s="14">
        <v>14</v>
      </c>
      <c r="D81" s="18">
        <v>23</v>
      </c>
    </row>
    <row r="82" spans="1:4" ht="18" customHeight="1" x14ac:dyDescent="0.15">
      <c r="A82" s="5">
        <v>64</v>
      </c>
      <c r="B82" s="22">
        <v>9</v>
      </c>
      <c r="C82" s="14">
        <v>6</v>
      </c>
      <c r="D82" s="18">
        <v>15</v>
      </c>
    </row>
    <row r="83" spans="1:4" ht="18" customHeight="1" x14ac:dyDescent="0.15">
      <c r="A83" s="5" t="s">
        <v>28</v>
      </c>
      <c r="B83" s="22">
        <v>52</v>
      </c>
      <c r="C83" s="14">
        <v>47</v>
      </c>
      <c r="D83" s="18">
        <v>99</v>
      </c>
    </row>
    <row r="84" spans="1:4" ht="18" customHeight="1" x14ac:dyDescent="0.15">
      <c r="A84" s="5" t="s">
        <v>31</v>
      </c>
      <c r="B84" s="22">
        <v>477</v>
      </c>
      <c r="C84" s="14">
        <v>389</v>
      </c>
      <c r="D84" s="18">
        <v>866</v>
      </c>
    </row>
    <row r="85" spans="1:4" ht="18" customHeight="1" x14ac:dyDescent="0.15">
      <c r="A85" s="5">
        <v>65</v>
      </c>
      <c r="B85" s="22">
        <v>9</v>
      </c>
      <c r="C85" s="14">
        <v>13</v>
      </c>
      <c r="D85" s="18">
        <v>22</v>
      </c>
    </row>
    <row r="86" spans="1:4" ht="18" customHeight="1" x14ac:dyDescent="0.15">
      <c r="A86" s="5">
        <v>66</v>
      </c>
      <c r="B86" s="22">
        <v>12</v>
      </c>
      <c r="C86" s="14">
        <v>9</v>
      </c>
      <c r="D86" s="18">
        <v>21</v>
      </c>
    </row>
    <row r="87" spans="1:4" ht="18" customHeight="1" x14ac:dyDescent="0.15">
      <c r="A87" s="5">
        <v>67</v>
      </c>
      <c r="B87" s="22">
        <v>10</v>
      </c>
      <c r="C87" s="14">
        <v>10</v>
      </c>
      <c r="D87" s="18">
        <v>20</v>
      </c>
    </row>
    <row r="88" spans="1:4" ht="18" customHeight="1" x14ac:dyDescent="0.15">
      <c r="A88" s="5">
        <v>68</v>
      </c>
      <c r="B88" s="22">
        <v>10</v>
      </c>
      <c r="C88" s="14">
        <v>16</v>
      </c>
      <c r="D88" s="18">
        <v>26</v>
      </c>
    </row>
    <row r="89" spans="1:4" ht="18" customHeight="1" x14ac:dyDescent="0.15">
      <c r="A89" s="5">
        <v>69</v>
      </c>
      <c r="B89" s="22">
        <v>9</v>
      </c>
      <c r="C89" s="14">
        <v>10</v>
      </c>
      <c r="D89" s="18">
        <v>19</v>
      </c>
    </row>
    <row r="90" spans="1:4" ht="18" customHeight="1" x14ac:dyDescent="0.15">
      <c r="A90" s="5" t="s">
        <v>20</v>
      </c>
      <c r="B90" s="22">
        <v>50</v>
      </c>
      <c r="C90" s="14">
        <v>58</v>
      </c>
      <c r="D90" s="18">
        <v>108</v>
      </c>
    </row>
    <row r="91" spans="1:4" ht="18" customHeight="1" x14ac:dyDescent="0.15">
      <c r="A91" s="5">
        <v>70</v>
      </c>
      <c r="B91" s="22">
        <v>8</v>
      </c>
      <c r="C91" s="14">
        <v>9</v>
      </c>
      <c r="D91" s="18">
        <v>17</v>
      </c>
    </row>
    <row r="92" spans="1:4" ht="18" customHeight="1" x14ac:dyDescent="0.15">
      <c r="A92" s="5">
        <v>71</v>
      </c>
      <c r="B92" s="22">
        <v>10</v>
      </c>
      <c r="C92" s="14">
        <v>6</v>
      </c>
      <c r="D92" s="18">
        <v>16</v>
      </c>
    </row>
    <row r="93" spans="1:4" ht="18" customHeight="1" x14ac:dyDescent="0.15">
      <c r="A93" s="5">
        <v>72</v>
      </c>
      <c r="B93" s="22">
        <v>8</v>
      </c>
      <c r="C93" s="14">
        <v>12</v>
      </c>
      <c r="D93" s="18">
        <v>20</v>
      </c>
    </row>
    <row r="94" spans="1:4" ht="18" customHeight="1" x14ac:dyDescent="0.15">
      <c r="A94" s="5">
        <v>73</v>
      </c>
      <c r="B94" s="22">
        <v>18</v>
      </c>
      <c r="C94" s="14">
        <v>10</v>
      </c>
      <c r="D94" s="18">
        <v>28</v>
      </c>
    </row>
    <row r="95" spans="1:4" ht="18" customHeight="1" x14ac:dyDescent="0.15">
      <c r="A95" s="5">
        <v>74</v>
      </c>
      <c r="B95" s="22">
        <v>4</v>
      </c>
      <c r="C95" s="14">
        <v>14</v>
      </c>
      <c r="D95" s="18">
        <v>18</v>
      </c>
    </row>
    <row r="96" spans="1:4" ht="18" customHeight="1" x14ac:dyDescent="0.15">
      <c r="A96" s="5" t="s">
        <v>33</v>
      </c>
      <c r="B96" s="22">
        <v>48</v>
      </c>
      <c r="C96" s="14">
        <v>51</v>
      </c>
      <c r="D96" s="18">
        <v>99</v>
      </c>
    </row>
    <row r="97" spans="1:4" ht="18" customHeight="1" x14ac:dyDescent="0.15">
      <c r="A97" s="5">
        <v>75</v>
      </c>
      <c r="B97" s="22">
        <v>8</v>
      </c>
      <c r="C97" s="14">
        <v>15</v>
      </c>
      <c r="D97" s="18">
        <v>23</v>
      </c>
    </row>
    <row r="98" spans="1:4" ht="18" customHeight="1" x14ac:dyDescent="0.15">
      <c r="A98" s="5">
        <v>76</v>
      </c>
      <c r="B98" s="22">
        <v>14</v>
      </c>
      <c r="C98" s="14">
        <v>13</v>
      </c>
      <c r="D98" s="18">
        <v>27</v>
      </c>
    </row>
    <row r="99" spans="1:4" ht="18" customHeight="1" x14ac:dyDescent="0.15">
      <c r="A99" s="5">
        <v>77</v>
      </c>
      <c r="B99" s="22">
        <v>18</v>
      </c>
      <c r="C99" s="14">
        <v>17</v>
      </c>
      <c r="D99" s="18">
        <v>35</v>
      </c>
    </row>
    <row r="100" spans="1:4" ht="18" customHeight="1" x14ac:dyDescent="0.15">
      <c r="A100" s="5">
        <v>78</v>
      </c>
      <c r="B100" s="22">
        <v>11</v>
      </c>
      <c r="C100" s="14">
        <v>11</v>
      </c>
      <c r="D100" s="18">
        <v>22</v>
      </c>
    </row>
    <row r="101" spans="1:4" ht="18" customHeight="1" x14ac:dyDescent="0.15">
      <c r="A101" s="5">
        <v>79</v>
      </c>
      <c r="B101" s="22">
        <v>11</v>
      </c>
      <c r="C101" s="14">
        <v>14</v>
      </c>
      <c r="D101" s="18">
        <v>25</v>
      </c>
    </row>
    <row r="102" spans="1:4" ht="18" customHeight="1" x14ac:dyDescent="0.15">
      <c r="A102" s="5" t="s">
        <v>0</v>
      </c>
      <c r="B102" s="22">
        <v>62</v>
      </c>
      <c r="C102" s="14">
        <v>70</v>
      </c>
      <c r="D102" s="18">
        <v>132</v>
      </c>
    </row>
    <row r="103" spans="1:4" ht="18" customHeight="1" x14ac:dyDescent="0.15">
      <c r="A103" s="5">
        <v>80</v>
      </c>
      <c r="B103" s="22">
        <v>6</v>
      </c>
      <c r="C103" s="14">
        <v>10</v>
      </c>
      <c r="D103" s="18">
        <v>16</v>
      </c>
    </row>
    <row r="104" spans="1:4" ht="18" customHeight="1" x14ac:dyDescent="0.15">
      <c r="A104" s="5">
        <v>81</v>
      </c>
      <c r="B104" s="22">
        <v>7</v>
      </c>
      <c r="C104" s="14">
        <v>6</v>
      </c>
      <c r="D104" s="18">
        <v>13</v>
      </c>
    </row>
    <row r="105" spans="1:4" ht="18" customHeight="1" x14ac:dyDescent="0.15">
      <c r="A105" s="5">
        <v>82</v>
      </c>
      <c r="B105" s="22">
        <v>7</v>
      </c>
      <c r="C105" s="14">
        <v>8</v>
      </c>
      <c r="D105" s="18">
        <v>15</v>
      </c>
    </row>
    <row r="106" spans="1:4" ht="18" customHeight="1" x14ac:dyDescent="0.15">
      <c r="A106" s="5">
        <v>83</v>
      </c>
      <c r="B106" s="22">
        <v>9</v>
      </c>
      <c r="C106" s="14">
        <v>10</v>
      </c>
      <c r="D106" s="18">
        <v>19</v>
      </c>
    </row>
    <row r="107" spans="1:4" ht="18" customHeight="1" x14ac:dyDescent="0.15">
      <c r="A107" s="5">
        <v>84</v>
      </c>
      <c r="B107" s="22">
        <v>8</v>
      </c>
      <c r="C107" s="14">
        <v>14</v>
      </c>
      <c r="D107" s="18">
        <v>22</v>
      </c>
    </row>
    <row r="108" spans="1:4" ht="18" customHeight="1" x14ac:dyDescent="0.15">
      <c r="A108" s="5" t="s">
        <v>35</v>
      </c>
      <c r="B108" s="22">
        <v>37</v>
      </c>
      <c r="C108" s="14">
        <v>48</v>
      </c>
      <c r="D108" s="18">
        <v>85</v>
      </c>
    </row>
    <row r="109" spans="1:4" ht="18" customHeight="1" x14ac:dyDescent="0.15">
      <c r="A109" s="5">
        <v>85</v>
      </c>
      <c r="B109" s="22">
        <v>5</v>
      </c>
      <c r="C109" s="14">
        <v>9</v>
      </c>
      <c r="D109" s="18">
        <v>14</v>
      </c>
    </row>
    <row r="110" spans="1:4" ht="18" customHeight="1" x14ac:dyDescent="0.15">
      <c r="A110" s="5">
        <v>86</v>
      </c>
      <c r="B110" s="22">
        <v>3</v>
      </c>
      <c r="C110" s="14">
        <v>12</v>
      </c>
      <c r="D110" s="18">
        <v>15</v>
      </c>
    </row>
    <row r="111" spans="1:4" ht="18" customHeight="1" x14ac:dyDescent="0.15">
      <c r="A111" s="5">
        <v>87</v>
      </c>
      <c r="B111" s="22">
        <v>3</v>
      </c>
      <c r="C111" s="14">
        <v>7</v>
      </c>
      <c r="D111" s="18">
        <v>10</v>
      </c>
    </row>
    <row r="112" spans="1:4" ht="18" customHeight="1" x14ac:dyDescent="0.15">
      <c r="A112" s="5">
        <v>88</v>
      </c>
      <c r="B112" s="22">
        <v>4</v>
      </c>
      <c r="C112" s="14">
        <v>11</v>
      </c>
      <c r="D112" s="18">
        <v>15</v>
      </c>
    </row>
    <row r="113" spans="1:4" ht="18" customHeight="1" x14ac:dyDescent="0.15">
      <c r="A113" s="5">
        <v>89</v>
      </c>
      <c r="B113" s="22">
        <v>5</v>
      </c>
      <c r="C113" s="14">
        <v>12</v>
      </c>
      <c r="D113" s="18">
        <v>17</v>
      </c>
    </row>
    <row r="114" spans="1:4" ht="18" customHeight="1" x14ac:dyDescent="0.15">
      <c r="A114" s="5" t="s">
        <v>37</v>
      </c>
      <c r="B114" s="22">
        <v>20</v>
      </c>
      <c r="C114" s="14">
        <v>51</v>
      </c>
      <c r="D114" s="18">
        <v>71</v>
      </c>
    </row>
    <row r="115" spans="1:4" ht="18" customHeight="1" x14ac:dyDescent="0.15">
      <c r="A115" s="5">
        <v>90</v>
      </c>
      <c r="B115" s="22">
        <v>2</v>
      </c>
      <c r="C115" s="14">
        <v>10</v>
      </c>
      <c r="D115" s="18">
        <v>12</v>
      </c>
    </row>
    <row r="116" spans="1:4" ht="18" customHeight="1" x14ac:dyDescent="0.15">
      <c r="A116" s="5">
        <v>91</v>
      </c>
      <c r="B116" s="22">
        <v>1</v>
      </c>
      <c r="C116" s="14">
        <v>5</v>
      </c>
      <c r="D116" s="18">
        <v>6</v>
      </c>
    </row>
    <row r="117" spans="1:4" ht="18" customHeight="1" x14ac:dyDescent="0.15">
      <c r="A117" s="5">
        <v>92</v>
      </c>
      <c r="B117" s="22">
        <v>1</v>
      </c>
      <c r="C117" s="14">
        <v>4</v>
      </c>
      <c r="D117" s="18">
        <v>5</v>
      </c>
    </row>
    <row r="118" spans="1:4" ht="18" customHeight="1" x14ac:dyDescent="0.15">
      <c r="A118" s="5">
        <v>93</v>
      </c>
      <c r="B118" s="22">
        <v>0</v>
      </c>
      <c r="C118" s="14">
        <v>3</v>
      </c>
      <c r="D118" s="18">
        <v>3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4</v>
      </c>
      <c r="C120" s="14">
        <v>26</v>
      </c>
      <c r="D120" s="18">
        <v>30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2</v>
      </c>
      <c r="C123" s="14">
        <v>1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2</v>
      </c>
      <c r="C126" s="14">
        <v>6</v>
      </c>
      <c r="D126" s="18">
        <v>8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23</v>
      </c>
      <c r="C130" s="14">
        <v>312</v>
      </c>
      <c r="D130" s="18">
        <v>535</v>
      </c>
    </row>
    <row r="131" spans="1:4" ht="18" customHeight="1" x14ac:dyDescent="0.15">
      <c r="A131" s="7" t="s">
        <v>45</v>
      </c>
      <c r="B131" s="23">
        <v>786</v>
      </c>
      <c r="C131" s="15">
        <v>783</v>
      </c>
      <c r="D131" s="19">
        <v>156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5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0</v>
      </c>
      <c r="D5" s="17">
        <v>1</v>
      </c>
    </row>
    <row r="6" spans="1:4" ht="18" customHeight="1" x14ac:dyDescent="0.15">
      <c r="A6" s="5">
        <v>1</v>
      </c>
      <c r="B6" s="22">
        <v>4</v>
      </c>
      <c r="C6" s="14">
        <v>4</v>
      </c>
      <c r="D6" s="18">
        <v>8</v>
      </c>
    </row>
    <row r="7" spans="1:4" ht="18" customHeight="1" x14ac:dyDescent="0.15">
      <c r="A7" s="5">
        <v>2</v>
      </c>
      <c r="B7" s="22">
        <v>2</v>
      </c>
      <c r="C7" s="14">
        <v>3</v>
      </c>
      <c r="D7" s="18">
        <v>5</v>
      </c>
    </row>
    <row r="8" spans="1:4" ht="18" customHeight="1" x14ac:dyDescent="0.15">
      <c r="A8" s="5">
        <v>3</v>
      </c>
      <c r="B8" s="22">
        <v>2</v>
      </c>
      <c r="C8" s="14">
        <v>1</v>
      </c>
      <c r="D8" s="18">
        <v>3</v>
      </c>
    </row>
    <row r="9" spans="1:4" ht="18" customHeight="1" x14ac:dyDescent="0.15">
      <c r="A9" s="5">
        <v>4</v>
      </c>
      <c r="B9" s="22">
        <v>3</v>
      </c>
      <c r="C9" s="14">
        <v>4</v>
      </c>
      <c r="D9" s="18">
        <v>7</v>
      </c>
    </row>
    <row r="10" spans="1:4" ht="18" customHeight="1" x14ac:dyDescent="0.15">
      <c r="A10" s="5" t="s">
        <v>7</v>
      </c>
      <c r="B10" s="22">
        <v>12</v>
      </c>
      <c r="C10" s="14">
        <v>12</v>
      </c>
      <c r="D10" s="18">
        <v>24</v>
      </c>
    </row>
    <row r="11" spans="1:4" ht="18" customHeight="1" x14ac:dyDescent="0.15">
      <c r="A11" s="5">
        <v>5</v>
      </c>
      <c r="B11" s="22">
        <v>2</v>
      </c>
      <c r="C11" s="14">
        <v>2</v>
      </c>
      <c r="D11" s="18">
        <v>4</v>
      </c>
    </row>
    <row r="12" spans="1:4" ht="18" customHeight="1" x14ac:dyDescent="0.15">
      <c r="A12" s="5">
        <v>6</v>
      </c>
      <c r="B12" s="22">
        <v>4</v>
      </c>
      <c r="C12" s="14">
        <v>5</v>
      </c>
      <c r="D12" s="18">
        <v>9</v>
      </c>
    </row>
    <row r="13" spans="1:4" ht="18" customHeight="1" x14ac:dyDescent="0.15">
      <c r="A13" s="5">
        <v>7</v>
      </c>
      <c r="B13" s="22">
        <v>2</v>
      </c>
      <c r="C13" s="14">
        <v>7</v>
      </c>
      <c r="D13" s="18">
        <v>9</v>
      </c>
    </row>
    <row r="14" spans="1:4" ht="18" customHeight="1" x14ac:dyDescent="0.15">
      <c r="A14" s="5">
        <v>8</v>
      </c>
      <c r="B14" s="22">
        <v>8</v>
      </c>
      <c r="C14" s="14">
        <v>5</v>
      </c>
      <c r="D14" s="18">
        <v>13</v>
      </c>
    </row>
    <row r="15" spans="1:4" ht="18" customHeight="1" x14ac:dyDescent="0.15">
      <c r="A15" s="5">
        <v>9</v>
      </c>
      <c r="B15" s="22">
        <v>2</v>
      </c>
      <c r="C15" s="14">
        <v>2</v>
      </c>
      <c r="D15" s="18">
        <v>4</v>
      </c>
    </row>
    <row r="16" spans="1:4" ht="18" customHeight="1" x14ac:dyDescent="0.15">
      <c r="A16" s="5" t="s">
        <v>11</v>
      </c>
      <c r="B16" s="22">
        <v>18</v>
      </c>
      <c r="C16" s="14">
        <v>21</v>
      </c>
      <c r="D16" s="18">
        <v>39</v>
      </c>
    </row>
    <row r="17" spans="1:4" ht="18" customHeight="1" x14ac:dyDescent="0.15">
      <c r="A17" s="5">
        <v>10</v>
      </c>
      <c r="B17" s="22">
        <v>5</v>
      </c>
      <c r="C17" s="14">
        <v>7</v>
      </c>
      <c r="D17" s="18">
        <v>12</v>
      </c>
    </row>
    <row r="18" spans="1:4" ht="18" customHeight="1" x14ac:dyDescent="0.15">
      <c r="A18" s="5">
        <v>11</v>
      </c>
      <c r="B18" s="22">
        <v>3</v>
      </c>
      <c r="C18" s="14">
        <v>3</v>
      </c>
      <c r="D18" s="18">
        <v>6</v>
      </c>
    </row>
    <row r="19" spans="1:4" ht="18" customHeight="1" x14ac:dyDescent="0.15">
      <c r="A19" s="5">
        <v>12</v>
      </c>
      <c r="B19" s="22">
        <v>5</v>
      </c>
      <c r="C19" s="14">
        <v>3</v>
      </c>
      <c r="D19" s="18">
        <v>8</v>
      </c>
    </row>
    <row r="20" spans="1:4" ht="18" customHeight="1" x14ac:dyDescent="0.15">
      <c r="A20" s="5">
        <v>13</v>
      </c>
      <c r="B20" s="22">
        <v>2</v>
      </c>
      <c r="C20" s="14">
        <v>4</v>
      </c>
      <c r="D20" s="18">
        <v>6</v>
      </c>
    </row>
    <row r="21" spans="1:4" ht="18" customHeight="1" x14ac:dyDescent="0.15">
      <c r="A21" s="5">
        <v>14</v>
      </c>
      <c r="B21" s="22">
        <v>2</v>
      </c>
      <c r="C21" s="14">
        <v>3</v>
      </c>
      <c r="D21" s="18">
        <v>5</v>
      </c>
    </row>
    <row r="22" spans="1:4" ht="18" customHeight="1" x14ac:dyDescent="0.15">
      <c r="A22" s="5" t="s">
        <v>12</v>
      </c>
      <c r="B22" s="22">
        <v>17</v>
      </c>
      <c r="C22" s="14">
        <v>20</v>
      </c>
      <c r="D22" s="18">
        <v>37</v>
      </c>
    </row>
    <row r="23" spans="1:4" ht="18" customHeight="1" x14ac:dyDescent="0.15">
      <c r="A23" s="5" t="s">
        <v>6</v>
      </c>
      <c r="B23" s="22">
        <v>47</v>
      </c>
      <c r="C23" s="14">
        <v>53</v>
      </c>
      <c r="D23" s="18">
        <v>100</v>
      </c>
    </row>
    <row r="24" spans="1:4" ht="18" customHeight="1" x14ac:dyDescent="0.15">
      <c r="A24" s="5">
        <v>15</v>
      </c>
      <c r="B24" s="22">
        <v>3</v>
      </c>
      <c r="C24" s="14">
        <v>4</v>
      </c>
      <c r="D24" s="18">
        <v>7</v>
      </c>
    </row>
    <row r="25" spans="1:4" ht="18" customHeight="1" x14ac:dyDescent="0.15">
      <c r="A25" s="5">
        <v>16</v>
      </c>
      <c r="B25" s="22">
        <v>2</v>
      </c>
      <c r="C25" s="14">
        <v>3</v>
      </c>
      <c r="D25" s="18">
        <v>5</v>
      </c>
    </row>
    <row r="26" spans="1:4" ht="18" customHeight="1" x14ac:dyDescent="0.15">
      <c r="A26" s="5">
        <v>17</v>
      </c>
      <c r="B26" s="22">
        <v>3</v>
      </c>
      <c r="C26" s="14">
        <v>2</v>
      </c>
      <c r="D26" s="18">
        <v>5</v>
      </c>
    </row>
    <row r="27" spans="1:4" ht="18" customHeight="1" x14ac:dyDescent="0.15">
      <c r="A27" s="5">
        <v>18</v>
      </c>
      <c r="B27" s="22">
        <v>2</v>
      </c>
      <c r="C27" s="14">
        <v>4</v>
      </c>
      <c r="D27" s="18">
        <v>6</v>
      </c>
    </row>
    <row r="28" spans="1:4" ht="18" customHeight="1" x14ac:dyDescent="0.15">
      <c r="A28" s="5">
        <v>19</v>
      </c>
      <c r="B28" s="22">
        <v>11</v>
      </c>
      <c r="C28" s="14">
        <v>15</v>
      </c>
      <c r="D28" s="18">
        <v>26</v>
      </c>
    </row>
    <row r="29" spans="1:4" ht="18" customHeight="1" x14ac:dyDescent="0.15">
      <c r="A29" s="5" t="s">
        <v>14</v>
      </c>
      <c r="B29" s="22">
        <v>21</v>
      </c>
      <c r="C29" s="14">
        <v>28</v>
      </c>
      <c r="D29" s="18">
        <v>49</v>
      </c>
    </row>
    <row r="30" spans="1:4" ht="18" customHeight="1" x14ac:dyDescent="0.15">
      <c r="A30" s="5">
        <v>20</v>
      </c>
      <c r="B30" s="22">
        <v>13</v>
      </c>
      <c r="C30" s="14">
        <v>24</v>
      </c>
      <c r="D30" s="18">
        <v>37</v>
      </c>
    </row>
    <row r="31" spans="1:4" ht="18" customHeight="1" x14ac:dyDescent="0.15">
      <c r="A31" s="5">
        <v>21</v>
      </c>
      <c r="B31" s="22">
        <v>22</v>
      </c>
      <c r="C31" s="14">
        <v>25</v>
      </c>
      <c r="D31" s="18">
        <v>47</v>
      </c>
    </row>
    <row r="32" spans="1:4" ht="18" customHeight="1" x14ac:dyDescent="0.15">
      <c r="A32" s="5">
        <v>22</v>
      </c>
      <c r="B32" s="22">
        <v>27</v>
      </c>
      <c r="C32" s="14">
        <v>16</v>
      </c>
      <c r="D32" s="18">
        <v>43</v>
      </c>
    </row>
    <row r="33" spans="1:4" ht="18" customHeight="1" x14ac:dyDescent="0.15">
      <c r="A33" s="5">
        <v>23</v>
      </c>
      <c r="B33" s="22">
        <v>32</v>
      </c>
      <c r="C33" s="14">
        <v>27</v>
      </c>
      <c r="D33" s="18">
        <v>59</v>
      </c>
    </row>
    <row r="34" spans="1:4" ht="18" customHeight="1" x14ac:dyDescent="0.15">
      <c r="A34" s="5">
        <v>24</v>
      </c>
      <c r="B34" s="22">
        <v>34</v>
      </c>
      <c r="C34" s="14">
        <v>33</v>
      </c>
      <c r="D34" s="18">
        <v>67</v>
      </c>
    </row>
    <row r="35" spans="1:4" ht="18" customHeight="1" x14ac:dyDescent="0.15">
      <c r="A35" s="5" t="s">
        <v>9</v>
      </c>
      <c r="B35" s="22">
        <v>128</v>
      </c>
      <c r="C35" s="14">
        <v>125</v>
      </c>
      <c r="D35" s="18">
        <v>253</v>
      </c>
    </row>
    <row r="36" spans="1:4" ht="18" customHeight="1" x14ac:dyDescent="0.15">
      <c r="A36" s="5">
        <v>25</v>
      </c>
      <c r="B36" s="22">
        <v>25</v>
      </c>
      <c r="C36" s="14">
        <v>24</v>
      </c>
      <c r="D36" s="18">
        <v>49</v>
      </c>
    </row>
    <row r="37" spans="1:4" ht="18" customHeight="1" x14ac:dyDescent="0.15">
      <c r="A37" s="5">
        <v>26</v>
      </c>
      <c r="B37" s="22">
        <v>17</v>
      </c>
      <c r="C37" s="14">
        <v>15</v>
      </c>
      <c r="D37" s="18">
        <v>32</v>
      </c>
    </row>
    <row r="38" spans="1:4" ht="18" customHeight="1" x14ac:dyDescent="0.15">
      <c r="A38" s="5">
        <v>27</v>
      </c>
      <c r="B38" s="22">
        <v>12</v>
      </c>
      <c r="C38" s="14">
        <v>16</v>
      </c>
      <c r="D38" s="18">
        <v>28</v>
      </c>
    </row>
    <row r="39" spans="1:4" ht="18" customHeight="1" x14ac:dyDescent="0.15">
      <c r="A39" s="5">
        <v>28</v>
      </c>
      <c r="B39" s="22">
        <v>11</v>
      </c>
      <c r="C39" s="14">
        <v>17</v>
      </c>
      <c r="D39" s="18">
        <v>28</v>
      </c>
    </row>
    <row r="40" spans="1:4" ht="18" customHeight="1" x14ac:dyDescent="0.15">
      <c r="A40" s="5">
        <v>29</v>
      </c>
      <c r="B40" s="22">
        <v>14</v>
      </c>
      <c r="C40" s="14">
        <v>10</v>
      </c>
      <c r="D40" s="18">
        <v>24</v>
      </c>
    </row>
    <row r="41" spans="1:4" ht="18" customHeight="1" x14ac:dyDescent="0.15">
      <c r="A41" s="5" t="s">
        <v>2</v>
      </c>
      <c r="B41" s="22">
        <v>79</v>
      </c>
      <c r="C41" s="14">
        <v>82</v>
      </c>
      <c r="D41" s="18">
        <v>161</v>
      </c>
    </row>
    <row r="42" spans="1:4" ht="18" customHeight="1" x14ac:dyDescent="0.15">
      <c r="A42" s="5">
        <v>30</v>
      </c>
      <c r="B42" s="22">
        <v>14</v>
      </c>
      <c r="C42" s="14">
        <v>5</v>
      </c>
      <c r="D42" s="18">
        <v>19</v>
      </c>
    </row>
    <row r="43" spans="1:4" ht="18" customHeight="1" x14ac:dyDescent="0.15">
      <c r="A43" s="5">
        <v>31</v>
      </c>
      <c r="B43" s="22">
        <v>6</v>
      </c>
      <c r="C43" s="14">
        <v>6</v>
      </c>
      <c r="D43" s="18">
        <v>12</v>
      </c>
    </row>
    <row r="44" spans="1:4" ht="18" customHeight="1" x14ac:dyDescent="0.15">
      <c r="A44" s="5">
        <v>32</v>
      </c>
      <c r="B44" s="22">
        <v>9</v>
      </c>
      <c r="C44" s="14">
        <v>10</v>
      </c>
      <c r="D44" s="18">
        <v>19</v>
      </c>
    </row>
    <row r="45" spans="1:4" ht="18" customHeight="1" x14ac:dyDescent="0.15">
      <c r="A45" s="5">
        <v>33</v>
      </c>
      <c r="B45" s="22">
        <v>4</v>
      </c>
      <c r="C45" s="14">
        <v>9</v>
      </c>
      <c r="D45" s="18">
        <v>13</v>
      </c>
    </row>
    <row r="46" spans="1:4" ht="18" customHeight="1" x14ac:dyDescent="0.15">
      <c r="A46" s="5">
        <v>34</v>
      </c>
      <c r="B46" s="22">
        <v>6</v>
      </c>
      <c r="C46" s="14">
        <v>11</v>
      </c>
      <c r="D46" s="18">
        <v>17</v>
      </c>
    </row>
    <row r="47" spans="1:4" ht="18" customHeight="1" x14ac:dyDescent="0.15">
      <c r="A47" s="5" t="s">
        <v>15</v>
      </c>
      <c r="B47" s="22">
        <v>39</v>
      </c>
      <c r="C47" s="14">
        <v>41</v>
      </c>
      <c r="D47" s="18">
        <v>80</v>
      </c>
    </row>
    <row r="48" spans="1:4" ht="18" customHeight="1" x14ac:dyDescent="0.15">
      <c r="A48" s="5">
        <v>35</v>
      </c>
      <c r="B48" s="22">
        <v>8</v>
      </c>
      <c r="C48" s="14">
        <v>6</v>
      </c>
      <c r="D48" s="18">
        <v>14</v>
      </c>
    </row>
    <row r="49" spans="1:4" ht="18" customHeight="1" x14ac:dyDescent="0.15">
      <c r="A49" s="5">
        <v>36</v>
      </c>
      <c r="B49" s="22">
        <v>13</v>
      </c>
      <c r="C49" s="14">
        <v>5</v>
      </c>
      <c r="D49" s="18">
        <v>18</v>
      </c>
    </row>
    <row r="50" spans="1:4" ht="18" customHeight="1" x14ac:dyDescent="0.15">
      <c r="A50" s="5">
        <v>37</v>
      </c>
      <c r="B50" s="22">
        <v>10</v>
      </c>
      <c r="C50" s="14">
        <v>7</v>
      </c>
      <c r="D50" s="18">
        <v>17</v>
      </c>
    </row>
    <row r="51" spans="1:4" ht="18" customHeight="1" x14ac:dyDescent="0.15">
      <c r="A51" s="5">
        <v>38</v>
      </c>
      <c r="B51" s="22">
        <v>6</v>
      </c>
      <c r="C51" s="14">
        <v>3</v>
      </c>
      <c r="D51" s="18">
        <v>9</v>
      </c>
    </row>
    <row r="52" spans="1:4" ht="18" customHeight="1" x14ac:dyDescent="0.15">
      <c r="A52" s="5">
        <v>39</v>
      </c>
      <c r="B52" s="22">
        <v>12</v>
      </c>
      <c r="C52" s="14">
        <v>8</v>
      </c>
      <c r="D52" s="18">
        <v>20</v>
      </c>
    </row>
    <row r="53" spans="1:4" ht="18" customHeight="1" x14ac:dyDescent="0.15">
      <c r="A53" s="5" t="s">
        <v>18</v>
      </c>
      <c r="B53" s="22">
        <v>49</v>
      </c>
      <c r="C53" s="14">
        <v>29</v>
      </c>
      <c r="D53" s="18">
        <v>78</v>
      </c>
    </row>
    <row r="54" spans="1:4" ht="18" customHeight="1" x14ac:dyDescent="0.15">
      <c r="A54" s="5">
        <v>40</v>
      </c>
      <c r="B54" s="22">
        <v>6</v>
      </c>
      <c r="C54" s="14">
        <v>4</v>
      </c>
      <c r="D54" s="18">
        <v>10</v>
      </c>
    </row>
    <row r="55" spans="1:4" ht="18" customHeight="1" x14ac:dyDescent="0.15">
      <c r="A55" s="5">
        <v>41</v>
      </c>
      <c r="B55" s="22">
        <v>8</v>
      </c>
      <c r="C55" s="14">
        <v>6</v>
      </c>
      <c r="D55" s="18">
        <v>14</v>
      </c>
    </row>
    <row r="56" spans="1:4" ht="18" customHeight="1" x14ac:dyDescent="0.15">
      <c r="A56" s="5">
        <v>42</v>
      </c>
      <c r="B56" s="22">
        <v>9</v>
      </c>
      <c r="C56" s="14">
        <v>0</v>
      </c>
      <c r="D56" s="18">
        <v>9</v>
      </c>
    </row>
    <row r="57" spans="1:4" ht="18" customHeight="1" x14ac:dyDescent="0.15">
      <c r="A57" s="5">
        <v>43</v>
      </c>
      <c r="B57" s="22">
        <v>8</v>
      </c>
      <c r="C57" s="14">
        <v>7</v>
      </c>
      <c r="D57" s="18">
        <v>15</v>
      </c>
    </row>
    <row r="58" spans="1:4" ht="18" customHeight="1" x14ac:dyDescent="0.15">
      <c r="A58" s="5">
        <v>44</v>
      </c>
      <c r="B58" s="22">
        <v>15</v>
      </c>
      <c r="C58" s="14">
        <v>4</v>
      </c>
      <c r="D58" s="18">
        <v>19</v>
      </c>
    </row>
    <row r="59" spans="1:4" ht="18" customHeight="1" x14ac:dyDescent="0.15">
      <c r="A59" s="5" t="s">
        <v>21</v>
      </c>
      <c r="B59" s="22">
        <v>46</v>
      </c>
      <c r="C59" s="14">
        <v>21</v>
      </c>
      <c r="D59" s="18">
        <v>67</v>
      </c>
    </row>
    <row r="60" spans="1:4" ht="18" customHeight="1" x14ac:dyDescent="0.15">
      <c r="A60" s="5">
        <v>45</v>
      </c>
      <c r="B60" s="22">
        <v>13</v>
      </c>
      <c r="C60" s="14">
        <v>7</v>
      </c>
      <c r="D60" s="18">
        <v>20</v>
      </c>
    </row>
    <row r="61" spans="1:4" ht="18" customHeight="1" x14ac:dyDescent="0.15">
      <c r="A61" s="5">
        <v>46</v>
      </c>
      <c r="B61" s="22">
        <v>5</v>
      </c>
      <c r="C61" s="14">
        <v>5</v>
      </c>
      <c r="D61" s="18">
        <v>10</v>
      </c>
    </row>
    <row r="62" spans="1:4" ht="18" customHeight="1" x14ac:dyDescent="0.15">
      <c r="A62" s="5">
        <v>47</v>
      </c>
      <c r="B62" s="22">
        <v>10</v>
      </c>
      <c r="C62" s="14">
        <v>7</v>
      </c>
      <c r="D62" s="18">
        <v>17</v>
      </c>
    </row>
    <row r="63" spans="1:4" ht="18" customHeight="1" x14ac:dyDescent="0.15">
      <c r="A63" s="5">
        <v>48</v>
      </c>
      <c r="B63" s="22">
        <v>9</v>
      </c>
      <c r="C63" s="14">
        <v>11</v>
      </c>
      <c r="D63" s="18">
        <v>20</v>
      </c>
    </row>
    <row r="64" spans="1:4" ht="18" customHeight="1" x14ac:dyDescent="0.15">
      <c r="A64" s="5">
        <v>49</v>
      </c>
      <c r="B64" s="22">
        <v>9</v>
      </c>
      <c r="C64" s="14">
        <v>12</v>
      </c>
      <c r="D64" s="18">
        <v>21</v>
      </c>
    </row>
    <row r="65" spans="1:4" ht="18" customHeight="1" x14ac:dyDescent="0.15">
      <c r="A65" s="5" t="s">
        <v>17</v>
      </c>
      <c r="B65" s="22">
        <v>46</v>
      </c>
      <c r="C65" s="14">
        <v>42</v>
      </c>
      <c r="D65" s="18">
        <v>88</v>
      </c>
    </row>
    <row r="66" spans="1:4" ht="18" customHeight="1" x14ac:dyDescent="0.15">
      <c r="A66" s="5">
        <v>50</v>
      </c>
      <c r="B66" s="22">
        <v>17</v>
      </c>
      <c r="C66" s="14">
        <v>12</v>
      </c>
      <c r="D66" s="18">
        <v>29</v>
      </c>
    </row>
    <row r="67" spans="1:4" ht="18" customHeight="1" x14ac:dyDescent="0.15">
      <c r="A67" s="5">
        <v>51</v>
      </c>
      <c r="B67" s="22">
        <v>16</v>
      </c>
      <c r="C67" s="14">
        <v>7</v>
      </c>
      <c r="D67" s="18">
        <v>23</v>
      </c>
    </row>
    <row r="68" spans="1:4" ht="18" customHeight="1" x14ac:dyDescent="0.15">
      <c r="A68" s="5">
        <v>52</v>
      </c>
      <c r="B68" s="22">
        <v>19</v>
      </c>
      <c r="C68" s="14">
        <v>14</v>
      </c>
      <c r="D68" s="18">
        <v>33</v>
      </c>
    </row>
    <row r="69" spans="1:4" ht="18" customHeight="1" x14ac:dyDescent="0.15">
      <c r="A69" s="5">
        <v>53</v>
      </c>
      <c r="B69" s="22">
        <v>8</v>
      </c>
      <c r="C69" s="14">
        <v>8</v>
      </c>
      <c r="D69" s="18">
        <v>16</v>
      </c>
    </row>
    <row r="70" spans="1:4" ht="18" customHeight="1" x14ac:dyDescent="0.15">
      <c r="A70" s="5">
        <v>54</v>
      </c>
      <c r="B70" s="22">
        <v>12</v>
      </c>
      <c r="C70" s="14">
        <v>8</v>
      </c>
      <c r="D70" s="18">
        <v>20</v>
      </c>
    </row>
    <row r="71" spans="1:4" ht="18" customHeight="1" x14ac:dyDescent="0.15">
      <c r="A71" s="5" t="s">
        <v>22</v>
      </c>
      <c r="B71" s="22">
        <v>72</v>
      </c>
      <c r="C71" s="14">
        <v>49</v>
      </c>
      <c r="D71" s="18">
        <v>121</v>
      </c>
    </row>
    <row r="72" spans="1:4" ht="18" customHeight="1" x14ac:dyDescent="0.15">
      <c r="A72" s="5">
        <v>55</v>
      </c>
      <c r="B72" s="22">
        <v>9</v>
      </c>
      <c r="C72" s="14">
        <v>7</v>
      </c>
      <c r="D72" s="18">
        <v>16</v>
      </c>
    </row>
    <row r="73" spans="1:4" ht="18" customHeight="1" x14ac:dyDescent="0.15">
      <c r="A73" s="5">
        <v>56</v>
      </c>
      <c r="B73" s="22">
        <v>12</v>
      </c>
      <c r="C73" s="14">
        <v>13</v>
      </c>
      <c r="D73" s="18">
        <v>25</v>
      </c>
    </row>
    <row r="74" spans="1:4" ht="18" customHeight="1" x14ac:dyDescent="0.15">
      <c r="A74" s="5">
        <v>57</v>
      </c>
      <c r="B74" s="22">
        <v>12</v>
      </c>
      <c r="C74" s="14">
        <v>8</v>
      </c>
      <c r="D74" s="18">
        <v>20</v>
      </c>
    </row>
    <row r="75" spans="1:4" ht="18" customHeight="1" x14ac:dyDescent="0.15">
      <c r="A75" s="5">
        <v>58</v>
      </c>
      <c r="B75" s="22">
        <v>8</v>
      </c>
      <c r="C75" s="14">
        <v>10</v>
      </c>
      <c r="D75" s="18">
        <v>18</v>
      </c>
    </row>
    <row r="76" spans="1:4" ht="18" customHeight="1" x14ac:dyDescent="0.15">
      <c r="A76" s="5">
        <v>59</v>
      </c>
      <c r="B76" s="22">
        <v>14</v>
      </c>
      <c r="C76" s="14">
        <v>7</v>
      </c>
      <c r="D76" s="18">
        <v>21</v>
      </c>
    </row>
    <row r="77" spans="1:4" ht="18" customHeight="1" x14ac:dyDescent="0.15">
      <c r="A77" s="5" t="s">
        <v>27</v>
      </c>
      <c r="B77" s="22">
        <v>55</v>
      </c>
      <c r="C77" s="14">
        <v>45</v>
      </c>
      <c r="D77" s="18">
        <v>100</v>
      </c>
    </row>
    <row r="78" spans="1:4" ht="18" customHeight="1" x14ac:dyDescent="0.15">
      <c r="A78" s="5">
        <v>60</v>
      </c>
      <c r="B78" s="22">
        <v>12</v>
      </c>
      <c r="C78" s="14">
        <v>8</v>
      </c>
      <c r="D78" s="18">
        <v>20</v>
      </c>
    </row>
    <row r="79" spans="1:4" ht="18" customHeight="1" x14ac:dyDescent="0.15">
      <c r="A79" s="5">
        <v>61</v>
      </c>
      <c r="B79" s="22">
        <v>12</v>
      </c>
      <c r="C79" s="14">
        <v>10</v>
      </c>
      <c r="D79" s="18">
        <v>22</v>
      </c>
    </row>
    <row r="80" spans="1:4" ht="18" customHeight="1" x14ac:dyDescent="0.15">
      <c r="A80" s="5">
        <v>62</v>
      </c>
      <c r="B80" s="22">
        <v>7</v>
      </c>
      <c r="C80" s="14">
        <v>8</v>
      </c>
      <c r="D80" s="18">
        <v>15</v>
      </c>
    </row>
    <row r="81" spans="1:4" ht="18" customHeight="1" x14ac:dyDescent="0.15">
      <c r="A81" s="5">
        <v>63</v>
      </c>
      <c r="B81" s="22">
        <v>6</v>
      </c>
      <c r="C81" s="14">
        <v>15</v>
      </c>
      <c r="D81" s="18">
        <v>21</v>
      </c>
    </row>
    <row r="82" spans="1:4" ht="18" customHeight="1" x14ac:dyDescent="0.15">
      <c r="A82" s="5">
        <v>64</v>
      </c>
      <c r="B82" s="22">
        <v>13</v>
      </c>
      <c r="C82" s="14">
        <v>11</v>
      </c>
      <c r="D82" s="18">
        <v>24</v>
      </c>
    </row>
    <row r="83" spans="1:4" ht="18" customHeight="1" x14ac:dyDescent="0.15">
      <c r="A83" s="5" t="s">
        <v>28</v>
      </c>
      <c r="B83" s="22">
        <v>50</v>
      </c>
      <c r="C83" s="14">
        <v>52</v>
      </c>
      <c r="D83" s="18">
        <v>102</v>
      </c>
    </row>
    <row r="84" spans="1:4" ht="18" customHeight="1" x14ac:dyDescent="0.15">
      <c r="A84" s="5" t="s">
        <v>31</v>
      </c>
      <c r="B84" s="22">
        <v>585</v>
      </c>
      <c r="C84" s="14">
        <v>514</v>
      </c>
      <c r="D84" s="18">
        <v>1099</v>
      </c>
    </row>
    <row r="85" spans="1:4" ht="18" customHeight="1" x14ac:dyDescent="0.15">
      <c r="A85" s="5">
        <v>65</v>
      </c>
      <c r="B85" s="22">
        <v>10</v>
      </c>
      <c r="C85" s="14">
        <v>9</v>
      </c>
      <c r="D85" s="18">
        <v>19</v>
      </c>
    </row>
    <row r="86" spans="1:4" ht="18" customHeight="1" x14ac:dyDescent="0.15">
      <c r="A86" s="5">
        <v>66</v>
      </c>
      <c r="B86" s="22">
        <v>4</v>
      </c>
      <c r="C86" s="14">
        <v>6</v>
      </c>
      <c r="D86" s="18">
        <v>10</v>
      </c>
    </row>
    <row r="87" spans="1:4" ht="18" customHeight="1" x14ac:dyDescent="0.15">
      <c r="A87" s="5">
        <v>67</v>
      </c>
      <c r="B87" s="22">
        <v>8</v>
      </c>
      <c r="C87" s="14">
        <v>3</v>
      </c>
      <c r="D87" s="18">
        <v>11</v>
      </c>
    </row>
    <row r="88" spans="1:4" ht="18" customHeight="1" x14ac:dyDescent="0.15">
      <c r="A88" s="5">
        <v>68</v>
      </c>
      <c r="B88" s="22">
        <v>9</v>
      </c>
      <c r="C88" s="14">
        <v>11</v>
      </c>
      <c r="D88" s="18">
        <v>20</v>
      </c>
    </row>
    <row r="89" spans="1:4" ht="18" customHeight="1" x14ac:dyDescent="0.15">
      <c r="A89" s="5">
        <v>69</v>
      </c>
      <c r="B89" s="22">
        <v>9</v>
      </c>
      <c r="C89" s="14">
        <v>6</v>
      </c>
      <c r="D89" s="18">
        <v>15</v>
      </c>
    </row>
    <row r="90" spans="1:4" ht="18" customHeight="1" x14ac:dyDescent="0.15">
      <c r="A90" s="5" t="s">
        <v>20</v>
      </c>
      <c r="B90" s="22">
        <v>40</v>
      </c>
      <c r="C90" s="14">
        <v>35</v>
      </c>
      <c r="D90" s="18">
        <v>75</v>
      </c>
    </row>
    <row r="91" spans="1:4" ht="18" customHeight="1" x14ac:dyDescent="0.15">
      <c r="A91" s="5">
        <v>70</v>
      </c>
      <c r="B91" s="22">
        <v>10</v>
      </c>
      <c r="C91" s="14">
        <v>7</v>
      </c>
      <c r="D91" s="18">
        <v>17</v>
      </c>
    </row>
    <row r="92" spans="1:4" ht="18" customHeight="1" x14ac:dyDescent="0.15">
      <c r="A92" s="5">
        <v>71</v>
      </c>
      <c r="B92" s="22">
        <v>7</v>
      </c>
      <c r="C92" s="14">
        <v>11</v>
      </c>
      <c r="D92" s="18">
        <v>18</v>
      </c>
    </row>
    <row r="93" spans="1:4" ht="18" customHeight="1" x14ac:dyDescent="0.15">
      <c r="A93" s="5">
        <v>72</v>
      </c>
      <c r="B93" s="22">
        <v>8</v>
      </c>
      <c r="C93" s="14">
        <v>10</v>
      </c>
      <c r="D93" s="18">
        <v>18</v>
      </c>
    </row>
    <row r="94" spans="1:4" ht="18" customHeight="1" x14ac:dyDescent="0.15">
      <c r="A94" s="5">
        <v>73</v>
      </c>
      <c r="B94" s="22">
        <v>8</v>
      </c>
      <c r="C94" s="14">
        <v>8</v>
      </c>
      <c r="D94" s="18">
        <v>16</v>
      </c>
    </row>
    <row r="95" spans="1:4" ht="18" customHeight="1" x14ac:dyDescent="0.15">
      <c r="A95" s="5">
        <v>74</v>
      </c>
      <c r="B95" s="22">
        <v>9</v>
      </c>
      <c r="C95" s="14">
        <v>9</v>
      </c>
      <c r="D95" s="18">
        <v>18</v>
      </c>
    </row>
    <row r="96" spans="1:4" ht="18" customHeight="1" x14ac:dyDescent="0.15">
      <c r="A96" s="5" t="s">
        <v>33</v>
      </c>
      <c r="B96" s="22">
        <v>42</v>
      </c>
      <c r="C96" s="14">
        <v>45</v>
      </c>
      <c r="D96" s="18">
        <v>87</v>
      </c>
    </row>
    <row r="97" spans="1:4" ht="18" customHeight="1" x14ac:dyDescent="0.15">
      <c r="A97" s="5">
        <v>75</v>
      </c>
      <c r="B97" s="22">
        <v>11</v>
      </c>
      <c r="C97" s="14">
        <v>22</v>
      </c>
      <c r="D97" s="18">
        <v>33</v>
      </c>
    </row>
    <row r="98" spans="1:4" ht="18" customHeight="1" x14ac:dyDescent="0.15">
      <c r="A98" s="5">
        <v>76</v>
      </c>
      <c r="B98" s="22">
        <v>11</v>
      </c>
      <c r="C98" s="14">
        <v>15</v>
      </c>
      <c r="D98" s="18">
        <v>26</v>
      </c>
    </row>
    <row r="99" spans="1:4" ht="18" customHeight="1" x14ac:dyDescent="0.15">
      <c r="A99" s="5">
        <v>77</v>
      </c>
      <c r="B99" s="22">
        <v>19</v>
      </c>
      <c r="C99" s="14">
        <v>20</v>
      </c>
      <c r="D99" s="18">
        <v>39</v>
      </c>
    </row>
    <row r="100" spans="1:4" ht="18" customHeight="1" x14ac:dyDescent="0.15">
      <c r="A100" s="5">
        <v>78</v>
      </c>
      <c r="B100" s="22">
        <v>13</v>
      </c>
      <c r="C100" s="14">
        <v>12</v>
      </c>
      <c r="D100" s="18">
        <v>25</v>
      </c>
    </row>
    <row r="101" spans="1:4" ht="18" customHeight="1" x14ac:dyDescent="0.15">
      <c r="A101" s="5">
        <v>79</v>
      </c>
      <c r="B101" s="22">
        <v>7</v>
      </c>
      <c r="C101" s="14">
        <v>11</v>
      </c>
      <c r="D101" s="18">
        <v>18</v>
      </c>
    </row>
    <row r="102" spans="1:4" ht="18" customHeight="1" x14ac:dyDescent="0.15">
      <c r="A102" s="5" t="s">
        <v>0</v>
      </c>
      <c r="B102" s="22">
        <v>61</v>
      </c>
      <c r="C102" s="14">
        <v>80</v>
      </c>
      <c r="D102" s="18">
        <v>141</v>
      </c>
    </row>
    <row r="103" spans="1:4" ht="18" customHeight="1" x14ac:dyDescent="0.15">
      <c r="A103" s="5">
        <v>80</v>
      </c>
      <c r="B103" s="22">
        <v>3</v>
      </c>
      <c r="C103" s="14">
        <v>5</v>
      </c>
      <c r="D103" s="18">
        <v>8</v>
      </c>
    </row>
    <row r="104" spans="1:4" ht="18" customHeight="1" x14ac:dyDescent="0.15">
      <c r="A104" s="5">
        <v>81</v>
      </c>
      <c r="B104" s="22">
        <v>7</v>
      </c>
      <c r="C104" s="14">
        <v>14</v>
      </c>
      <c r="D104" s="18">
        <v>21</v>
      </c>
    </row>
    <row r="105" spans="1:4" ht="18" customHeight="1" x14ac:dyDescent="0.15">
      <c r="A105" s="5">
        <v>82</v>
      </c>
      <c r="B105" s="22">
        <v>7</v>
      </c>
      <c r="C105" s="14">
        <v>3</v>
      </c>
      <c r="D105" s="18">
        <v>10</v>
      </c>
    </row>
    <row r="106" spans="1:4" ht="18" customHeight="1" x14ac:dyDescent="0.15">
      <c r="A106" s="5">
        <v>83</v>
      </c>
      <c r="B106" s="22">
        <v>6</v>
      </c>
      <c r="C106" s="14">
        <v>4</v>
      </c>
      <c r="D106" s="18">
        <v>10</v>
      </c>
    </row>
    <row r="107" spans="1:4" ht="18" customHeight="1" x14ac:dyDescent="0.15">
      <c r="A107" s="5">
        <v>84</v>
      </c>
      <c r="B107" s="22">
        <v>5</v>
      </c>
      <c r="C107" s="14">
        <v>9</v>
      </c>
      <c r="D107" s="18">
        <v>14</v>
      </c>
    </row>
    <row r="108" spans="1:4" ht="18" customHeight="1" x14ac:dyDescent="0.15">
      <c r="A108" s="5" t="s">
        <v>35</v>
      </c>
      <c r="B108" s="22">
        <v>28</v>
      </c>
      <c r="C108" s="14">
        <v>35</v>
      </c>
      <c r="D108" s="18">
        <v>63</v>
      </c>
    </row>
    <row r="109" spans="1:4" ht="18" customHeight="1" x14ac:dyDescent="0.15">
      <c r="A109" s="5">
        <v>85</v>
      </c>
      <c r="B109" s="22">
        <v>2</v>
      </c>
      <c r="C109" s="14">
        <v>4</v>
      </c>
      <c r="D109" s="18">
        <v>6</v>
      </c>
    </row>
    <row r="110" spans="1:4" ht="18" customHeight="1" x14ac:dyDescent="0.15">
      <c r="A110" s="5">
        <v>86</v>
      </c>
      <c r="B110" s="22">
        <v>5</v>
      </c>
      <c r="C110" s="14">
        <v>10</v>
      </c>
      <c r="D110" s="18">
        <v>15</v>
      </c>
    </row>
    <row r="111" spans="1:4" ht="18" customHeight="1" x14ac:dyDescent="0.15">
      <c r="A111" s="5">
        <v>87</v>
      </c>
      <c r="B111" s="22">
        <v>2</v>
      </c>
      <c r="C111" s="14">
        <v>5</v>
      </c>
      <c r="D111" s="18">
        <v>7</v>
      </c>
    </row>
    <row r="112" spans="1:4" ht="18" customHeight="1" x14ac:dyDescent="0.15">
      <c r="A112" s="5">
        <v>88</v>
      </c>
      <c r="B112" s="22">
        <v>4</v>
      </c>
      <c r="C112" s="14">
        <v>4</v>
      </c>
      <c r="D112" s="18">
        <v>8</v>
      </c>
    </row>
    <row r="113" spans="1:4" ht="18" customHeight="1" x14ac:dyDescent="0.15">
      <c r="A113" s="5">
        <v>89</v>
      </c>
      <c r="B113" s="22">
        <v>1</v>
      </c>
      <c r="C113" s="14">
        <v>4</v>
      </c>
      <c r="D113" s="18">
        <v>5</v>
      </c>
    </row>
    <row r="114" spans="1:4" ht="18" customHeight="1" x14ac:dyDescent="0.15">
      <c r="A114" s="5" t="s">
        <v>37</v>
      </c>
      <c r="B114" s="22">
        <v>14</v>
      </c>
      <c r="C114" s="14">
        <v>27</v>
      </c>
      <c r="D114" s="18">
        <v>41</v>
      </c>
    </row>
    <row r="115" spans="1:4" ht="18" customHeight="1" x14ac:dyDescent="0.15">
      <c r="A115" s="5">
        <v>90</v>
      </c>
      <c r="B115" s="22">
        <v>1</v>
      </c>
      <c r="C115" s="14">
        <v>7</v>
      </c>
      <c r="D115" s="18">
        <v>8</v>
      </c>
    </row>
    <row r="116" spans="1:4" ht="18" customHeight="1" x14ac:dyDescent="0.15">
      <c r="A116" s="5">
        <v>91</v>
      </c>
      <c r="B116" s="22">
        <v>4</v>
      </c>
      <c r="C116" s="14">
        <v>2</v>
      </c>
      <c r="D116" s="18">
        <v>6</v>
      </c>
    </row>
    <row r="117" spans="1:4" ht="18" customHeight="1" x14ac:dyDescent="0.15">
      <c r="A117" s="5">
        <v>92</v>
      </c>
      <c r="B117" s="22">
        <v>1</v>
      </c>
      <c r="C117" s="14">
        <v>3</v>
      </c>
      <c r="D117" s="18">
        <v>4</v>
      </c>
    </row>
    <row r="118" spans="1:4" ht="18" customHeight="1" x14ac:dyDescent="0.15">
      <c r="A118" s="5">
        <v>93</v>
      </c>
      <c r="B118" s="22">
        <v>0</v>
      </c>
      <c r="C118" s="14">
        <v>4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6</v>
      </c>
      <c r="D119" s="18">
        <v>6</v>
      </c>
    </row>
    <row r="120" spans="1:4" ht="18" customHeight="1" x14ac:dyDescent="0.15">
      <c r="A120" s="5" t="s">
        <v>39</v>
      </c>
      <c r="B120" s="22">
        <v>6</v>
      </c>
      <c r="C120" s="14">
        <v>22</v>
      </c>
      <c r="D120" s="18">
        <v>28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3</v>
      </c>
      <c r="C126" s="14">
        <v>8</v>
      </c>
      <c r="D126" s="18">
        <v>11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94</v>
      </c>
      <c r="C130" s="14">
        <v>252</v>
      </c>
      <c r="D130" s="18">
        <v>446</v>
      </c>
    </row>
    <row r="131" spans="1:4" ht="18" customHeight="1" x14ac:dyDescent="0.15">
      <c r="A131" s="7" t="s">
        <v>45</v>
      </c>
      <c r="B131" s="23">
        <v>826</v>
      </c>
      <c r="C131" s="15">
        <v>819</v>
      </c>
      <c r="D131" s="19">
        <v>16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5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8</v>
      </c>
      <c r="C5" s="13">
        <v>6</v>
      </c>
      <c r="D5" s="17">
        <v>14</v>
      </c>
    </row>
    <row r="6" spans="1:4" ht="18" customHeight="1" x14ac:dyDescent="0.15">
      <c r="A6" s="5">
        <v>1</v>
      </c>
      <c r="B6" s="22">
        <v>11</v>
      </c>
      <c r="C6" s="14">
        <v>6</v>
      </c>
      <c r="D6" s="18">
        <v>17</v>
      </c>
    </row>
    <row r="7" spans="1:4" ht="18" customHeight="1" x14ac:dyDescent="0.15">
      <c r="A7" s="5">
        <v>2</v>
      </c>
      <c r="B7" s="22">
        <v>5</v>
      </c>
      <c r="C7" s="14">
        <v>9</v>
      </c>
      <c r="D7" s="18">
        <v>14</v>
      </c>
    </row>
    <row r="8" spans="1:4" ht="18" customHeight="1" x14ac:dyDescent="0.15">
      <c r="A8" s="5">
        <v>3</v>
      </c>
      <c r="B8" s="22">
        <v>11</v>
      </c>
      <c r="C8" s="14">
        <v>4</v>
      </c>
      <c r="D8" s="18">
        <v>15</v>
      </c>
    </row>
    <row r="9" spans="1:4" ht="18" customHeight="1" x14ac:dyDescent="0.15">
      <c r="A9" s="5">
        <v>4</v>
      </c>
      <c r="B9" s="22">
        <v>14</v>
      </c>
      <c r="C9" s="14">
        <v>10</v>
      </c>
      <c r="D9" s="18">
        <v>24</v>
      </c>
    </row>
    <row r="10" spans="1:4" ht="18" customHeight="1" x14ac:dyDescent="0.15">
      <c r="A10" s="5" t="s">
        <v>7</v>
      </c>
      <c r="B10" s="22">
        <v>49</v>
      </c>
      <c r="C10" s="14">
        <v>35</v>
      </c>
      <c r="D10" s="18">
        <v>84</v>
      </c>
    </row>
    <row r="11" spans="1:4" ht="18" customHeight="1" x14ac:dyDescent="0.15">
      <c r="A11" s="5">
        <v>5</v>
      </c>
      <c r="B11" s="22">
        <v>5</v>
      </c>
      <c r="C11" s="14">
        <v>8</v>
      </c>
      <c r="D11" s="18">
        <v>13</v>
      </c>
    </row>
    <row r="12" spans="1:4" ht="18" customHeight="1" x14ac:dyDescent="0.15">
      <c r="A12" s="5">
        <v>6</v>
      </c>
      <c r="B12" s="22">
        <v>7</v>
      </c>
      <c r="C12" s="14">
        <v>14</v>
      </c>
      <c r="D12" s="18">
        <v>21</v>
      </c>
    </row>
    <row r="13" spans="1:4" ht="18" customHeight="1" x14ac:dyDescent="0.15">
      <c r="A13" s="5">
        <v>7</v>
      </c>
      <c r="B13" s="22">
        <v>17</v>
      </c>
      <c r="C13" s="14">
        <v>11</v>
      </c>
      <c r="D13" s="18">
        <v>28</v>
      </c>
    </row>
    <row r="14" spans="1:4" ht="18" customHeight="1" x14ac:dyDescent="0.15">
      <c r="A14" s="5">
        <v>8</v>
      </c>
      <c r="B14" s="22">
        <v>8</v>
      </c>
      <c r="C14" s="14">
        <v>15</v>
      </c>
      <c r="D14" s="18">
        <v>23</v>
      </c>
    </row>
    <row r="15" spans="1:4" ht="18" customHeight="1" x14ac:dyDescent="0.15">
      <c r="A15" s="5">
        <v>9</v>
      </c>
      <c r="B15" s="22">
        <v>16</v>
      </c>
      <c r="C15" s="14">
        <v>6</v>
      </c>
      <c r="D15" s="18">
        <v>22</v>
      </c>
    </row>
    <row r="16" spans="1:4" ht="18" customHeight="1" x14ac:dyDescent="0.15">
      <c r="A16" s="5" t="s">
        <v>11</v>
      </c>
      <c r="B16" s="22">
        <v>53</v>
      </c>
      <c r="C16" s="14">
        <v>54</v>
      </c>
      <c r="D16" s="18">
        <v>107</v>
      </c>
    </row>
    <row r="17" spans="1:4" ht="18" customHeight="1" x14ac:dyDescent="0.15">
      <c r="A17" s="5">
        <v>10</v>
      </c>
      <c r="B17" s="22">
        <v>14</v>
      </c>
      <c r="C17" s="14">
        <v>18</v>
      </c>
      <c r="D17" s="18">
        <v>32</v>
      </c>
    </row>
    <row r="18" spans="1:4" ht="18" customHeight="1" x14ac:dyDescent="0.15">
      <c r="A18" s="5">
        <v>11</v>
      </c>
      <c r="B18" s="22">
        <v>7</v>
      </c>
      <c r="C18" s="14">
        <v>19</v>
      </c>
      <c r="D18" s="18">
        <v>26</v>
      </c>
    </row>
    <row r="19" spans="1:4" ht="18" customHeight="1" x14ac:dyDescent="0.15">
      <c r="A19" s="5">
        <v>12</v>
      </c>
      <c r="B19" s="22">
        <v>13</v>
      </c>
      <c r="C19" s="14">
        <v>11</v>
      </c>
      <c r="D19" s="18">
        <v>24</v>
      </c>
    </row>
    <row r="20" spans="1:4" ht="18" customHeight="1" x14ac:dyDescent="0.15">
      <c r="A20" s="5">
        <v>13</v>
      </c>
      <c r="B20" s="22">
        <v>14</v>
      </c>
      <c r="C20" s="14">
        <v>9</v>
      </c>
      <c r="D20" s="18">
        <v>23</v>
      </c>
    </row>
    <row r="21" spans="1:4" ht="18" customHeight="1" x14ac:dyDescent="0.15">
      <c r="A21" s="5">
        <v>14</v>
      </c>
      <c r="B21" s="22">
        <v>15</v>
      </c>
      <c r="C21" s="14">
        <v>11</v>
      </c>
      <c r="D21" s="18">
        <v>26</v>
      </c>
    </row>
    <row r="22" spans="1:4" ht="18" customHeight="1" x14ac:dyDescent="0.15">
      <c r="A22" s="5" t="s">
        <v>12</v>
      </c>
      <c r="B22" s="22">
        <v>63</v>
      </c>
      <c r="C22" s="14">
        <v>68</v>
      </c>
      <c r="D22" s="18">
        <v>131</v>
      </c>
    </row>
    <row r="23" spans="1:4" ht="18" customHeight="1" x14ac:dyDescent="0.15">
      <c r="A23" s="5" t="s">
        <v>6</v>
      </c>
      <c r="B23" s="22">
        <v>165</v>
      </c>
      <c r="C23" s="14">
        <v>157</v>
      </c>
      <c r="D23" s="18">
        <v>322</v>
      </c>
    </row>
    <row r="24" spans="1:4" ht="18" customHeight="1" x14ac:dyDescent="0.15">
      <c r="A24" s="5">
        <v>15</v>
      </c>
      <c r="B24" s="22">
        <v>9</v>
      </c>
      <c r="C24" s="14">
        <v>16</v>
      </c>
      <c r="D24" s="18">
        <v>25</v>
      </c>
    </row>
    <row r="25" spans="1:4" ht="18" customHeight="1" x14ac:dyDescent="0.15">
      <c r="A25" s="5">
        <v>16</v>
      </c>
      <c r="B25" s="22">
        <v>14</v>
      </c>
      <c r="C25" s="14">
        <v>9</v>
      </c>
      <c r="D25" s="18">
        <v>23</v>
      </c>
    </row>
    <row r="26" spans="1:4" ht="18" customHeight="1" x14ac:dyDescent="0.15">
      <c r="A26" s="5">
        <v>17</v>
      </c>
      <c r="B26" s="22">
        <v>19</v>
      </c>
      <c r="C26" s="14">
        <v>16</v>
      </c>
      <c r="D26" s="18">
        <v>35</v>
      </c>
    </row>
    <row r="27" spans="1:4" ht="18" customHeight="1" x14ac:dyDescent="0.15">
      <c r="A27" s="5">
        <v>18</v>
      </c>
      <c r="B27" s="22">
        <v>15</v>
      </c>
      <c r="C27" s="14">
        <v>15</v>
      </c>
      <c r="D27" s="18">
        <v>30</v>
      </c>
    </row>
    <row r="28" spans="1:4" ht="18" customHeight="1" x14ac:dyDescent="0.15">
      <c r="A28" s="5">
        <v>19</v>
      </c>
      <c r="B28" s="22">
        <v>18</v>
      </c>
      <c r="C28" s="14">
        <v>10</v>
      </c>
      <c r="D28" s="18">
        <v>28</v>
      </c>
    </row>
    <row r="29" spans="1:4" ht="18" customHeight="1" x14ac:dyDescent="0.15">
      <c r="A29" s="5" t="s">
        <v>14</v>
      </c>
      <c r="B29" s="22">
        <v>75</v>
      </c>
      <c r="C29" s="14">
        <v>66</v>
      </c>
      <c r="D29" s="18">
        <v>141</v>
      </c>
    </row>
    <row r="30" spans="1:4" ht="18" customHeight="1" x14ac:dyDescent="0.15">
      <c r="A30" s="5">
        <v>20</v>
      </c>
      <c r="B30" s="22">
        <v>14</v>
      </c>
      <c r="C30" s="14">
        <v>15</v>
      </c>
      <c r="D30" s="18">
        <v>29</v>
      </c>
    </row>
    <row r="31" spans="1:4" ht="18" customHeight="1" x14ac:dyDescent="0.15">
      <c r="A31" s="5">
        <v>21</v>
      </c>
      <c r="B31" s="22">
        <v>18</v>
      </c>
      <c r="C31" s="14">
        <v>17</v>
      </c>
      <c r="D31" s="18">
        <v>35</v>
      </c>
    </row>
    <row r="32" spans="1:4" ht="18" customHeight="1" x14ac:dyDescent="0.15">
      <c r="A32" s="5">
        <v>22</v>
      </c>
      <c r="B32" s="22">
        <v>11</v>
      </c>
      <c r="C32" s="14">
        <v>12</v>
      </c>
      <c r="D32" s="18">
        <v>23</v>
      </c>
    </row>
    <row r="33" spans="1:4" ht="18" customHeight="1" x14ac:dyDescent="0.15">
      <c r="A33" s="5">
        <v>23</v>
      </c>
      <c r="B33" s="22">
        <v>13</v>
      </c>
      <c r="C33" s="14">
        <v>19</v>
      </c>
      <c r="D33" s="18">
        <v>32</v>
      </c>
    </row>
    <row r="34" spans="1:4" ht="18" customHeight="1" x14ac:dyDescent="0.15">
      <c r="A34" s="5">
        <v>24</v>
      </c>
      <c r="B34" s="22">
        <v>21</v>
      </c>
      <c r="C34" s="14">
        <v>14</v>
      </c>
      <c r="D34" s="18">
        <v>35</v>
      </c>
    </row>
    <row r="35" spans="1:4" ht="18" customHeight="1" x14ac:dyDescent="0.15">
      <c r="A35" s="5" t="s">
        <v>9</v>
      </c>
      <c r="B35" s="22">
        <v>77</v>
      </c>
      <c r="C35" s="14">
        <v>77</v>
      </c>
      <c r="D35" s="18">
        <v>154</v>
      </c>
    </row>
    <row r="36" spans="1:4" ht="18" customHeight="1" x14ac:dyDescent="0.15">
      <c r="A36" s="5">
        <v>25</v>
      </c>
      <c r="B36" s="22">
        <v>18</v>
      </c>
      <c r="C36" s="14">
        <v>18</v>
      </c>
      <c r="D36" s="18">
        <v>36</v>
      </c>
    </row>
    <row r="37" spans="1:4" ht="18" customHeight="1" x14ac:dyDescent="0.15">
      <c r="A37" s="5">
        <v>26</v>
      </c>
      <c r="B37" s="22">
        <v>17</v>
      </c>
      <c r="C37" s="14">
        <v>21</v>
      </c>
      <c r="D37" s="18">
        <v>38</v>
      </c>
    </row>
    <row r="38" spans="1:4" ht="18" customHeight="1" x14ac:dyDescent="0.15">
      <c r="A38" s="5">
        <v>27</v>
      </c>
      <c r="B38" s="22">
        <v>18</v>
      </c>
      <c r="C38" s="14">
        <v>10</v>
      </c>
      <c r="D38" s="18">
        <v>28</v>
      </c>
    </row>
    <row r="39" spans="1:4" ht="18" customHeight="1" x14ac:dyDescent="0.15">
      <c r="A39" s="5">
        <v>28</v>
      </c>
      <c r="B39" s="22">
        <v>20</v>
      </c>
      <c r="C39" s="14">
        <v>13</v>
      </c>
      <c r="D39" s="18">
        <v>33</v>
      </c>
    </row>
    <row r="40" spans="1:4" ht="18" customHeight="1" x14ac:dyDescent="0.15">
      <c r="A40" s="5">
        <v>29</v>
      </c>
      <c r="B40" s="22">
        <v>20</v>
      </c>
      <c r="C40" s="14">
        <v>15</v>
      </c>
      <c r="D40" s="18">
        <v>35</v>
      </c>
    </row>
    <row r="41" spans="1:4" ht="18" customHeight="1" x14ac:dyDescent="0.15">
      <c r="A41" s="5" t="s">
        <v>2</v>
      </c>
      <c r="B41" s="22">
        <v>93</v>
      </c>
      <c r="C41" s="14">
        <v>77</v>
      </c>
      <c r="D41" s="18">
        <v>170</v>
      </c>
    </row>
    <row r="42" spans="1:4" ht="18" customHeight="1" x14ac:dyDescent="0.15">
      <c r="A42" s="5">
        <v>30</v>
      </c>
      <c r="B42" s="22">
        <v>17</v>
      </c>
      <c r="C42" s="14">
        <v>6</v>
      </c>
      <c r="D42" s="18">
        <v>23</v>
      </c>
    </row>
    <row r="43" spans="1:4" ht="18" customHeight="1" x14ac:dyDescent="0.15">
      <c r="A43" s="5">
        <v>31</v>
      </c>
      <c r="B43" s="22">
        <v>13</v>
      </c>
      <c r="C43" s="14">
        <v>14</v>
      </c>
      <c r="D43" s="18">
        <v>27</v>
      </c>
    </row>
    <row r="44" spans="1:4" ht="18" customHeight="1" x14ac:dyDescent="0.15">
      <c r="A44" s="5">
        <v>32</v>
      </c>
      <c r="B44" s="22">
        <v>13</v>
      </c>
      <c r="C44" s="14">
        <v>15</v>
      </c>
      <c r="D44" s="18">
        <v>28</v>
      </c>
    </row>
    <row r="45" spans="1:4" ht="18" customHeight="1" x14ac:dyDescent="0.15">
      <c r="A45" s="5">
        <v>33</v>
      </c>
      <c r="B45" s="22">
        <v>9</v>
      </c>
      <c r="C45" s="14">
        <v>11</v>
      </c>
      <c r="D45" s="18">
        <v>20</v>
      </c>
    </row>
    <row r="46" spans="1:4" ht="18" customHeight="1" x14ac:dyDescent="0.15">
      <c r="A46" s="5">
        <v>34</v>
      </c>
      <c r="B46" s="22">
        <v>7</v>
      </c>
      <c r="C46" s="14">
        <v>19</v>
      </c>
      <c r="D46" s="18">
        <v>26</v>
      </c>
    </row>
    <row r="47" spans="1:4" ht="18" customHeight="1" x14ac:dyDescent="0.15">
      <c r="A47" s="5" t="s">
        <v>15</v>
      </c>
      <c r="B47" s="22">
        <v>59</v>
      </c>
      <c r="C47" s="14">
        <v>65</v>
      </c>
      <c r="D47" s="18">
        <v>124</v>
      </c>
    </row>
    <row r="48" spans="1:4" ht="18" customHeight="1" x14ac:dyDescent="0.15">
      <c r="A48" s="5">
        <v>35</v>
      </c>
      <c r="B48" s="22">
        <v>15</v>
      </c>
      <c r="C48" s="14">
        <v>16</v>
      </c>
      <c r="D48" s="18">
        <v>31</v>
      </c>
    </row>
    <row r="49" spans="1:4" ht="18" customHeight="1" x14ac:dyDescent="0.15">
      <c r="A49" s="5">
        <v>36</v>
      </c>
      <c r="B49" s="22">
        <v>15</v>
      </c>
      <c r="C49" s="14">
        <v>11</v>
      </c>
      <c r="D49" s="18">
        <v>26</v>
      </c>
    </row>
    <row r="50" spans="1:4" ht="18" customHeight="1" x14ac:dyDescent="0.15">
      <c r="A50" s="5">
        <v>37</v>
      </c>
      <c r="B50" s="22">
        <v>15</v>
      </c>
      <c r="C50" s="14">
        <v>9</v>
      </c>
      <c r="D50" s="18">
        <v>24</v>
      </c>
    </row>
    <row r="51" spans="1:4" ht="18" customHeight="1" x14ac:dyDescent="0.15">
      <c r="A51" s="5">
        <v>38</v>
      </c>
      <c r="B51" s="22">
        <v>22</v>
      </c>
      <c r="C51" s="14">
        <v>14</v>
      </c>
      <c r="D51" s="18">
        <v>36</v>
      </c>
    </row>
    <row r="52" spans="1:4" ht="18" customHeight="1" x14ac:dyDescent="0.15">
      <c r="A52" s="5">
        <v>39</v>
      </c>
      <c r="B52" s="22">
        <v>28</v>
      </c>
      <c r="C52" s="14">
        <v>16</v>
      </c>
      <c r="D52" s="18">
        <v>44</v>
      </c>
    </row>
    <row r="53" spans="1:4" ht="18" customHeight="1" x14ac:dyDescent="0.15">
      <c r="A53" s="5" t="s">
        <v>18</v>
      </c>
      <c r="B53" s="22">
        <v>95</v>
      </c>
      <c r="C53" s="14">
        <v>66</v>
      </c>
      <c r="D53" s="18">
        <v>161</v>
      </c>
    </row>
    <row r="54" spans="1:4" ht="18" customHeight="1" x14ac:dyDescent="0.15">
      <c r="A54" s="5">
        <v>40</v>
      </c>
      <c r="B54" s="22">
        <v>24</v>
      </c>
      <c r="C54" s="14">
        <v>21</v>
      </c>
      <c r="D54" s="18">
        <v>45</v>
      </c>
    </row>
    <row r="55" spans="1:4" ht="18" customHeight="1" x14ac:dyDescent="0.15">
      <c r="A55" s="5">
        <v>41</v>
      </c>
      <c r="B55" s="22">
        <v>20</v>
      </c>
      <c r="C55" s="14">
        <v>17</v>
      </c>
      <c r="D55" s="18">
        <v>37</v>
      </c>
    </row>
    <row r="56" spans="1:4" ht="18" customHeight="1" x14ac:dyDescent="0.15">
      <c r="A56" s="5">
        <v>42</v>
      </c>
      <c r="B56" s="22">
        <v>15</v>
      </c>
      <c r="C56" s="14">
        <v>18</v>
      </c>
      <c r="D56" s="18">
        <v>33</v>
      </c>
    </row>
    <row r="57" spans="1:4" ht="18" customHeight="1" x14ac:dyDescent="0.15">
      <c r="A57" s="5">
        <v>43</v>
      </c>
      <c r="B57" s="22">
        <v>21</v>
      </c>
      <c r="C57" s="14">
        <v>18</v>
      </c>
      <c r="D57" s="18">
        <v>39</v>
      </c>
    </row>
    <row r="58" spans="1:4" ht="18" customHeight="1" x14ac:dyDescent="0.15">
      <c r="A58" s="5">
        <v>44</v>
      </c>
      <c r="B58" s="22">
        <v>22</v>
      </c>
      <c r="C58" s="14">
        <v>17</v>
      </c>
      <c r="D58" s="18">
        <v>39</v>
      </c>
    </row>
    <row r="59" spans="1:4" ht="18" customHeight="1" x14ac:dyDescent="0.15">
      <c r="A59" s="5" t="s">
        <v>21</v>
      </c>
      <c r="B59" s="22">
        <v>102</v>
      </c>
      <c r="C59" s="14">
        <v>91</v>
      </c>
      <c r="D59" s="18">
        <v>193</v>
      </c>
    </row>
    <row r="60" spans="1:4" ht="18" customHeight="1" x14ac:dyDescent="0.15">
      <c r="A60" s="5">
        <v>45</v>
      </c>
      <c r="B60" s="22">
        <v>21</v>
      </c>
      <c r="C60" s="14">
        <v>25</v>
      </c>
      <c r="D60" s="18">
        <v>46</v>
      </c>
    </row>
    <row r="61" spans="1:4" ht="18" customHeight="1" x14ac:dyDescent="0.15">
      <c r="A61" s="5">
        <v>46</v>
      </c>
      <c r="B61" s="22">
        <v>19</v>
      </c>
      <c r="C61" s="14">
        <v>15</v>
      </c>
      <c r="D61" s="18">
        <v>34</v>
      </c>
    </row>
    <row r="62" spans="1:4" ht="18" customHeight="1" x14ac:dyDescent="0.15">
      <c r="A62" s="5">
        <v>47</v>
      </c>
      <c r="B62" s="22">
        <v>15</v>
      </c>
      <c r="C62" s="14">
        <v>18</v>
      </c>
      <c r="D62" s="18">
        <v>33</v>
      </c>
    </row>
    <row r="63" spans="1:4" ht="18" customHeight="1" x14ac:dyDescent="0.15">
      <c r="A63" s="5">
        <v>48</v>
      </c>
      <c r="B63" s="22">
        <v>21</v>
      </c>
      <c r="C63" s="14">
        <v>18</v>
      </c>
      <c r="D63" s="18">
        <v>39</v>
      </c>
    </row>
    <row r="64" spans="1:4" ht="18" customHeight="1" x14ac:dyDescent="0.15">
      <c r="A64" s="5">
        <v>49</v>
      </c>
      <c r="B64" s="22">
        <v>25</v>
      </c>
      <c r="C64" s="14">
        <v>23</v>
      </c>
      <c r="D64" s="18">
        <v>48</v>
      </c>
    </row>
    <row r="65" spans="1:4" ht="18" customHeight="1" x14ac:dyDescent="0.15">
      <c r="A65" s="5" t="s">
        <v>17</v>
      </c>
      <c r="B65" s="22">
        <v>101</v>
      </c>
      <c r="C65" s="14">
        <v>99</v>
      </c>
      <c r="D65" s="18">
        <v>200</v>
      </c>
    </row>
    <row r="66" spans="1:4" ht="18" customHeight="1" x14ac:dyDescent="0.15">
      <c r="A66" s="5">
        <v>50</v>
      </c>
      <c r="B66" s="22">
        <v>33</v>
      </c>
      <c r="C66" s="14">
        <v>24</v>
      </c>
      <c r="D66" s="18">
        <v>57</v>
      </c>
    </row>
    <row r="67" spans="1:4" ht="18" customHeight="1" x14ac:dyDescent="0.15">
      <c r="A67" s="5">
        <v>51</v>
      </c>
      <c r="B67" s="22">
        <v>21</v>
      </c>
      <c r="C67" s="14">
        <v>19</v>
      </c>
      <c r="D67" s="18">
        <v>40</v>
      </c>
    </row>
    <row r="68" spans="1:4" ht="18" customHeight="1" x14ac:dyDescent="0.15">
      <c r="A68" s="5">
        <v>52</v>
      </c>
      <c r="B68" s="22">
        <v>28</v>
      </c>
      <c r="C68" s="14">
        <v>23</v>
      </c>
      <c r="D68" s="18">
        <v>51</v>
      </c>
    </row>
    <row r="69" spans="1:4" ht="18" customHeight="1" x14ac:dyDescent="0.15">
      <c r="A69" s="5">
        <v>53</v>
      </c>
      <c r="B69" s="22">
        <v>25</v>
      </c>
      <c r="C69" s="14">
        <v>25</v>
      </c>
      <c r="D69" s="18">
        <v>50</v>
      </c>
    </row>
    <row r="70" spans="1:4" ht="18" customHeight="1" x14ac:dyDescent="0.15">
      <c r="A70" s="5">
        <v>54</v>
      </c>
      <c r="B70" s="22">
        <v>22</v>
      </c>
      <c r="C70" s="14">
        <v>17</v>
      </c>
      <c r="D70" s="18">
        <v>39</v>
      </c>
    </row>
    <row r="71" spans="1:4" ht="18" customHeight="1" x14ac:dyDescent="0.15">
      <c r="A71" s="5" t="s">
        <v>22</v>
      </c>
      <c r="B71" s="22">
        <v>129</v>
      </c>
      <c r="C71" s="14">
        <v>108</v>
      </c>
      <c r="D71" s="18">
        <v>237</v>
      </c>
    </row>
    <row r="72" spans="1:4" ht="18" customHeight="1" x14ac:dyDescent="0.15">
      <c r="A72" s="5">
        <v>55</v>
      </c>
      <c r="B72" s="22">
        <v>23</v>
      </c>
      <c r="C72" s="14">
        <v>27</v>
      </c>
      <c r="D72" s="18">
        <v>50</v>
      </c>
    </row>
    <row r="73" spans="1:4" ht="18" customHeight="1" x14ac:dyDescent="0.15">
      <c r="A73" s="5">
        <v>56</v>
      </c>
      <c r="B73" s="22">
        <v>25</v>
      </c>
      <c r="C73" s="14">
        <v>21</v>
      </c>
      <c r="D73" s="18">
        <v>46</v>
      </c>
    </row>
    <row r="74" spans="1:4" ht="18" customHeight="1" x14ac:dyDescent="0.15">
      <c r="A74" s="5">
        <v>57</v>
      </c>
      <c r="B74" s="22">
        <v>23</v>
      </c>
      <c r="C74" s="14">
        <v>21</v>
      </c>
      <c r="D74" s="18">
        <v>44</v>
      </c>
    </row>
    <row r="75" spans="1:4" ht="18" customHeight="1" x14ac:dyDescent="0.15">
      <c r="A75" s="5">
        <v>58</v>
      </c>
      <c r="B75" s="22">
        <v>27</v>
      </c>
      <c r="C75" s="14">
        <v>19</v>
      </c>
      <c r="D75" s="18">
        <v>46</v>
      </c>
    </row>
    <row r="76" spans="1:4" ht="18" customHeight="1" x14ac:dyDescent="0.15">
      <c r="A76" s="5">
        <v>59</v>
      </c>
      <c r="B76" s="22">
        <v>18</v>
      </c>
      <c r="C76" s="14">
        <v>16</v>
      </c>
      <c r="D76" s="18">
        <v>34</v>
      </c>
    </row>
    <row r="77" spans="1:4" ht="18" customHeight="1" x14ac:dyDescent="0.15">
      <c r="A77" s="5" t="s">
        <v>27</v>
      </c>
      <c r="B77" s="22">
        <v>116</v>
      </c>
      <c r="C77" s="14">
        <v>104</v>
      </c>
      <c r="D77" s="18">
        <v>220</v>
      </c>
    </row>
    <row r="78" spans="1:4" ht="18" customHeight="1" x14ac:dyDescent="0.15">
      <c r="A78" s="5">
        <v>60</v>
      </c>
      <c r="B78" s="22">
        <v>13</v>
      </c>
      <c r="C78" s="14">
        <v>20</v>
      </c>
      <c r="D78" s="18">
        <v>33</v>
      </c>
    </row>
    <row r="79" spans="1:4" ht="18" customHeight="1" x14ac:dyDescent="0.15">
      <c r="A79" s="5">
        <v>61</v>
      </c>
      <c r="B79" s="22">
        <v>13</v>
      </c>
      <c r="C79" s="14">
        <v>18</v>
      </c>
      <c r="D79" s="18">
        <v>31</v>
      </c>
    </row>
    <row r="80" spans="1:4" ht="18" customHeight="1" x14ac:dyDescent="0.15">
      <c r="A80" s="5">
        <v>62</v>
      </c>
      <c r="B80" s="22">
        <v>19</v>
      </c>
      <c r="C80" s="14">
        <v>13</v>
      </c>
      <c r="D80" s="18">
        <v>32</v>
      </c>
    </row>
    <row r="81" spans="1:4" ht="18" customHeight="1" x14ac:dyDescent="0.15">
      <c r="A81" s="5">
        <v>63</v>
      </c>
      <c r="B81" s="22">
        <v>21</v>
      </c>
      <c r="C81" s="14">
        <v>18</v>
      </c>
      <c r="D81" s="18">
        <v>39</v>
      </c>
    </row>
    <row r="82" spans="1:4" ht="18" customHeight="1" x14ac:dyDescent="0.15">
      <c r="A82" s="5">
        <v>64</v>
      </c>
      <c r="B82" s="22">
        <v>19</v>
      </c>
      <c r="C82" s="14">
        <v>28</v>
      </c>
      <c r="D82" s="18">
        <v>47</v>
      </c>
    </row>
    <row r="83" spans="1:4" ht="18" customHeight="1" x14ac:dyDescent="0.15">
      <c r="A83" s="5" t="s">
        <v>28</v>
      </c>
      <c r="B83" s="22">
        <v>85</v>
      </c>
      <c r="C83" s="14">
        <v>97</v>
      </c>
      <c r="D83" s="18">
        <v>182</v>
      </c>
    </row>
    <row r="84" spans="1:4" ht="18" customHeight="1" x14ac:dyDescent="0.15">
      <c r="A84" s="5" t="s">
        <v>31</v>
      </c>
      <c r="B84" s="22">
        <v>932</v>
      </c>
      <c r="C84" s="14">
        <v>850</v>
      </c>
      <c r="D84" s="18">
        <v>1782</v>
      </c>
    </row>
    <row r="85" spans="1:4" ht="18" customHeight="1" x14ac:dyDescent="0.15">
      <c r="A85" s="5">
        <v>65</v>
      </c>
      <c r="B85" s="22">
        <v>16</v>
      </c>
      <c r="C85" s="14">
        <v>21</v>
      </c>
      <c r="D85" s="18">
        <v>37</v>
      </c>
    </row>
    <row r="86" spans="1:4" ht="18" customHeight="1" x14ac:dyDescent="0.15">
      <c r="A86" s="5">
        <v>66</v>
      </c>
      <c r="B86" s="22">
        <v>14</v>
      </c>
      <c r="C86" s="14">
        <v>22</v>
      </c>
      <c r="D86" s="18">
        <v>36</v>
      </c>
    </row>
    <row r="87" spans="1:4" ht="18" customHeight="1" x14ac:dyDescent="0.15">
      <c r="A87" s="5">
        <v>67</v>
      </c>
      <c r="B87" s="22">
        <v>17</v>
      </c>
      <c r="C87" s="14">
        <v>14</v>
      </c>
      <c r="D87" s="18">
        <v>31</v>
      </c>
    </row>
    <row r="88" spans="1:4" ht="18" customHeight="1" x14ac:dyDescent="0.15">
      <c r="A88" s="5">
        <v>68</v>
      </c>
      <c r="B88" s="22">
        <v>19</v>
      </c>
      <c r="C88" s="14">
        <v>15</v>
      </c>
      <c r="D88" s="18">
        <v>34</v>
      </c>
    </row>
    <row r="89" spans="1:4" ht="18" customHeight="1" x14ac:dyDescent="0.15">
      <c r="A89" s="5">
        <v>69</v>
      </c>
      <c r="B89" s="22">
        <v>17</v>
      </c>
      <c r="C89" s="14">
        <v>24</v>
      </c>
      <c r="D89" s="18">
        <v>41</v>
      </c>
    </row>
    <row r="90" spans="1:4" ht="18" customHeight="1" x14ac:dyDescent="0.15">
      <c r="A90" s="5" t="s">
        <v>20</v>
      </c>
      <c r="B90" s="22">
        <v>83</v>
      </c>
      <c r="C90" s="14">
        <v>96</v>
      </c>
      <c r="D90" s="18">
        <v>179</v>
      </c>
    </row>
    <row r="91" spans="1:4" ht="18" customHeight="1" x14ac:dyDescent="0.15">
      <c r="A91" s="5">
        <v>70</v>
      </c>
      <c r="B91" s="22">
        <v>23</v>
      </c>
      <c r="C91" s="14">
        <v>28</v>
      </c>
      <c r="D91" s="18">
        <v>51</v>
      </c>
    </row>
    <row r="92" spans="1:4" ht="18" customHeight="1" x14ac:dyDescent="0.15">
      <c r="A92" s="5">
        <v>71</v>
      </c>
      <c r="B92" s="22">
        <v>17</v>
      </c>
      <c r="C92" s="14">
        <v>20</v>
      </c>
      <c r="D92" s="18">
        <v>37</v>
      </c>
    </row>
    <row r="93" spans="1:4" ht="18" customHeight="1" x14ac:dyDescent="0.15">
      <c r="A93" s="5">
        <v>72</v>
      </c>
      <c r="B93" s="22">
        <v>25</v>
      </c>
      <c r="C93" s="14">
        <v>26</v>
      </c>
      <c r="D93" s="18">
        <v>51</v>
      </c>
    </row>
    <row r="94" spans="1:4" ht="18" customHeight="1" x14ac:dyDescent="0.15">
      <c r="A94" s="5">
        <v>73</v>
      </c>
      <c r="B94" s="22">
        <v>22</v>
      </c>
      <c r="C94" s="14">
        <v>39</v>
      </c>
      <c r="D94" s="18">
        <v>61</v>
      </c>
    </row>
    <row r="95" spans="1:4" ht="18" customHeight="1" x14ac:dyDescent="0.15">
      <c r="A95" s="5">
        <v>74</v>
      </c>
      <c r="B95" s="22">
        <v>22</v>
      </c>
      <c r="C95" s="14">
        <v>26</v>
      </c>
      <c r="D95" s="18">
        <v>48</v>
      </c>
    </row>
    <row r="96" spans="1:4" ht="18" customHeight="1" x14ac:dyDescent="0.15">
      <c r="A96" s="5" t="s">
        <v>33</v>
      </c>
      <c r="B96" s="22">
        <v>109</v>
      </c>
      <c r="C96" s="14">
        <v>139</v>
      </c>
      <c r="D96" s="18">
        <v>248</v>
      </c>
    </row>
    <row r="97" spans="1:4" ht="18" customHeight="1" x14ac:dyDescent="0.15">
      <c r="A97" s="5">
        <v>75</v>
      </c>
      <c r="B97" s="22">
        <v>23</v>
      </c>
      <c r="C97" s="14">
        <v>35</v>
      </c>
      <c r="D97" s="18">
        <v>58</v>
      </c>
    </row>
    <row r="98" spans="1:4" ht="18" customHeight="1" x14ac:dyDescent="0.15">
      <c r="A98" s="5">
        <v>76</v>
      </c>
      <c r="B98" s="22">
        <v>38</v>
      </c>
      <c r="C98" s="14">
        <v>38</v>
      </c>
      <c r="D98" s="18">
        <v>76</v>
      </c>
    </row>
    <row r="99" spans="1:4" ht="18" customHeight="1" x14ac:dyDescent="0.15">
      <c r="A99" s="5">
        <v>77</v>
      </c>
      <c r="B99" s="22">
        <v>36</v>
      </c>
      <c r="C99" s="14">
        <v>38</v>
      </c>
      <c r="D99" s="18">
        <v>74</v>
      </c>
    </row>
    <row r="100" spans="1:4" ht="18" customHeight="1" x14ac:dyDescent="0.15">
      <c r="A100" s="5">
        <v>78</v>
      </c>
      <c r="B100" s="22">
        <v>25</v>
      </c>
      <c r="C100" s="14">
        <v>25</v>
      </c>
      <c r="D100" s="18">
        <v>50</v>
      </c>
    </row>
    <row r="101" spans="1:4" ht="18" customHeight="1" x14ac:dyDescent="0.15">
      <c r="A101" s="5">
        <v>79</v>
      </c>
      <c r="B101" s="22">
        <v>25</v>
      </c>
      <c r="C101" s="14">
        <v>30</v>
      </c>
      <c r="D101" s="18">
        <v>55</v>
      </c>
    </row>
    <row r="102" spans="1:4" ht="18" customHeight="1" x14ac:dyDescent="0.15">
      <c r="A102" s="5" t="s">
        <v>0</v>
      </c>
      <c r="B102" s="22">
        <v>147</v>
      </c>
      <c r="C102" s="14">
        <v>166</v>
      </c>
      <c r="D102" s="18">
        <v>313</v>
      </c>
    </row>
    <row r="103" spans="1:4" ht="18" customHeight="1" x14ac:dyDescent="0.15">
      <c r="A103" s="5">
        <v>80</v>
      </c>
      <c r="B103" s="22">
        <v>15</v>
      </c>
      <c r="C103" s="14">
        <v>16</v>
      </c>
      <c r="D103" s="18">
        <v>31</v>
      </c>
    </row>
    <row r="104" spans="1:4" ht="18" customHeight="1" x14ac:dyDescent="0.15">
      <c r="A104" s="5">
        <v>81</v>
      </c>
      <c r="B104" s="22">
        <v>25</v>
      </c>
      <c r="C104" s="14">
        <v>25</v>
      </c>
      <c r="D104" s="18">
        <v>50</v>
      </c>
    </row>
    <row r="105" spans="1:4" ht="18" customHeight="1" x14ac:dyDescent="0.15">
      <c r="A105" s="5">
        <v>82</v>
      </c>
      <c r="B105" s="22">
        <v>20</v>
      </c>
      <c r="C105" s="14">
        <v>20</v>
      </c>
      <c r="D105" s="18">
        <v>40</v>
      </c>
    </row>
    <row r="106" spans="1:4" ht="18" customHeight="1" x14ac:dyDescent="0.15">
      <c r="A106" s="5">
        <v>83</v>
      </c>
      <c r="B106" s="22">
        <v>16</v>
      </c>
      <c r="C106" s="14">
        <v>21</v>
      </c>
      <c r="D106" s="18">
        <v>37</v>
      </c>
    </row>
    <row r="107" spans="1:4" ht="18" customHeight="1" x14ac:dyDescent="0.15">
      <c r="A107" s="5">
        <v>84</v>
      </c>
      <c r="B107" s="22">
        <v>22</v>
      </c>
      <c r="C107" s="14">
        <v>19</v>
      </c>
      <c r="D107" s="18">
        <v>41</v>
      </c>
    </row>
    <row r="108" spans="1:4" ht="18" customHeight="1" x14ac:dyDescent="0.15">
      <c r="A108" s="5" t="s">
        <v>35</v>
      </c>
      <c r="B108" s="22">
        <v>98</v>
      </c>
      <c r="C108" s="14">
        <v>101</v>
      </c>
      <c r="D108" s="18">
        <v>199</v>
      </c>
    </row>
    <row r="109" spans="1:4" ht="18" customHeight="1" x14ac:dyDescent="0.15">
      <c r="A109" s="5">
        <v>85</v>
      </c>
      <c r="B109" s="22">
        <v>14</v>
      </c>
      <c r="C109" s="14">
        <v>17</v>
      </c>
      <c r="D109" s="18">
        <v>31</v>
      </c>
    </row>
    <row r="110" spans="1:4" ht="18" customHeight="1" x14ac:dyDescent="0.15">
      <c r="A110" s="5">
        <v>86</v>
      </c>
      <c r="B110" s="22">
        <v>9</v>
      </c>
      <c r="C110" s="14">
        <v>10</v>
      </c>
      <c r="D110" s="18">
        <v>19</v>
      </c>
    </row>
    <row r="111" spans="1:4" ht="18" customHeight="1" x14ac:dyDescent="0.15">
      <c r="A111" s="5">
        <v>87</v>
      </c>
      <c r="B111" s="22">
        <v>7</v>
      </c>
      <c r="C111" s="14">
        <v>14</v>
      </c>
      <c r="D111" s="18">
        <v>21</v>
      </c>
    </row>
    <row r="112" spans="1:4" ht="18" customHeight="1" x14ac:dyDescent="0.15">
      <c r="A112" s="5">
        <v>88</v>
      </c>
      <c r="B112" s="22">
        <v>5</v>
      </c>
      <c r="C112" s="14">
        <v>23</v>
      </c>
      <c r="D112" s="18">
        <v>28</v>
      </c>
    </row>
    <row r="113" spans="1:4" ht="18" customHeight="1" x14ac:dyDescent="0.15">
      <c r="A113" s="5">
        <v>89</v>
      </c>
      <c r="B113" s="22">
        <v>6</v>
      </c>
      <c r="C113" s="14">
        <v>14</v>
      </c>
      <c r="D113" s="18">
        <v>20</v>
      </c>
    </row>
    <row r="114" spans="1:4" ht="18" customHeight="1" x14ac:dyDescent="0.15">
      <c r="A114" s="5" t="s">
        <v>37</v>
      </c>
      <c r="B114" s="22">
        <v>41</v>
      </c>
      <c r="C114" s="14">
        <v>78</v>
      </c>
      <c r="D114" s="18">
        <v>119</v>
      </c>
    </row>
    <row r="115" spans="1:4" ht="18" customHeight="1" x14ac:dyDescent="0.15">
      <c r="A115" s="5">
        <v>90</v>
      </c>
      <c r="B115" s="22">
        <v>7</v>
      </c>
      <c r="C115" s="14">
        <v>8</v>
      </c>
      <c r="D115" s="18">
        <v>15</v>
      </c>
    </row>
    <row r="116" spans="1:4" ht="18" customHeight="1" x14ac:dyDescent="0.15">
      <c r="A116" s="5">
        <v>91</v>
      </c>
      <c r="B116" s="22">
        <v>4</v>
      </c>
      <c r="C116" s="14">
        <v>8</v>
      </c>
      <c r="D116" s="18">
        <v>12</v>
      </c>
    </row>
    <row r="117" spans="1:4" ht="18" customHeight="1" x14ac:dyDescent="0.15">
      <c r="A117" s="5">
        <v>92</v>
      </c>
      <c r="B117" s="22">
        <v>3</v>
      </c>
      <c r="C117" s="14">
        <v>10</v>
      </c>
      <c r="D117" s="18">
        <v>13</v>
      </c>
    </row>
    <row r="118" spans="1:4" ht="18" customHeight="1" x14ac:dyDescent="0.15">
      <c r="A118" s="5">
        <v>93</v>
      </c>
      <c r="B118" s="22">
        <v>2</v>
      </c>
      <c r="C118" s="14">
        <v>10</v>
      </c>
      <c r="D118" s="18">
        <v>12</v>
      </c>
    </row>
    <row r="119" spans="1:4" ht="18" customHeight="1" x14ac:dyDescent="0.15">
      <c r="A119" s="5">
        <v>94</v>
      </c>
      <c r="B119" s="22">
        <v>3</v>
      </c>
      <c r="C119" s="14">
        <v>5</v>
      </c>
      <c r="D119" s="18">
        <v>8</v>
      </c>
    </row>
    <row r="120" spans="1:4" ht="18" customHeight="1" x14ac:dyDescent="0.15">
      <c r="A120" s="5" t="s">
        <v>39</v>
      </c>
      <c r="B120" s="22">
        <v>19</v>
      </c>
      <c r="C120" s="14">
        <v>41</v>
      </c>
      <c r="D120" s="18">
        <v>60</v>
      </c>
    </row>
    <row r="121" spans="1:4" ht="18" customHeight="1" x14ac:dyDescent="0.15">
      <c r="A121" s="5">
        <v>95</v>
      </c>
      <c r="B121" s="22">
        <v>0</v>
      </c>
      <c r="C121" s="14">
        <v>5</v>
      </c>
      <c r="D121" s="18">
        <v>5</v>
      </c>
    </row>
    <row r="122" spans="1:4" ht="18" customHeight="1" x14ac:dyDescent="0.15">
      <c r="A122" s="5">
        <v>96</v>
      </c>
      <c r="B122" s="22">
        <v>3</v>
      </c>
      <c r="C122" s="14">
        <v>2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3</v>
      </c>
      <c r="C126" s="14">
        <v>15</v>
      </c>
      <c r="D126" s="18">
        <v>18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500</v>
      </c>
      <c r="C130" s="14">
        <v>638</v>
      </c>
      <c r="D130" s="18">
        <v>1138</v>
      </c>
    </row>
    <row r="131" spans="1:4" ht="18" customHeight="1" x14ac:dyDescent="0.15">
      <c r="A131" s="7" t="s">
        <v>45</v>
      </c>
      <c r="B131" s="23">
        <v>1597</v>
      </c>
      <c r="C131" s="15">
        <v>1645</v>
      </c>
      <c r="D131" s="19">
        <v>324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5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2</v>
      </c>
      <c r="D5" s="17">
        <v>3</v>
      </c>
    </row>
    <row r="6" spans="1:4" ht="18" customHeight="1" x14ac:dyDescent="0.15">
      <c r="A6" s="5">
        <v>1</v>
      </c>
      <c r="B6" s="22">
        <v>0</v>
      </c>
      <c r="C6" s="14">
        <v>1</v>
      </c>
      <c r="D6" s="18">
        <v>1</v>
      </c>
    </row>
    <row r="7" spans="1:4" ht="18" customHeight="1" x14ac:dyDescent="0.15">
      <c r="A7" s="5">
        <v>2</v>
      </c>
      <c r="B7" s="22">
        <v>1</v>
      </c>
      <c r="C7" s="14">
        <v>1</v>
      </c>
      <c r="D7" s="18">
        <v>2</v>
      </c>
    </row>
    <row r="8" spans="1:4" ht="18" customHeight="1" x14ac:dyDescent="0.15">
      <c r="A8" s="5">
        <v>3</v>
      </c>
      <c r="B8" s="22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2">
        <v>1</v>
      </c>
      <c r="C9" s="14">
        <v>1</v>
      </c>
      <c r="D9" s="18">
        <v>2</v>
      </c>
    </row>
    <row r="10" spans="1:4" ht="18" customHeight="1" x14ac:dyDescent="0.15">
      <c r="A10" s="5" t="s">
        <v>7</v>
      </c>
      <c r="B10" s="22">
        <v>4</v>
      </c>
      <c r="C10" s="14">
        <v>5</v>
      </c>
      <c r="D10" s="18">
        <v>9</v>
      </c>
    </row>
    <row r="11" spans="1:4" ht="18" customHeight="1" x14ac:dyDescent="0.15">
      <c r="A11" s="5">
        <v>5</v>
      </c>
      <c r="B11" s="22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2">
        <v>4</v>
      </c>
      <c r="C12" s="14">
        <v>0</v>
      </c>
      <c r="D12" s="18">
        <v>4</v>
      </c>
    </row>
    <row r="13" spans="1:4" ht="18" customHeight="1" x14ac:dyDescent="0.15">
      <c r="A13" s="5">
        <v>7</v>
      </c>
      <c r="B13" s="22">
        <v>1</v>
      </c>
      <c r="C13" s="14">
        <v>2</v>
      </c>
      <c r="D13" s="18">
        <v>3</v>
      </c>
    </row>
    <row r="14" spans="1:4" ht="18" customHeight="1" x14ac:dyDescent="0.15">
      <c r="A14" s="5">
        <v>8</v>
      </c>
      <c r="B14" s="22">
        <v>4</v>
      </c>
      <c r="C14" s="14">
        <v>3</v>
      </c>
      <c r="D14" s="18">
        <v>7</v>
      </c>
    </row>
    <row r="15" spans="1:4" ht="18" customHeight="1" x14ac:dyDescent="0.15">
      <c r="A15" s="5">
        <v>9</v>
      </c>
      <c r="B15" s="22">
        <v>3</v>
      </c>
      <c r="C15" s="14">
        <v>5</v>
      </c>
      <c r="D15" s="18">
        <v>8</v>
      </c>
    </row>
    <row r="16" spans="1:4" ht="18" customHeight="1" x14ac:dyDescent="0.15">
      <c r="A16" s="5" t="s">
        <v>11</v>
      </c>
      <c r="B16" s="22">
        <v>14</v>
      </c>
      <c r="C16" s="14">
        <v>11</v>
      </c>
      <c r="D16" s="18">
        <v>25</v>
      </c>
    </row>
    <row r="17" spans="1:4" ht="18" customHeight="1" x14ac:dyDescent="0.15">
      <c r="A17" s="5">
        <v>10</v>
      </c>
      <c r="B17" s="22">
        <v>4</v>
      </c>
      <c r="C17" s="14">
        <v>2</v>
      </c>
      <c r="D17" s="18">
        <v>6</v>
      </c>
    </row>
    <row r="18" spans="1:4" ht="18" customHeight="1" x14ac:dyDescent="0.15">
      <c r="A18" s="5">
        <v>11</v>
      </c>
      <c r="B18" s="22">
        <v>2</v>
      </c>
      <c r="C18" s="14">
        <v>6</v>
      </c>
      <c r="D18" s="18">
        <v>8</v>
      </c>
    </row>
    <row r="19" spans="1:4" ht="18" customHeight="1" x14ac:dyDescent="0.15">
      <c r="A19" s="5">
        <v>12</v>
      </c>
      <c r="B19" s="22">
        <v>5</v>
      </c>
      <c r="C19" s="14">
        <v>5</v>
      </c>
      <c r="D19" s="18">
        <v>10</v>
      </c>
    </row>
    <row r="20" spans="1:4" ht="18" customHeight="1" x14ac:dyDescent="0.15">
      <c r="A20" s="5">
        <v>13</v>
      </c>
      <c r="B20" s="22">
        <v>4</v>
      </c>
      <c r="C20" s="14">
        <v>5</v>
      </c>
      <c r="D20" s="18">
        <v>9</v>
      </c>
    </row>
    <row r="21" spans="1:4" ht="18" customHeight="1" x14ac:dyDescent="0.15">
      <c r="A21" s="5">
        <v>14</v>
      </c>
      <c r="B21" s="22">
        <v>3</v>
      </c>
      <c r="C21" s="14">
        <v>4</v>
      </c>
      <c r="D21" s="18">
        <v>7</v>
      </c>
    </row>
    <row r="22" spans="1:4" ht="18" customHeight="1" x14ac:dyDescent="0.15">
      <c r="A22" s="5" t="s">
        <v>12</v>
      </c>
      <c r="B22" s="22">
        <v>18</v>
      </c>
      <c r="C22" s="14">
        <v>22</v>
      </c>
      <c r="D22" s="18">
        <v>40</v>
      </c>
    </row>
    <row r="23" spans="1:4" ht="18" customHeight="1" x14ac:dyDescent="0.15">
      <c r="A23" s="5" t="s">
        <v>6</v>
      </c>
      <c r="B23" s="22">
        <v>36</v>
      </c>
      <c r="C23" s="14">
        <v>38</v>
      </c>
      <c r="D23" s="18">
        <v>74</v>
      </c>
    </row>
    <row r="24" spans="1:4" ht="18" customHeight="1" x14ac:dyDescent="0.15">
      <c r="A24" s="5">
        <v>15</v>
      </c>
      <c r="B24" s="22">
        <v>3</v>
      </c>
      <c r="C24" s="14">
        <v>4</v>
      </c>
      <c r="D24" s="18">
        <v>7</v>
      </c>
    </row>
    <row r="25" spans="1:4" ht="18" customHeight="1" x14ac:dyDescent="0.15">
      <c r="A25" s="5">
        <v>16</v>
      </c>
      <c r="B25" s="22">
        <v>2</v>
      </c>
      <c r="C25" s="14">
        <v>3</v>
      </c>
      <c r="D25" s="18">
        <v>5</v>
      </c>
    </row>
    <row r="26" spans="1:4" ht="18" customHeight="1" x14ac:dyDescent="0.15">
      <c r="A26" s="5">
        <v>17</v>
      </c>
      <c r="B26" s="22">
        <v>4</v>
      </c>
      <c r="C26" s="14">
        <v>5</v>
      </c>
      <c r="D26" s="18">
        <v>9</v>
      </c>
    </row>
    <row r="27" spans="1:4" ht="18" customHeight="1" x14ac:dyDescent="0.15">
      <c r="A27" s="5">
        <v>18</v>
      </c>
      <c r="B27" s="22">
        <v>7</v>
      </c>
      <c r="C27" s="14">
        <v>5</v>
      </c>
      <c r="D27" s="18">
        <v>12</v>
      </c>
    </row>
    <row r="28" spans="1:4" ht="18" customHeight="1" x14ac:dyDescent="0.15">
      <c r="A28" s="5">
        <v>19</v>
      </c>
      <c r="B28" s="22">
        <v>6</v>
      </c>
      <c r="C28" s="14">
        <v>1</v>
      </c>
      <c r="D28" s="18">
        <v>7</v>
      </c>
    </row>
    <row r="29" spans="1:4" ht="18" customHeight="1" x14ac:dyDescent="0.15">
      <c r="A29" s="5" t="s">
        <v>14</v>
      </c>
      <c r="B29" s="22">
        <v>22</v>
      </c>
      <c r="C29" s="14">
        <v>18</v>
      </c>
      <c r="D29" s="18">
        <v>40</v>
      </c>
    </row>
    <row r="30" spans="1:4" ht="18" customHeight="1" x14ac:dyDescent="0.15">
      <c r="A30" s="5">
        <v>20</v>
      </c>
      <c r="B30" s="22">
        <v>3</v>
      </c>
      <c r="C30" s="14">
        <v>2</v>
      </c>
      <c r="D30" s="18">
        <v>5</v>
      </c>
    </row>
    <row r="31" spans="1:4" ht="18" customHeight="1" x14ac:dyDescent="0.15">
      <c r="A31" s="5">
        <v>21</v>
      </c>
      <c r="B31" s="22">
        <v>3</v>
      </c>
      <c r="C31" s="14">
        <v>6</v>
      </c>
      <c r="D31" s="18">
        <v>9</v>
      </c>
    </row>
    <row r="32" spans="1:4" ht="18" customHeight="1" x14ac:dyDescent="0.15">
      <c r="A32" s="5">
        <v>22</v>
      </c>
      <c r="B32" s="22">
        <v>3</v>
      </c>
      <c r="C32" s="14">
        <v>7</v>
      </c>
      <c r="D32" s="18">
        <v>10</v>
      </c>
    </row>
    <row r="33" spans="1:4" ht="18" customHeight="1" x14ac:dyDescent="0.15">
      <c r="A33" s="5">
        <v>23</v>
      </c>
      <c r="B33" s="22">
        <v>4</v>
      </c>
      <c r="C33" s="14">
        <v>3</v>
      </c>
      <c r="D33" s="18">
        <v>7</v>
      </c>
    </row>
    <row r="34" spans="1:4" ht="18" customHeight="1" x14ac:dyDescent="0.15">
      <c r="A34" s="5">
        <v>24</v>
      </c>
      <c r="B34" s="22">
        <v>4</v>
      </c>
      <c r="C34" s="14">
        <v>2</v>
      </c>
      <c r="D34" s="18">
        <v>6</v>
      </c>
    </row>
    <row r="35" spans="1:4" ht="18" customHeight="1" x14ac:dyDescent="0.15">
      <c r="A35" s="5" t="s">
        <v>9</v>
      </c>
      <c r="B35" s="22">
        <v>17</v>
      </c>
      <c r="C35" s="14">
        <v>20</v>
      </c>
      <c r="D35" s="18">
        <v>37</v>
      </c>
    </row>
    <row r="36" spans="1:4" ht="18" customHeight="1" x14ac:dyDescent="0.15">
      <c r="A36" s="5">
        <v>25</v>
      </c>
      <c r="B36" s="22">
        <v>3</v>
      </c>
      <c r="C36" s="14">
        <v>6</v>
      </c>
      <c r="D36" s="18">
        <v>9</v>
      </c>
    </row>
    <row r="37" spans="1:4" ht="18" customHeight="1" x14ac:dyDescent="0.15">
      <c r="A37" s="5">
        <v>26</v>
      </c>
      <c r="B37" s="22">
        <v>3</v>
      </c>
      <c r="C37" s="14">
        <v>2</v>
      </c>
      <c r="D37" s="18">
        <v>5</v>
      </c>
    </row>
    <row r="38" spans="1:4" ht="18" customHeight="1" x14ac:dyDescent="0.15">
      <c r="A38" s="5">
        <v>27</v>
      </c>
      <c r="B38" s="22">
        <v>1</v>
      </c>
      <c r="C38" s="14">
        <v>2</v>
      </c>
      <c r="D38" s="18">
        <v>3</v>
      </c>
    </row>
    <row r="39" spans="1:4" ht="18" customHeight="1" x14ac:dyDescent="0.15">
      <c r="A39" s="5">
        <v>28</v>
      </c>
      <c r="B39" s="22">
        <v>5</v>
      </c>
      <c r="C39" s="14">
        <v>2</v>
      </c>
      <c r="D39" s="18">
        <v>7</v>
      </c>
    </row>
    <row r="40" spans="1:4" ht="18" customHeight="1" x14ac:dyDescent="0.15">
      <c r="A40" s="5">
        <v>29</v>
      </c>
      <c r="B40" s="22">
        <v>1</v>
      </c>
      <c r="C40" s="14">
        <v>5</v>
      </c>
      <c r="D40" s="18">
        <v>6</v>
      </c>
    </row>
    <row r="41" spans="1:4" ht="18" customHeight="1" x14ac:dyDescent="0.15">
      <c r="A41" s="5" t="s">
        <v>2</v>
      </c>
      <c r="B41" s="22">
        <v>13</v>
      </c>
      <c r="C41" s="14">
        <v>17</v>
      </c>
      <c r="D41" s="18">
        <v>30</v>
      </c>
    </row>
    <row r="42" spans="1:4" ht="18" customHeight="1" x14ac:dyDescent="0.15">
      <c r="A42" s="5">
        <v>30</v>
      </c>
      <c r="B42" s="22">
        <v>2</v>
      </c>
      <c r="C42" s="14">
        <v>1</v>
      </c>
      <c r="D42" s="18">
        <v>3</v>
      </c>
    </row>
    <row r="43" spans="1:4" ht="18" customHeight="1" x14ac:dyDescent="0.15">
      <c r="A43" s="5">
        <v>31</v>
      </c>
      <c r="B43" s="22">
        <v>6</v>
      </c>
      <c r="C43" s="14">
        <v>2</v>
      </c>
      <c r="D43" s="18">
        <v>8</v>
      </c>
    </row>
    <row r="44" spans="1:4" ht="18" customHeight="1" x14ac:dyDescent="0.15">
      <c r="A44" s="5">
        <v>32</v>
      </c>
      <c r="B44" s="22">
        <v>2</v>
      </c>
      <c r="C44" s="14">
        <v>3</v>
      </c>
      <c r="D44" s="18">
        <v>5</v>
      </c>
    </row>
    <row r="45" spans="1:4" ht="18" customHeight="1" x14ac:dyDescent="0.15">
      <c r="A45" s="5">
        <v>33</v>
      </c>
      <c r="B45" s="22">
        <v>4</v>
      </c>
      <c r="C45" s="14">
        <v>0</v>
      </c>
      <c r="D45" s="18">
        <v>4</v>
      </c>
    </row>
    <row r="46" spans="1:4" ht="18" customHeight="1" x14ac:dyDescent="0.15">
      <c r="A46" s="5">
        <v>34</v>
      </c>
      <c r="B46" s="22">
        <v>2</v>
      </c>
      <c r="C46" s="14">
        <v>3</v>
      </c>
      <c r="D46" s="18">
        <v>5</v>
      </c>
    </row>
    <row r="47" spans="1:4" ht="18" customHeight="1" x14ac:dyDescent="0.15">
      <c r="A47" s="5" t="s">
        <v>15</v>
      </c>
      <c r="B47" s="22">
        <v>16</v>
      </c>
      <c r="C47" s="14">
        <v>9</v>
      </c>
      <c r="D47" s="18">
        <v>25</v>
      </c>
    </row>
    <row r="48" spans="1:4" ht="18" customHeight="1" x14ac:dyDescent="0.15">
      <c r="A48" s="5">
        <v>35</v>
      </c>
      <c r="B48" s="22">
        <v>4</v>
      </c>
      <c r="C48" s="14">
        <v>2</v>
      </c>
      <c r="D48" s="18">
        <v>6</v>
      </c>
    </row>
    <row r="49" spans="1:4" ht="18" customHeight="1" x14ac:dyDescent="0.15">
      <c r="A49" s="5">
        <v>36</v>
      </c>
      <c r="B49" s="22">
        <v>1</v>
      </c>
      <c r="C49" s="14">
        <v>4</v>
      </c>
      <c r="D49" s="18">
        <v>5</v>
      </c>
    </row>
    <row r="50" spans="1:4" ht="18" customHeight="1" x14ac:dyDescent="0.15">
      <c r="A50" s="5">
        <v>37</v>
      </c>
      <c r="B50" s="22">
        <v>3</v>
      </c>
      <c r="C50" s="14">
        <v>4</v>
      </c>
      <c r="D50" s="18">
        <v>7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7</v>
      </c>
      <c r="C52" s="14">
        <v>2</v>
      </c>
      <c r="D52" s="18">
        <v>9</v>
      </c>
    </row>
    <row r="53" spans="1:4" ht="18" customHeight="1" x14ac:dyDescent="0.15">
      <c r="A53" s="5" t="s">
        <v>18</v>
      </c>
      <c r="B53" s="22">
        <v>17</v>
      </c>
      <c r="C53" s="14">
        <v>12</v>
      </c>
      <c r="D53" s="18">
        <v>29</v>
      </c>
    </row>
    <row r="54" spans="1:4" ht="18" customHeight="1" x14ac:dyDescent="0.15">
      <c r="A54" s="5">
        <v>40</v>
      </c>
      <c r="B54" s="22">
        <v>3</v>
      </c>
      <c r="C54" s="14">
        <v>1</v>
      </c>
      <c r="D54" s="18">
        <v>4</v>
      </c>
    </row>
    <row r="55" spans="1:4" ht="18" customHeight="1" x14ac:dyDescent="0.15">
      <c r="A55" s="5">
        <v>41</v>
      </c>
      <c r="B55" s="22">
        <v>6</v>
      </c>
      <c r="C55" s="14">
        <v>7</v>
      </c>
      <c r="D55" s="18">
        <v>13</v>
      </c>
    </row>
    <row r="56" spans="1:4" ht="18" customHeight="1" x14ac:dyDescent="0.15">
      <c r="A56" s="5">
        <v>42</v>
      </c>
      <c r="B56" s="22">
        <v>4</v>
      </c>
      <c r="C56" s="14">
        <v>9</v>
      </c>
      <c r="D56" s="18">
        <v>13</v>
      </c>
    </row>
    <row r="57" spans="1:4" ht="18" customHeight="1" x14ac:dyDescent="0.15">
      <c r="A57" s="5">
        <v>43</v>
      </c>
      <c r="B57" s="22">
        <v>7</v>
      </c>
      <c r="C57" s="14">
        <v>6</v>
      </c>
      <c r="D57" s="18">
        <v>13</v>
      </c>
    </row>
    <row r="58" spans="1:4" ht="18" customHeight="1" x14ac:dyDescent="0.15">
      <c r="A58" s="5">
        <v>44</v>
      </c>
      <c r="B58" s="22">
        <v>2</v>
      </c>
      <c r="C58" s="14">
        <v>6</v>
      </c>
      <c r="D58" s="18">
        <v>8</v>
      </c>
    </row>
    <row r="59" spans="1:4" ht="18" customHeight="1" x14ac:dyDescent="0.15">
      <c r="A59" s="5" t="s">
        <v>21</v>
      </c>
      <c r="B59" s="22">
        <v>22</v>
      </c>
      <c r="C59" s="14">
        <v>29</v>
      </c>
      <c r="D59" s="18">
        <v>51</v>
      </c>
    </row>
    <row r="60" spans="1:4" ht="18" customHeight="1" x14ac:dyDescent="0.15">
      <c r="A60" s="5">
        <v>45</v>
      </c>
      <c r="B60" s="22">
        <v>7</v>
      </c>
      <c r="C60" s="14">
        <v>9</v>
      </c>
      <c r="D60" s="18">
        <v>16</v>
      </c>
    </row>
    <row r="61" spans="1:4" ht="18" customHeight="1" x14ac:dyDescent="0.15">
      <c r="A61" s="5">
        <v>46</v>
      </c>
      <c r="B61" s="22">
        <v>6</v>
      </c>
      <c r="C61" s="14">
        <v>5</v>
      </c>
      <c r="D61" s="18">
        <v>11</v>
      </c>
    </row>
    <row r="62" spans="1:4" ht="18" customHeight="1" x14ac:dyDescent="0.15">
      <c r="A62" s="5">
        <v>47</v>
      </c>
      <c r="B62" s="22">
        <v>7</v>
      </c>
      <c r="C62" s="14">
        <v>13</v>
      </c>
      <c r="D62" s="18">
        <v>20</v>
      </c>
    </row>
    <row r="63" spans="1:4" ht="18" customHeight="1" x14ac:dyDescent="0.15">
      <c r="A63" s="5">
        <v>48</v>
      </c>
      <c r="B63" s="22">
        <v>6</v>
      </c>
      <c r="C63" s="14">
        <v>6</v>
      </c>
      <c r="D63" s="18">
        <v>12</v>
      </c>
    </row>
    <row r="64" spans="1:4" ht="18" customHeight="1" x14ac:dyDescent="0.15">
      <c r="A64" s="5">
        <v>49</v>
      </c>
      <c r="B64" s="22">
        <v>5</v>
      </c>
      <c r="C64" s="14">
        <v>4</v>
      </c>
      <c r="D64" s="18">
        <v>9</v>
      </c>
    </row>
    <row r="65" spans="1:4" ht="18" customHeight="1" x14ac:dyDescent="0.15">
      <c r="A65" s="5" t="s">
        <v>17</v>
      </c>
      <c r="B65" s="22">
        <v>31</v>
      </c>
      <c r="C65" s="14">
        <v>37</v>
      </c>
      <c r="D65" s="18">
        <v>68</v>
      </c>
    </row>
    <row r="66" spans="1:4" ht="18" customHeight="1" x14ac:dyDescent="0.15">
      <c r="A66" s="5">
        <v>50</v>
      </c>
      <c r="B66" s="22">
        <v>11</v>
      </c>
      <c r="C66" s="14">
        <v>9</v>
      </c>
      <c r="D66" s="18">
        <v>20</v>
      </c>
    </row>
    <row r="67" spans="1:4" ht="18" customHeight="1" x14ac:dyDescent="0.15">
      <c r="A67" s="5">
        <v>51</v>
      </c>
      <c r="B67" s="22">
        <v>6</v>
      </c>
      <c r="C67" s="14">
        <v>5</v>
      </c>
      <c r="D67" s="18">
        <v>11</v>
      </c>
    </row>
    <row r="68" spans="1:4" ht="18" customHeight="1" x14ac:dyDescent="0.15">
      <c r="A68" s="5">
        <v>52</v>
      </c>
      <c r="B68" s="22">
        <v>9</v>
      </c>
      <c r="C68" s="14">
        <v>9</v>
      </c>
      <c r="D68" s="18">
        <v>18</v>
      </c>
    </row>
    <row r="69" spans="1:4" ht="18" customHeight="1" x14ac:dyDescent="0.15">
      <c r="A69" s="5">
        <v>53</v>
      </c>
      <c r="B69" s="22">
        <v>16</v>
      </c>
      <c r="C69" s="14">
        <v>14</v>
      </c>
      <c r="D69" s="18">
        <v>30</v>
      </c>
    </row>
    <row r="70" spans="1:4" ht="18" customHeight="1" x14ac:dyDescent="0.15">
      <c r="A70" s="5">
        <v>54</v>
      </c>
      <c r="B70" s="22">
        <v>5</v>
      </c>
      <c r="C70" s="14">
        <v>8</v>
      </c>
      <c r="D70" s="18">
        <v>13</v>
      </c>
    </row>
    <row r="71" spans="1:4" ht="18" customHeight="1" x14ac:dyDescent="0.15">
      <c r="A71" s="5" t="s">
        <v>22</v>
      </c>
      <c r="B71" s="22">
        <v>47</v>
      </c>
      <c r="C71" s="14">
        <v>45</v>
      </c>
      <c r="D71" s="18">
        <v>92</v>
      </c>
    </row>
    <row r="72" spans="1:4" ht="18" customHeight="1" x14ac:dyDescent="0.15">
      <c r="A72" s="5">
        <v>55</v>
      </c>
      <c r="B72" s="22">
        <v>5</v>
      </c>
      <c r="C72" s="14">
        <v>7</v>
      </c>
      <c r="D72" s="18">
        <v>12</v>
      </c>
    </row>
    <row r="73" spans="1:4" ht="18" customHeight="1" x14ac:dyDescent="0.15">
      <c r="A73" s="5">
        <v>56</v>
      </c>
      <c r="B73" s="22">
        <v>9</v>
      </c>
      <c r="C73" s="14">
        <v>4</v>
      </c>
      <c r="D73" s="18">
        <v>13</v>
      </c>
    </row>
    <row r="74" spans="1:4" ht="18" customHeight="1" x14ac:dyDescent="0.15">
      <c r="A74" s="5">
        <v>57</v>
      </c>
      <c r="B74" s="22">
        <v>9</v>
      </c>
      <c r="C74" s="14">
        <v>4</v>
      </c>
      <c r="D74" s="18">
        <v>13</v>
      </c>
    </row>
    <row r="75" spans="1:4" ht="18" customHeight="1" x14ac:dyDescent="0.15">
      <c r="A75" s="5">
        <v>58</v>
      </c>
      <c r="B75" s="22">
        <v>2</v>
      </c>
      <c r="C75" s="14">
        <v>5</v>
      </c>
      <c r="D75" s="18">
        <v>7</v>
      </c>
    </row>
    <row r="76" spans="1:4" ht="18" customHeight="1" x14ac:dyDescent="0.15">
      <c r="A76" s="5">
        <v>59</v>
      </c>
      <c r="B76" s="22">
        <v>2</v>
      </c>
      <c r="C76" s="14">
        <v>7</v>
      </c>
      <c r="D76" s="18">
        <v>9</v>
      </c>
    </row>
    <row r="77" spans="1:4" ht="18" customHeight="1" x14ac:dyDescent="0.15">
      <c r="A77" s="5" t="s">
        <v>27</v>
      </c>
      <c r="B77" s="22">
        <v>27</v>
      </c>
      <c r="C77" s="14">
        <v>27</v>
      </c>
      <c r="D77" s="18">
        <v>54</v>
      </c>
    </row>
    <row r="78" spans="1:4" ht="18" customHeight="1" x14ac:dyDescent="0.15">
      <c r="A78" s="5">
        <v>60</v>
      </c>
      <c r="B78" s="22">
        <v>8</v>
      </c>
      <c r="C78" s="14">
        <v>5</v>
      </c>
      <c r="D78" s="18">
        <v>13</v>
      </c>
    </row>
    <row r="79" spans="1:4" ht="18" customHeight="1" x14ac:dyDescent="0.15">
      <c r="A79" s="5">
        <v>61</v>
      </c>
      <c r="B79" s="22">
        <v>3</v>
      </c>
      <c r="C79" s="14">
        <v>8</v>
      </c>
      <c r="D79" s="18">
        <v>11</v>
      </c>
    </row>
    <row r="80" spans="1:4" ht="18" customHeight="1" x14ac:dyDescent="0.15">
      <c r="A80" s="5">
        <v>62</v>
      </c>
      <c r="B80" s="22">
        <v>4</v>
      </c>
      <c r="C80" s="14">
        <v>5</v>
      </c>
      <c r="D80" s="18">
        <v>9</v>
      </c>
    </row>
    <row r="81" spans="1:4" ht="18" customHeight="1" x14ac:dyDescent="0.15">
      <c r="A81" s="5">
        <v>63</v>
      </c>
      <c r="B81" s="22">
        <v>7</v>
      </c>
      <c r="C81" s="14">
        <v>9</v>
      </c>
      <c r="D81" s="18">
        <v>16</v>
      </c>
    </row>
    <row r="82" spans="1:4" ht="18" customHeight="1" x14ac:dyDescent="0.15">
      <c r="A82" s="5">
        <v>64</v>
      </c>
      <c r="B82" s="22">
        <v>7</v>
      </c>
      <c r="C82" s="14">
        <v>7</v>
      </c>
      <c r="D82" s="18">
        <v>14</v>
      </c>
    </row>
    <row r="83" spans="1:4" ht="18" customHeight="1" x14ac:dyDescent="0.15">
      <c r="A83" s="5" t="s">
        <v>28</v>
      </c>
      <c r="B83" s="22">
        <v>29</v>
      </c>
      <c r="C83" s="14">
        <v>34</v>
      </c>
      <c r="D83" s="18">
        <v>63</v>
      </c>
    </row>
    <row r="84" spans="1:4" ht="18" customHeight="1" x14ac:dyDescent="0.15">
      <c r="A84" s="5" t="s">
        <v>31</v>
      </c>
      <c r="B84" s="22">
        <v>241</v>
      </c>
      <c r="C84" s="14">
        <v>248</v>
      </c>
      <c r="D84" s="18">
        <v>489</v>
      </c>
    </row>
    <row r="85" spans="1:4" ht="18" customHeight="1" x14ac:dyDescent="0.15">
      <c r="A85" s="5">
        <v>65</v>
      </c>
      <c r="B85" s="22">
        <v>9</v>
      </c>
      <c r="C85" s="14">
        <v>13</v>
      </c>
      <c r="D85" s="18">
        <v>22</v>
      </c>
    </row>
    <row r="86" spans="1:4" ht="18" customHeight="1" x14ac:dyDescent="0.15">
      <c r="A86" s="5">
        <v>66</v>
      </c>
      <c r="B86" s="22">
        <v>5</v>
      </c>
      <c r="C86" s="14">
        <v>6</v>
      </c>
      <c r="D86" s="18">
        <v>11</v>
      </c>
    </row>
    <row r="87" spans="1:4" ht="18" customHeight="1" x14ac:dyDescent="0.15">
      <c r="A87" s="5">
        <v>67</v>
      </c>
      <c r="B87" s="22">
        <v>7</v>
      </c>
      <c r="C87" s="14">
        <v>5</v>
      </c>
      <c r="D87" s="18">
        <v>12</v>
      </c>
    </row>
    <row r="88" spans="1:4" ht="18" customHeight="1" x14ac:dyDescent="0.15">
      <c r="A88" s="5">
        <v>68</v>
      </c>
      <c r="B88" s="22">
        <v>5</v>
      </c>
      <c r="C88" s="14">
        <v>6</v>
      </c>
      <c r="D88" s="18">
        <v>11</v>
      </c>
    </row>
    <row r="89" spans="1:4" ht="18" customHeight="1" x14ac:dyDescent="0.15">
      <c r="A89" s="5">
        <v>69</v>
      </c>
      <c r="B89" s="22">
        <v>6</v>
      </c>
      <c r="C89" s="14">
        <v>5</v>
      </c>
      <c r="D89" s="18">
        <v>11</v>
      </c>
    </row>
    <row r="90" spans="1:4" ht="18" customHeight="1" x14ac:dyDescent="0.15">
      <c r="A90" s="5" t="s">
        <v>20</v>
      </c>
      <c r="B90" s="22">
        <v>32</v>
      </c>
      <c r="C90" s="14">
        <v>35</v>
      </c>
      <c r="D90" s="18">
        <v>67</v>
      </c>
    </row>
    <row r="91" spans="1:4" ht="18" customHeight="1" x14ac:dyDescent="0.15">
      <c r="A91" s="5">
        <v>70</v>
      </c>
      <c r="B91" s="22">
        <v>6</v>
      </c>
      <c r="C91" s="14">
        <v>8</v>
      </c>
      <c r="D91" s="18">
        <v>14</v>
      </c>
    </row>
    <row r="92" spans="1:4" ht="18" customHeight="1" x14ac:dyDescent="0.15">
      <c r="A92" s="5">
        <v>71</v>
      </c>
      <c r="B92" s="22">
        <v>7</v>
      </c>
      <c r="C92" s="14">
        <v>6</v>
      </c>
      <c r="D92" s="18">
        <v>13</v>
      </c>
    </row>
    <row r="93" spans="1:4" ht="18" customHeight="1" x14ac:dyDescent="0.15">
      <c r="A93" s="5">
        <v>72</v>
      </c>
      <c r="B93" s="22">
        <v>5</v>
      </c>
      <c r="C93" s="14">
        <v>12</v>
      </c>
      <c r="D93" s="18">
        <v>17</v>
      </c>
    </row>
    <row r="94" spans="1:4" ht="18" customHeight="1" x14ac:dyDescent="0.15">
      <c r="A94" s="5">
        <v>73</v>
      </c>
      <c r="B94" s="22">
        <v>7</v>
      </c>
      <c r="C94" s="14">
        <v>8</v>
      </c>
      <c r="D94" s="18">
        <v>15</v>
      </c>
    </row>
    <row r="95" spans="1:4" ht="18" customHeight="1" x14ac:dyDescent="0.15">
      <c r="A95" s="5">
        <v>74</v>
      </c>
      <c r="B95" s="22">
        <v>8</v>
      </c>
      <c r="C95" s="14">
        <v>7</v>
      </c>
      <c r="D95" s="18">
        <v>15</v>
      </c>
    </row>
    <row r="96" spans="1:4" ht="18" customHeight="1" x14ac:dyDescent="0.15">
      <c r="A96" s="5" t="s">
        <v>33</v>
      </c>
      <c r="B96" s="22">
        <v>33</v>
      </c>
      <c r="C96" s="14">
        <v>41</v>
      </c>
      <c r="D96" s="18">
        <v>74</v>
      </c>
    </row>
    <row r="97" spans="1:4" ht="18" customHeight="1" x14ac:dyDescent="0.15">
      <c r="A97" s="5">
        <v>75</v>
      </c>
      <c r="B97" s="22">
        <v>15</v>
      </c>
      <c r="C97" s="14">
        <v>12</v>
      </c>
      <c r="D97" s="18">
        <v>27</v>
      </c>
    </row>
    <row r="98" spans="1:4" ht="18" customHeight="1" x14ac:dyDescent="0.15">
      <c r="A98" s="5">
        <v>76</v>
      </c>
      <c r="B98" s="22">
        <v>10</v>
      </c>
      <c r="C98" s="14">
        <v>12</v>
      </c>
      <c r="D98" s="18">
        <v>22</v>
      </c>
    </row>
    <row r="99" spans="1:4" ht="18" customHeight="1" x14ac:dyDescent="0.15">
      <c r="A99" s="5">
        <v>77</v>
      </c>
      <c r="B99" s="22">
        <v>13</v>
      </c>
      <c r="C99" s="14">
        <v>12</v>
      </c>
      <c r="D99" s="18">
        <v>25</v>
      </c>
    </row>
    <row r="100" spans="1:4" ht="18" customHeight="1" x14ac:dyDescent="0.15">
      <c r="A100" s="5">
        <v>78</v>
      </c>
      <c r="B100" s="22">
        <v>8</v>
      </c>
      <c r="C100" s="14">
        <v>17</v>
      </c>
      <c r="D100" s="18">
        <v>25</v>
      </c>
    </row>
    <row r="101" spans="1:4" ht="18" customHeight="1" x14ac:dyDescent="0.15">
      <c r="A101" s="5">
        <v>79</v>
      </c>
      <c r="B101" s="22">
        <v>4</v>
      </c>
      <c r="C101" s="14">
        <v>9</v>
      </c>
      <c r="D101" s="18">
        <v>13</v>
      </c>
    </row>
    <row r="102" spans="1:4" ht="18" customHeight="1" x14ac:dyDescent="0.15">
      <c r="A102" s="5" t="s">
        <v>0</v>
      </c>
      <c r="B102" s="22">
        <v>50</v>
      </c>
      <c r="C102" s="14">
        <v>62</v>
      </c>
      <c r="D102" s="18">
        <v>112</v>
      </c>
    </row>
    <row r="103" spans="1:4" ht="18" customHeight="1" x14ac:dyDescent="0.15">
      <c r="A103" s="5">
        <v>80</v>
      </c>
      <c r="B103" s="22">
        <v>5</v>
      </c>
      <c r="C103" s="14">
        <v>3</v>
      </c>
      <c r="D103" s="18">
        <v>8</v>
      </c>
    </row>
    <row r="104" spans="1:4" ht="18" customHeight="1" x14ac:dyDescent="0.15">
      <c r="A104" s="5">
        <v>81</v>
      </c>
      <c r="B104" s="22">
        <v>9</v>
      </c>
      <c r="C104" s="14">
        <v>3</v>
      </c>
      <c r="D104" s="18">
        <v>12</v>
      </c>
    </row>
    <row r="105" spans="1:4" ht="18" customHeight="1" x14ac:dyDescent="0.15">
      <c r="A105" s="5">
        <v>82</v>
      </c>
      <c r="B105" s="22">
        <v>5</v>
      </c>
      <c r="C105" s="14">
        <v>6</v>
      </c>
      <c r="D105" s="18">
        <v>11</v>
      </c>
    </row>
    <row r="106" spans="1:4" ht="18" customHeight="1" x14ac:dyDescent="0.15">
      <c r="A106" s="5">
        <v>83</v>
      </c>
      <c r="B106" s="22">
        <v>11</v>
      </c>
      <c r="C106" s="14">
        <v>1</v>
      </c>
      <c r="D106" s="18">
        <v>12</v>
      </c>
    </row>
    <row r="107" spans="1:4" ht="18" customHeight="1" x14ac:dyDescent="0.15">
      <c r="A107" s="5">
        <v>84</v>
      </c>
      <c r="B107" s="22">
        <v>3</v>
      </c>
      <c r="C107" s="14">
        <v>7</v>
      </c>
      <c r="D107" s="18">
        <v>10</v>
      </c>
    </row>
    <row r="108" spans="1:4" ht="18" customHeight="1" x14ac:dyDescent="0.15">
      <c r="A108" s="5" t="s">
        <v>35</v>
      </c>
      <c r="B108" s="22">
        <v>33</v>
      </c>
      <c r="C108" s="14">
        <v>20</v>
      </c>
      <c r="D108" s="18">
        <v>53</v>
      </c>
    </row>
    <row r="109" spans="1:4" ht="18" customHeight="1" x14ac:dyDescent="0.15">
      <c r="A109" s="5">
        <v>85</v>
      </c>
      <c r="B109" s="22">
        <v>4</v>
      </c>
      <c r="C109" s="14">
        <v>6</v>
      </c>
      <c r="D109" s="18">
        <v>10</v>
      </c>
    </row>
    <row r="110" spans="1:4" ht="18" customHeight="1" x14ac:dyDescent="0.15">
      <c r="A110" s="5">
        <v>86</v>
      </c>
      <c r="B110" s="22">
        <v>1</v>
      </c>
      <c r="C110" s="14">
        <v>7</v>
      </c>
      <c r="D110" s="18">
        <v>8</v>
      </c>
    </row>
    <row r="111" spans="1:4" ht="18" customHeight="1" x14ac:dyDescent="0.15">
      <c r="A111" s="5">
        <v>87</v>
      </c>
      <c r="B111" s="22">
        <v>1</v>
      </c>
      <c r="C111" s="14">
        <v>5</v>
      </c>
      <c r="D111" s="18">
        <v>6</v>
      </c>
    </row>
    <row r="112" spans="1:4" ht="18" customHeight="1" x14ac:dyDescent="0.15">
      <c r="A112" s="5">
        <v>88</v>
      </c>
      <c r="B112" s="22">
        <v>2</v>
      </c>
      <c r="C112" s="14">
        <v>4</v>
      </c>
      <c r="D112" s="18">
        <v>6</v>
      </c>
    </row>
    <row r="113" spans="1:4" ht="18" customHeight="1" x14ac:dyDescent="0.15">
      <c r="A113" s="5">
        <v>89</v>
      </c>
      <c r="B113" s="22">
        <v>2</v>
      </c>
      <c r="C113" s="14">
        <v>4</v>
      </c>
      <c r="D113" s="18">
        <v>6</v>
      </c>
    </row>
    <row r="114" spans="1:4" ht="18" customHeight="1" x14ac:dyDescent="0.15">
      <c r="A114" s="5" t="s">
        <v>37</v>
      </c>
      <c r="B114" s="22">
        <v>10</v>
      </c>
      <c r="C114" s="14">
        <v>26</v>
      </c>
      <c r="D114" s="18">
        <v>36</v>
      </c>
    </row>
    <row r="115" spans="1:4" ht="18" customHeight="1" x14ac:dyDescent="0.15">
      <c r="A115" s="5">
        <v>90</v>
      </c>
      <c r="B115" s="22">
        <v>2</v>
      </c>
      <c r="C115" s="14">
        <v>5</v>
      </c>
      <c r="D115" s="18">
        <v>7</v>
      </c>
    </row>
    <row r="116" spans="1:4" ht="18" customHeight="1" x14ac:dyDescent="0.15">
      <c r="A116" s="5">
        <v>91</v>
      </c>
      <c r="B116" s="22">
        <v>2</v>
      </c>
      <c r="C116" s="14">
        <v>6</v>
      </c>
      <c r="D116" s="18">
        <v>8</v>
      </c>
    </row>
    <row r="117" spans="1:4" ht="18" customHeight="1" x14ac:dyDescent="0.15">
      <c r="A117" s="5">
        <v>92</v>
      </c>
      <c r="B117" s="22">
        <v>1</v>
      </c>
      <c r="C117" s="14">
        <v>3</v>
      </c>
      <c r="D117" s="18">
        <v>4</v>
      </c>
    </row>
    <row r="118" spans="1:4" ht="18" customHeight="1" x14ac:dyDescent="0.15">
      <c r="A118" s="5">
        <v>93</v>
      </c>
      <c r="B118" s="22">
        <v>2</v>
      </c>
      <c r="C118" s="14">
        <v>2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3</v>
      </c>
      <c r="D119" s="18">
        <v>3</v>
      </c>
    </row>
    <row r="120" spans="1:4" ht="18" customHeight="1" x14ac:dyDescent="0.15">
      <c r="A120" s="5" t="s">
        <v>39</v>
      </c>
      <c r="B120" s="22">
        <v>7</v>
      </c>
      <c r="C120" s="14">
        <v>19</v>
      </c>
      <c r="D120" s="18">
        <v>26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1</v>
      </c>
      <c r="C122" s="14">
        <v>1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2</v>
      </c>
      <c r="C126" s="14">
        <v>4</v>
      </c>
      <c r="D126" s="18">
        <v>6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167</v>
      </c>
      <c r="C130" s="14">
        <v>208</v>
      </c>
      <c r="D130" s="18">
        <v>375</v>
      </c>
    </row>
    <row r="131" spans="1:4" ht="18" customHeight="1" x14ac:dyDescent="0.15">
      <c r="A131" s="7" t="s">
        <v>45</v>
      </c>
      <c r="B131" s="23">
        <v>444</v>
      </c>
      <c r="C131" s="15">
        <v>494</v>
      </c>
      <c r="D131" s="19">
        <v>93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5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</v>
      </c>
      <c r="C5" s="13">
        <v>5</v>
      </c>
      <c r="D5" s="17">
        <v>6</v>
      </c>
    </row>
    <row r="6" spans="1:4" ht="18" customHeight="1" x14ac:dyDescent="0.15">
      <c r="A6" s="5">
        <v>1</v>
      </c>
      <c r="B6" s="22">
        <v>4</v>
      </c>
      <c r="C6" s="14">
        <v>4</v>
      </c>
      <c r="D6" s="18">
        <v>8</v>
      </c>
    </row>
    <row r="7" spans="1:4" ht="18" customHeight="1" x14ac:dyDescent="0.15">
      <c r="A7" s="5">
        <v>2</v>
      </c>
      <c r="B7" s="22">
        <v>7</v>
      </c>
      <c r="C7" s="14">
        <v>9</v>
      </c>
      <c r="D7" s="18">
        <v>16</v>
      </c>
    </row>
    <row r="8" spans="1:4" ht="18" customHeight="1" x14ac:dyDescent="0.15">
      <c r="A8" s="5">
        <v>3</v>
      </c>
      <c r="B8" s="22">
        <v>5</v>
      </c>
      <c r="C8" s="14">
        <v>4</v>
      </c>
      <c r="D8" s="18">
        <v>9</v>
      </c>
    </row>
    <row r="9" spans="1:4" ht="18" customHeight="1" x14ac:dyDescent="0.15">
      <c r="A9" s="5">
        <v>4</v>
      </c>
      <c r="B9" s="22">
        <v>5</v>
      </c>
      <c r="C9" s="14">
        <v>11</v>
      </c>
      <c r="D9" s="18">
        <v>16</v>
      </c>
    </row>
    <row r="10" spans="1:4" ht="18" customHeight="1" x14ac:dyDescent="0.15">
      <c r="A10" s="5" t="s">
        <v>7</v>
      </c>
      <c r="B10" s="22">
        <v>22</v>
      </c>
      <c r="C10" s="14">
        <v>33</v>
      </c>
      <c r="D10" s="18">
        <v>55</v>
      </c>
    </row>
    <row r="11" spans="1:4" ht="18" customHeight="1" x14ac:dyDescent="0.15">
      <c r="A11" s="5">
        <v>5</v>
      </c>
      <c r="B11" s="22">
        <v>12</v>
      </c>
      <c r="C11" s="14">
        <v>8</v>
      </c>
      <c r="D11" s="18">
        <v>20</v>
      </c>
    </row>
    <row r="12" spans="1:4" ht="18" customHeight="1" x14ac:dyDescent="0.15">
      <c r="A12" s="5">
        <v>6</v>
      </c>
      <c r="B12" s="22">
        <v>7</v>
      </c>
      <c r="C12" s="14">
        <v>4</v>
      </c>
      <c r="D12" s="18">
        <v>11</v>
      </c>
    </row>
    <row r="13" spans="1:4" ht="18" customHeight="1" x14ac:dyDescent="0.15">
      <c r="A13" s="5">
        <v>7</v>
      </c>
      <c r="B13" s="22">
        <v>9</v>
      </c>
      <c r="C13" s="14">
        <v>7</v>
      </c>
      <c r="D13" s="18">
        <v>16</v>
      </c>
    </row>
    <row r="14" spans="1:4" ht="18" customHeight="1" x14ac:dyDescent="0.15">
      <c r="A14" s="5">
        <v>8</v>
      </c>
      <c r="B14" s="22">
        <v>11</v>
      </c>
      <c r="C14" s="14">
        <v>8</v>
      </c>
      <c r="D14" s="18">
        <v>19</v>
      </c>
    </row>
    <row r="15" spans="1:4" ht="18" customHeight="1" x14ac:dyDescent="0.15">
      <c r="A15" s="5">
        <v>9</v>
      </c>
      <c r="B15" s="22">
        <v>7</v>
      </c>
      <c r="C15" s="14">
        <v>16</v>
      </c>
      <c r="D15" s="18">
        <v>23</v>
      </c>
    </row>
    <row r="16" spans="1:4" ht="18" customHeight="1" x14ac:dyDescent="0.15">
      <c r="A16" s="5" t="s">
        <v>11</v>
      </c>
      <c r="B16" s="22">
        <v>46</v>
      </c>
      <c r="C16" s="14">
        <v>43</v>
      </c>
      <c r="D16" s="18">
        <v>89</v>
      </c>
    </row>
    <row r="17" spans="1:4" ht="18" customHeight="1" x14ac:dyDescent="0.15">
      <c r="A17" s="5">
        <v>10</v>
      </c>
      <c r="B17" s="22">
        <v>10</v>
      </c>
      <c r="C17" s="14">
        <v>7</v>
      </c>
      <c r="D17" s="18">
        <v>17</v>
      </c>
    </row>
    <row r="18" spans="1:4" ht="18" customHeight="1" x14ac:dyDescent="0.15">
      <c r="A18" s="5">
        <v>11</v>
      </c>
      <c r="B18" s="22">
        <v>14</v>
      </c>
      <c r="C18" s="14">
        <v>8</v>
      </c>
      <c r="D18" s="18">
        <v>22</v>
      </c>
    </row>
    <row r="19" spans="1:4" ht="18" customHeight="1" x14ac:dyDescent="0.15">
      <c r="A19" s="5">
        <v>12</v>
      </c>
      <c r="B19" s="22">
        <v>18</v>
      </c>
      <c r="C19" s="14">
        <v>8</v>
      </c>
      <c r="D19" s="18">
        <v>26</v>
      </c>
    </row>
    <row r="20" spans="1:4" ht="18" customHeight="1" x14ac:dyDescent="0.15">
      <c r="A20" s="5">
        <v>13</v>
      </c>
      <c r="B20" s="22">
        <v>10</v>
      </c>
      <c r="C20" s="14">
        <v>10</v>
      </c>
      <c r="D20" s="18">
        <v>20</v>
      </c>
    </row>
    <row r="21" spans="1:4" ht="18" customHeight="1" x14ac:dyDescent="0.15">
      <c r="A21" s="5">
        <v>14</v>
      </c>
      <c r="B21" s="22">
        <v>13</v>
      </c>
      <c r="C21" s="14">
        <v>8</v>
      </c>
      <c r="D21" s="18">
        <v>21</v>
      </c>
    </row>
    <row r="22" spans="1:4" ht="18" customHeight="1" x14ac:dyDescent="0.15">
      <c r="A22" s="5" t="s">
        <v>12</v>
      </c>
      <c r="B22" s="22">
        <v>65</v>
      </c>
      <c r="C22" s="14">
        <v>41</v>
      </c>
      <c r="D22" s="18">
        <v>106</v>
      </c>
    </row>
    <row r="23" spans="1:4" ht="18" customHeight="1" x14ac:dyDescent="0.15">
      <c r="A23" s="5" t="s">
        <v>6</v>
      </c>
      <c r="B23" s="22">
        <v>133</v>
      </c>
      <c r="C23" s="14">
        <v>117</v>
      </c>
      <c r="D23" s="18">
        <v>250</v>
      </c>
    </row>
    <row r="24" spans="1:4" ht="18" customHeight="1" x14ac:dyDescent="0.15">
      <c r="A24" s="5">
        <v>15</v>
      </c>
      <c r="B24" s="22">
        <v>11</v>
      </c>
      <c r="C24" s="14">
        <v>11</v>
      </c>
      <c r="D24" s="18">
        <v>22</v>
      </c>
    </row>
    <row r="25" spans="1:4" ht="18" customHeight="1" x14ac:dyDescent="0.15">
      <c r="A25" s="5">
        <v>16</v>
      </c>
      <c r="B25" s="22">
        <v>18</v>
      </c>
      <c r="C25" s="14">
        <v>11</v>
      </c>
      <c r="D25" s="18">
        <v>29</v>
      </c>
    </row>
    <row r="26" spans="1:4" ht="18" customHeight="1" x14ac:dyDescent="0.15">
      <c r="A26" s="5">
        <v>17</v>
      </c>
      <c r="B26" s="22">
        <v>5</v>
      </c>
      <c r="C26" s="14">
        <v>13</v>
      </c>
      <c r="D26" s="18">
        <v>18</v>
      </c>
    </row>
    <row r="27" spans="1:4" ht="18" customHeight="1" x14ac:dyDescent="0.15">
      <c r="A27" s="5">
        <v>18</v>
      </c>
      <c r="B27" s="22">
        <v>14</v>
      </c>
      <c r="C27" s="14">
        <v>13</v>
      </c>
      <c r="D27" s="18">
        <v>27</v>
      </c>
    </row>
    <row r="28" spans="1:4" ht="18" customHeight="1" x14ac:dyDescent="0.15">
      <c r="A28" s="5">
        <v>19</v>
      </c>
      <c r="B28" s="22">
        <v>12</v>
      </c>
      <c r="C28" s="14">
        <v>7</v>
      </c>
      <c r="D28" s="18">
        <v>19</v>
      </c>
    </row>
    <row r="29" spans="1:4" ht="18" customHeight="1" x14ac:dyDescent="0.15">
      <c r="A29" s="5" t="s">
        <v>14</v>
      </c>
      <c r="B29" s="22">
        <v>60</v>
      </c>
      <c r="C29" s="14">
        <v>55</v>
      </c>
      <c r="D29" s="18">
        <v>115</v>
      </c>
    </row>
    <row r="30" spans="1:4" ht="18" customHeight="1" x14ac:dyDescent="0.15">
      <c r="A30" s="5">
        <v>20</v>
      </c>
      <c r="B30" s="22">
        <v>7</v>
      </c>
      <c r="C30" s="14">
        <v>9</v>
      </c>
      <c r="D30" s="18">
        <v>16</v>
      </c>
    </row>
    <row r="31" spans="1:4" ht="18" customHeight="1" x14ac:dyDescent="0.15">
      <c r="A31" s="5">
        <v>21</v>
      </c>
      <c r="B31" s="22">
        <v>13</v>
      </c>
      <c r="C31" s="14">
        <v>8</v>
      </c>
      <c r="D31" s="18">
        <v>21</v>
      </c>
    </row>
    <row r="32" spans="1:4" ht="18" customHeight="1" x14ac:dyDescent="0.15">
      <c r="A32" s="5">
        <v>22</v>
      </c>
      <c r="B32" s="22">
        <v>10</v>
      </c>
      <c r="C32" s="14">
        <v>13</v>
      </c>
      <c r="D32" s="18">
        <v>23</v>
      </c>
    </row>
    <row r="33" spans="1:4" ht="18" customHeight="1" x14ac:dyDescent="0.15">
      <c r="A33" s="5">
        <v>23</v>
      </c>
      <c r="B33" s="22">
        <v>18</v>
      </c>
      <c r="C33" s="14">
        <v>14</v>
      </c>
      <c r="D33" s="18">
        <v>32</v>
      </c>
    </row>
    <row r="34" spans="1:4" ht="18" customHeight="1" x14ac:dyDescent="0.15">
      <c r="A34" s="5">
        <v>24</v>
      </c>
      <c r="B34" s="22">
        <v>15</v>
      </c>
      <c r="C34" s="14">
        <v>10</v>
      </c>
      <c r="D34" s="18">
        <v>25</v>
      </c>
    </row>
    <row r="35" spans="1:4" ht="18" customHeight="1" x14ac:dyDescent="0.15">
      <c r="A35" s="5" t="s">
        <v>9</v>
      </c>
      <c r="B35" s="22">
        <v>63</v>
      </c>
      <c r="C35" s="14">
        <v>54</v>
      </c>
      <c r="D35" s="18">
        <v>117</v>
      </c>
    </row>
    <row r="36" spans="1:4" ht="18" customHeight="1" x14ac:dyDescent="0.15">
      <c r="A36" s="5">
        <v>25</v>
      </c>
      <c r="B36" s="22">
        <v>12</v>
      </c>
      <c r="C36" s="14">
        <v>11</v>
      </c>
      <c r="D36" s="18">
        <v>23</v>
      </c>
    </row>
    <row r="37" spans="1:4" ht="18" customHeight="1" x14ac:dyDescent="0.15">
      <c r="A37" s="5">
        <v>26</v>
      </c>
      <c r="B37" s="22">
        <v>1</v>
      </c>
      <c r="C37" s="14">
        <v>11</v>
      </c>
      <c r="D37" s="18">
        <v>12</v>
      </c>
    </row>
    <row r="38" spans="1:4" ht="18" customHeight="1" x14ac:dyDescent="0.15">
      <c r="A38" s="5">
        <v>27</v>
      </c>
      <c r="B38" s="22">
        <v>11</v>
      </c>
      <c r="C38" s="14">
        <v>9</v>
      </c>
      <c r="D38" s="18">
        <v>20</v>
      </c>
    </row>
    <row r="39" spans="1:4" ht="18" customHeight="1" x14ac:dyDescent="0.15">
      <c r="A39" s="5">
        <v>28</v>
      </c>
      <c r="B39" s="22">
        <v>12</v>
      </c>
      <c r="C39" s="14">
        <v>9</v>
      </c>
      <c r="D39" s="18">
        <v>21</v>
      </c>
    </row>
    <row r="40" spans="1:4" ht="18" customHeight="1" x14ac:dyDescent="0.15">
      <c r="A40" s="5">
        <v>29</v>
      </c>
      <c r="B40" s="22">
        <v>10</v>
      </c>
      <c r="C40" s="14">
        <v>12</v>
      </c>
      <c r="D40" s="18">
        <v>22</v>
      </c>
    </row>
    <row r="41" spans="1:4" ht="18" customHeight="1" x14ac:dyDescent="0.15">
      <c r="A41" s="5" t="s">
        <v>2</v>
      </c>
      <c r="B41" s="22">
        <v>46</v>
      </c>
      <c r="C41" s="14">
        <v>52</v>
      </c>
      <c r="D41" s="18">
        <v>98</v>
      </c>
    </row>
    <row r="42" spans="1:4" ht="18" customHeight="1" x14ac:dyDescent="0.15">
      <c r="A42" s="5">
        <v>30</v>
      </c>
      <c r="B42" s="22">
        <v>13</v>
      </c>
      <c r="C42" s="14">
        <v>12</v>
      </c>
      <c r="D42" s="18">
        <v>25</v>
      </c>
    </row>
    <row r="43" spans="1:4" ht="18" customHeight="1" x14ac:dyDescent="0.15">
      <c r="A43" s="5">
        <v>31</v>
      </c>
      <c r="B43" s="22">
        <v>13</v>
      </c>
      <c r="C43" s="14">
        <v>8</v>
      </c>
      <c r="D43" s="18">
        <v>21</v>
      </c>
    </row>
    <row r="44" spans="1:4" ht="18" customHeight="1" x14ac:dyDescent="0.15">
      <c r="A44" s="5">
        <v>32</v>
      </c>
      <c r="B44" s="22">
        <v>10</v>
      </c>
      <c r="C44" s="14">
        <v>8</v>
      </c>
      <c r="D44" s="18">
        <v>18</v>
      </c>
    </row>
    <row r="45" spans="1:4" ht="18" customHeight="1" x14ac:dyDescent="0.15">
      <c r="A45" s="5">
        <v>33</v>
      </c>
      <c r="B45" s="22">
        <v>8</v>
      </c>
      <c r="C45" s="14">
        <v>9</v>
      </c>
      <c r="D45" s="18">
        <v>17</v>
      </c>
    </row>
    <row r="46" spans="1:4" ht="18" customHeight="1" x14ac:dyDescent="0.15">
      <c r="A46" s="5">
        <v>34</v>
      </c>
      <c r="B46" s="22">
        <v>8</v>
      </c>
      <c r="C46" s="14">
        <v>11</v>
      </c>
      <c r="D46" s="18">
        <v>19</v>
      </c>
    </row>
    <row r="47" spans="1:4" ht="18" customHeight="1" x14ac:dyDescent="0.15">
      <c r="A47" s="5" t="s">
        <v>15</v>
      </c>
      <c r="B47" s="22">
        <v>52</v>
      </c>
      <c r="C47" s="14">
        <v>48</v>
      </c>
      <c r="D47" s="18">
        <v>100</v>
      </c>
    </row>
    <row r="48" spans="1:4" ht="18" customHeight="1" x14ac:dyDescent="0.15">
      <c r="A48" s="5">
        <v>35</v>
      </c>
      <c r="B48" s="22">
        <v>12</v>
      </c>
      <c r="C48" s="14">
        <v>8</v>
      </c>
      <c r="D48" s="18">
        <v>20</v>
      </c>
    </row>
    <row r="49" spans="1:4" ht="18" customHeight="1" x14ac:dyDescent="0.15">
      <c r="A49" s="5">
        <v>36</v>
      </c>
      <c r="B49" s="22">
        <v>12</v>
      </c>
      <c r="C49" s="14">
        <v>10</v>
      </c>
      <c r="D49" s="18">
        <v>22</v>
      </c>
    </row>
    <row r="50" spans="1:4" ht="18" customHeight="1" x14ac:dyDescent="0.15">
      <c r="A50" s="5">
        <v>37</v>
      </c>
      <c r="B50" s="22">
        <v>13</v>
      </c>
      <c r="C50" s="14">
        <v>9</v>
      </c>
      <c r="D50" s="18">
        <v>22</v>
      </c>
    </row>
    <row r="51" spans="1:4" ht="18" customHeight="1" x14ac:dyDescent="0.15">
      <c r="A51" s="5">
        <v>38</v>
      </c>
      <c r="B51" s="22">
        <v>8</v>
      </c>
      <c r="C51" s="14">
        <v>13</v>
      </c>
      <c r="D51" s="18">
        <v>21</v>
      </c>
    </row>
    <row r="52" spans="1:4" ht="18" customHeight="1" x14ac:dyDescent="0.15">
      <c r="A52" s="5">
        <v>39</v>
      </c>
      <c r="B52" s="22">
        <v>8</v>
      </c>
      <c r="C52" s="14">
        <v>5</v>
      </c>
      <c r="D52" s="18">
        <v>13</v>
      </c>
    </row>
    <row r="53" spans="1:4" ht="18" customHeight="1" x14ac:dyDescent="0.15">
      <c r="A53" s="5" t="s">
        <v>18</v>
      </c>
      <c r="B53" s="22">
        <v>53</v>
      </c>
      <c r="C53" s="14">
        <v>45</v>
      </c>
      <c r="D53" s="18">
        <v>98</v>
      </c>
    </row>
    <row r="54" spans="1:4" ht="18" customHeight="1" x14ac:dyDescent="0.15">
      <c r="A54" s="5">
        <v>40</v>
      </c>
      <c r="B54" s="22">
        <v>13</v>
      </c>
      <c r="C54" s="14">
        <v>15</v>
      </c>
      <c r="D54" s="18">
        <v>28</v>
      </c>
    </row>
    <row r="55" spans="1:4" ht="18" customHeight="1" x14ac:dyDescent="0.15">
      <c r="A55" s="5">
        <v>41</v>
      </c>
      <c r="B55" s="22">
        <v>13</v>
      </c>
      <c r="C55" s="14">
        <v>12</v>
      </c>
      <c r="D55" s="18">
        <v>25</v>
      </c>
    </row>
    <row r="56" spans="1:4" ht="18" customHeight="1" x14ac:dyDescent="0.15">
      <c r="A56" s="5">
        <v>42</v>
      </c>
      <c r="B56" s="22">
        <v>18</v>
      </c>
      <c r="C56" s="14">
        <v>10</v>
      </c>
      <c r="D56" s="18">
        <v>28</v>
      </c>
    </row>
    <row r="57" spans="1:4" ht="18" customHeight="1" x14ac:dyDescent="0.15">
      <c r="A57" s="5">
        <v>43</v>
      </c>
      <c r="B57" s="22">
        <v>10</v>
      </c>
      <c r="C57" s="14">
        <v>15</v>
      </c>
      <c r="D57" s="18">
        <v>25</v>
      </c>
    </row>
    <row r="58" spans="1:4" ht="18" customHeight="1" x14ac:dyDescent="0.15">
      <c r="A58" s="5">
        <v>44</v>
      </c>
      <c r="B58" s="22">
        <v>11</v>
      </c>
      <c r="C58" s="14">
        <v>16</v>
      </c>
      <c r="D58" s="18">
        <v>27</v>
      </c>
    </row>
    <row r="59" spans="1:4" ht="18" customHeight="1" x14ac:dyDescent="0.15">
      <c r="A59" s="5" t="s">
        <v>21</v>
      </c>
      <c r="B59" s="22">
        <v>65</v>
      </c>
      <c r="C59" s="14">
        <v>68</v>
      </c>
      <c r="D59" s="18">
        <v>133</v>
      </c>
    </row>
    <row r="60" spans="1:4" ht="18" customHeight="1" x14ac:dyDescent="0.15">
      <c r="A60" s="5">
        <v>45</v>
      </c>
      <c r="B60" s="22">
        <v>15</v>
      </c>
      <c r="C60" s="14">
        <v>19</v>
      </c>
      <c r="D60" s="18">
        <v>34</v>
      </c>
    </row>
    <row r="61" spans="1:4" ht="18" customHeight="1" x14ac:dyDescent="0.15">
      <c r="A61" s="5">
        <v>46</v>
      </c>
      <c r="B61" s="22">
        <v>13</v>
      </c>
      <c r="C61" s="14">
        <v>12</v>
      </c>
      <c r="D61" s="18">
        <v>25</v>
      </c>
    </row>
    <row r="62" spans="1:4" ht="18" customHeight="1" x14ac:dyDescent="0.15">
      <c r="A62" s="5">
        <v>47</v>
      </c>
      <c r="B62" s="22">
        <v>17</v>
      </c>
      <c r="C62" s="14">
        <v>22</v>
      </c>
      <c r="D62" s="18">
        <v>39</v>
      </c>
    </row>
    <row r="63" spans="1:4" ht="18" customHeight="1" x14ac:dyDescent="0.15">
      <c r="A63" s="5">
        <v>48</v>
      </c>
      <c r="B63" s="22">
        <v>17</v>
      </c>
      <c r="C63" s="14">
        <v>16</v>
      </c>
      <c r="D63" s="18">
        <v>33</v>
      </c>
    </row>
    <row r="64" spans="1:4" ht="18" customHeight="1" x14ac:dyDescent="0.15">
      <c r="A64" s="5">
        <v>49</v>
      </c>
      <c r="B64" s="22">
        <v>17</v>
      </c>
      <c r="C64" s="14">
        <v>16</v>
      </c>
      <c r="D64" s="18">
        <v>33</v>
      </c>
    </row>
    <row r="65" spans="1:4" ht="18" customHeight="1" x14ac:dyDescent="0.15">
      <c r="A65" s="5" t="s">
        <v>17</v>
      </c>
      <c r="B65" s="22">
        <v>79</v>
      </c>
      <c r="C65" s="14">
        <v>85</v>
      </c>
      <c r="D65" s="18">
        <v>164</v>
      </c>
    </row>
    <row r="66" spans="1:4" ht="18" customHeight="1" x14ac:dyDescent="0.15">
      <c r="A66" s="5">
        <v>50</v>
      </c>
      <c r="B66" s="22">
        <v>22</v>
      </c>
      <c r="C66" s="14">
        <v>14</v>
      </c>
      <c r="D66" s="18">
        <v>36</v>
      </c>
    </row>
    <row r="67" spans="1:4" ht="18" customHeight="1" x14ac:dyDescent="0.15">
      <c r="A67" s="5">
        <v>51</v>
      </c>
      <c r="B67" s="22">
        <v>34</v>
      </c>
      <c r="C67" s="14">
        <v>18</v>
      </c>
      <c r="D67" s="18">
        <v>52</v>
      </c>
    </row>
    <row r="68" spans="1:4" ht="18" customHeight="1" x14ac:dyDescent="0.15">
      <c r="A68" s="5">
        <v>52</v>
      </c>
      <c r="B68" s="22">
        <v>24</v>
      </c>
      <c r="C68" s="14">
        <v>18</v>
      </c>
      <c r="D68" s="18">
        <v>42</v>
      </c>
    </row>
    <row r="69" spans="1:4" ht="18" customHeight="1" x14ac:dyDescent="0.15">
      <c r="A69" s="5">
        <v>53</v>
      </c>
      <c r="B69" s="22">
        <v>19</v>
      </c>
      <c r="C69" s="14">
        <v>23</v>
      </c>
      <c r="D69" s="18">
        <v>42</v>
      </c>
    </row>
    <row r="70" spans="1:4" ht="18" customHeight="1" x14ac:dyDescent="0.15">
      <c r="A70" s="5">
        <v>54</v>
      </c>
      <c r="B70" s="22">
        <v>41</v>
      </c>
      <c r="C70" s="14">
        <v>30</v>
      </c>
      <c r="D70" s="18">
        <v>71</v>
      </c>
    </row>
    <row r="71" spans="1:4" ht="18" customHeight="1" x14ac:dyDescent="0.15">
      <c r="A71" s="5" t="s">
        <v>22</v>
      </c>
      <c r="B71" s="22">
        <v>140</v>
      </c>
      <c r="C71" s="14">
        <v>103</v>
      </c>
      <c r="D71" s="18">
        <v>243</v>
      </c>
    </row>
    <row r="72" spans="1:4" ht="18" customHeight="1" x14ac:dyDescent="0.15">
      <c r="A72" s="5">
        <v>55</v>
      </c>
      <c r="B72" s="22">
        <v>21</v>
      </c>
      <c r="C72" s="14">
        <v>23</v>
      </c>
      <c r="D72" s="18">
        <v>44</v>
      </c>
    </row>
    <row r="73" spans="1:4" ht="18" customHeight="1" x14ac:dyDescent="0.15">
      <c r="A73" s="5">
        <v>56</v>
      </c>
      <c r="B73" s="22">
        <v>27</v>
      </c>
      <c r="C73" s="14">
        <v>31</v>
      </c>
      <c r="D73" s="18">
        <v>58</v>
      </c>
    </row>
    <row r="74" spans="1:4" ht="18" customHeight="1" x14ac:dyDescent="0.15">
      <c r="A74" s="5">
        <v>57</v>
      </c>
      <c r="B74" s="22">
        <v>30</v>
      </c>
      <c r="C74" s="14">
        <v>18</v>
      </c>
      <c r="D74" s="18">
        <v>48</v>
      </c>
    </row>
    <row r="75" spans="1:4" ht="18" customHeight="1" x14ac:dyDescent="0.15">
      <c r="A75" s="5">
        <v>58</v>
      </c>
      <c r="B75" s="22">
        <v>29</v>
      </c>
      <c r="C75" s="14">
        <v>24</v>
      </c>
      <c r="D75" s="18">
        <v>53</v>
      </c>
    </row>
    <row r="76" spans="1:4" ht="18" customHeight="1" x14ac:dyDescent="0.15">
      <c r="A76" s="5">
        <v>59</v>
      </c>
      <c r="B76" s="22">
        <v>14</v>
      </c>
      <c r="C76" s="14">
        <v>19</v>
      </c>
      <c r="D76" s="18">
        <v>33</v>
      </c>
    </row>
    <row r="77" spans="1:4" ht="18" customHeight="1" x14ac:dyDescent="0.15">
      <c r="A77" s="5" t="s">
        <v>27</v>
      </c>
      <c r="B77" s="22">
        <v>121</v>
      </c>
      <c r="C77" s="14">
        <v>115</v>
      </c>
      <c r="D77" s="18">
        <v>236</v>
      </c>
    </row>
    <row r="78" spans="1:4" ht="18" customHeight="1" x14ac:dyDescent="0.15">
      <c r="A78" s="5">
        <v>60</v>
      </c>
      <c r="B78" s="22">
        <v>20</v>
      </c>
      <c r="C78" s="14">
        <v>17</v>
      </c>
      <c r="D78" s="18">
        <v>37</v>
      </c>
    </row>
    <row r="79" spans="1:4" ht="18" customHeight="1" x14ac:dyDescent="0.15">
      <c r="A79" s="5">
        <v>61</v>
      </c>
      <c r="B79" s="22">
        <v>18</v>
      </c>
      <c r="C79" s="14">
        <v>21</v>
      </c>
      <c r="D79" s="18">
        <v>39</v>
      </c>
    </row>
    <row r="80" spans="1:4" ht="18" customHeight="1" x14ac:dyDescent="0.15">
      <c r="A80" s="5">
        <v>62</v>
      </c>
      <c r="B80" s="22">
        <v>16</v>
      </c>
      <c r="C80" s="14">
        <v>11</v>
      </c>
      <c r="D80" s="18">
        <v>27</v>
      </c>
    </row>
    <row r="81" spans="1:4" ht="18" customHeight="1" x14ac:dyDescent="0.15">
      <c r="A81" s="5">
        <v>63</v>
      </c>
      <c r="B81" s="22">
        <v>16</v>
      </c>
      <c r="C81" s="14">
        <v>14</v>
      </c>
      <c r="D81" s="18">
        <v>30</v>
      </c>
    </row>
    <row r="82" spans="1:4" ht="18" customHeight="1" x14ac:dyDescent="0.15">
      <c r="A82" s="5">
        <v>64</v>
      </c>
      <c r="B82" s="22">
        <v>13</v>
      </c>
      <c r="C82" s="14">
        <v>18</v>
      </c>
      <c r="D82" s="18">
        <v>31</v>
      </c>
    </row>
    <row r="83" spans="1:4" ht="18" customHeight="1" x14ac:dyDescent="0.15">
      <c r="A83" s="5" t="s">
        <v>28</v>
      </c>
      <c r="B83" s="22">
        <v>83</v>
      </c>
      <c r="C83" s="14">
        <v>81</v>
      </c>
      <c r="D83" s="18">
        <v>164</v>
      </c>
    </row>
    <row r="84" spans="1:4" ht="18" customHeight="1" x14ac:dyDescent="0.15">
      <c r="A84" s="5" t="s">
        <v>31</v>
      </c>
      <c r="B84" s="22">
        <v>762</v>
      </c>
      <c r="C84" s="14">
        <v>706</v>
      </c>
      <c r="D84" s="18">
        <v>1468</v>
      </c>
    </row>
    <row r="85" spans="1:4" ht="18" customHeight="1" x14ac:dyDescent="0.15">
      <c r="A85" s="5">
        <v>65</v>
      </c>
      <c r="B85" s="22">
        <v>13</v>
      </c>
      <c r="C85" s="14">
        <v>22</v>
      </c>
      <c r="D85" s="18">
        <v>35</v>
      </c>
    </row>
    <row r="86" spans="1:4" ht="18" customHeight="1" x14ac:dyDescent="0.15">
      <c r="A86" s="5">
        <v>66</v>
      </c>
      <c r="B86" s="22">
        <v>9</v>
      </c>
      <c r="C86" s="14">
        <v>22</v>
      </c>
      <c r="D86" s="18">
        <v>31</v>
      </c>
    </row>
    <row r="87" spans="1:4" ht="18" customHeight="1" x14ac:dyDescent="0.15">
      <c r="A87" s="5">
        <v>67</v>
      </c>
      <c r="B87" s="22">
        <v>24</v>
      </c>
      <c r="C87" s="14">
        <v>28</v>
      </c>
      <c r="D87" s="18">
        <v>52</v>
      </c>
    </row>
    <row r="88" spans="1:4" ht="18" customHeight="1" x14ac:dyDescent="0.15">
      <c r="A88" s="5">
        <v>68</v>
      </c>
      <c r="B88" s="22">
        <v>22</v>
      </c>
      <c r="C88" s="14">
        <v>15</v>
      </c>
      <c r="D88" s="18">
        <v>37</v>
      </c>
    </row>
    <row r="89" spans="1:4" ht="18" customHeight="1" x14ac:dyDescent="0.15">
      <c r="A89" s="5">
        <v>69</v>
      </c>
      <c r="B89" s="22">
        <v>19</v>
      </c>
      <c r="C89" s="14">
        <v>25</v>
      </c>
      <c r="D89" s="18">
        <v>44</v>
      </c>
    </row>
    <row r="90" spans="1:4" ht="18" customHeight="1" x14ac:dyDescent="0.15">
      <c r="A90" s="5" t="s">
        <v>20</v>
      </c>
      <c r="B90" s="22">
        <v>87</v>
      </c>
      <c r="C90" s="14">
        <v>112</v>
      </c>
      <c r="D90" s="18">
        <v>199</v>
      </c>
    </row>
    <row r="91" spans="1:4" ht="18" customHeight="1" x14ac:dyDescent="0.15">
      <c r="A91" s="5">
        <v>70</v>
      </c>
      <c r="B91" s="22">
        <v>27</v>
      </c>
      <c r="C91" s="14">
        <v>29</v>
      </c>
      <c r="D91" s="18">
        <v>56</v>
      </c>
    </row>
    <row r="92" spans="1:4" ht="18" customHeight="1" x14ac:dyDescent="0.15">
      <c r="A92" s="5">
        <v>71</v>
      </c>
      <c r="B92" s="22">
        <v>24</v>
      </c>
      <c r="C92" s="14">
        <v>33</v>
      </c>
      <c r="D92" s="18">
        <v>57</v>
      </c>
    </row>
    <row r="93" spans="1:4" ht="18" customHeight="1" x14ac:dyDescent="0.15">
      <c r="A93" s="5">
        <v>72</v>
      </c>
      <c r="B93" s="22">
        <v>25</v>
      </c>
      <c r="C93" s="14">
        <v>23</v>
      </c>
      <c r="D93" s="18">
        <v>48</v>
      </c>
    </row>
    <row r="94" spans="1:4" ht="18" customHeight="1" x14ac:dyDescent="0.15">
      <c r="A94" s="5">
        <v>73</v>
      </c>
      <c r="B94" s="22">
        <v>24</v>
      </c>
      <c r="C94" s="14">
        <v>27</v>
      </c>
      <c r="D94" s="18">
        <v>51</v>
      </c>
    </row>
    <row r="95" spans="1:4" ht="18" customHeight="1" x14ac:dyDescent="0.15">
      <c r="A95" s="5">
        <v>74</v>
      </c>
      <c r="B95" s="22">
        <v>19</v>
      </c>
      <c r="C95" s="14">
        <v>32</v>
      </c>
      <c r="D95" s="18">
        <v>51</v>
      </c>
    </row>
    <row r="96" spans="1:4" ht="18" customHeight="1" x14ac:dyDescent="0.15">
      <c r="A96" s="5" t="s">
        <v>33</v>
      </c>
      <c r="B96" s="22">
        <v>119</v>
      </c>
      <c r="C96" s="14">
        <v>144</v>
      </c>
      <c r="D96" s="18">
        <v>263</v>
      </c>
    </row>
    <row r="97" spans="1:4" ht="18" customHeight="1" x14ac:dyDescent="0.15">
      <c r="A97" s="5">
        <v>75</v>
      </c>
      <c r="B97" s="22">
        <v>33</v>
      </c>
      <c r="C97" s="14">
        <v>34</v>
      </c>
      <c r="D97" s="18">
        <v>67</v>
      </c>
    </row>
    <row r="98" spans="1:4" ht="18" customHeight="1" x14ac:dyDescent="0.15">
      <c r="A98" s="5">
        <v>76</v>
      </c>
      <c r="B98" s="22">
        <v>38</v>
      </c>
      <c r="C98" s="14">
        <v>42</v>
      </c>
      <c r="D98" s="18">
        <v>80</v>
      </c>
    </row>
    <row r="99" spans="1:4" ht="18" customHeight="1" x14ac:dyDescent="0.15">
      <c r="A99" s="5">
        <v>77</v>
      </c>
      <c r="B99" s="22">
        <v>32</v>
      </c>
      <c r="C99" s="14">
        <v>49</v>
      </c>
      <c r="D99" s="18">
        <v>81</v>
      </c>
    </row>
    <row r="100" spans="1:4" ht="18" customHeight="1" x14ac:dyDescent="0.15">
      <c r="A100" s="5">
        <v>78</v>
      </c>
      <c r="B100" s="22">
        <v>45</v>
      </c>
      <c r="C100" s="14">
        <v>65</v>
      </c>
      <c r="D100" s="18">
        <v>110</v>
      </c>
    </row>
    <row r="101" spans="1:4" ht="18" customHeight="1" x14ac:dyDescent="0.15">
      <c r="A101" s="5">
        <v>79</v>
      </c>
      <c r="B101" s="22">
        <v>28</v>
      </c>
      <c r="C101" s="14">
        <v>22</v>
      </c>
      <c r="D101" s="18">
        <v>50</v>
      </c>
    </row>
    <row r="102" spans="1:4" ht="18" customHeight="1" x14ac:dyDescent="0.15">
      <c r="A102" s="5" t="s">
        <v>0</v>
      </c>
      <c r="B102" s="22">
        <v>176</v>
      </c>
      <c r="C102" s="14">
        <v>212</v>
      </c>
      <c r="D102" s="18">
        <v>388</v>
      </c>
    </row>
    <row r="103" spans="1:4" ht="18" customHeight="1" x14ac:dyDescent="0.15">
      <c r="A103" s="5">
        <v>80</v>
      </c>
      <c r="B103" s="22">
        <v>16</v>
      </c>
      <c r="C103" s="14">
        <v>23</v>
      </c>
      <c r="D103" s="18">
        <v>39</v>
      </c>
    </row>
    <row r="104" spans="1:4" ht="18" customHeight="1" x14ac:dyDescent="0.15">
      <c r="A104" s="5">
        <v>81</v>
      </c>
      <c r="B104" s="22">
        <v>30</v>
      </c>
      <c r="C104" s="14">
        <v>33</v>
      </c>
      <c r="D104" s="18">
        <v>63</v>
      </c>
    </row>
    <row r="105" spans="1:4" ht="18" customHeight="1" x14ac:dyDescent="0.15">
      <c r="A105" s="5">
        <v>82</v>
      </c>
      <c r="B105" s="22">
        <v>32</v>
      </c>
      <c r="C105" s="14">
        <v>31</v>
      </c>
      <c r="D105" s="18">
        <v>63</v>
      </c>
    </row>
    <row r="106" spans="1:4" ht="18" customHeight="1" x14ac:dyDescent="0.15">
      <c r="A106" s="5">
        <v>83</v>
      </c>
      <c r="B106" s="22">
        <v>17</v>
      </c>
      <c r="C106" s="14">
        <v>27</v>
      </c>
      <c r="D106" s="18">
        <v>44</v>
      </c>
    </row>
    <row r="107" spans="1:4" ht="18" customHeight="1" x14ac:dyDescent="0.15">
      <c r="A107" s="5">
        <v>84</v>
      </c>
      <c r="B107" s="22">
        <v>21</v>
      </c>
      <c r="C107" s="14">
        <v>45</v>
      </c>
      <c r="D107" s="18">
        <v>66</v>
      </c>
    </row>
    <row r="108" spans="1:4" ht="18" customHeight="1" x14ac:dyDescent="0.15">
      <c r="A108" s="5" t="s">
        <v>35</v>
      </c>
      <c r="B108" s="22">
        <v>116</v>
      </c>
      <c r="C108" s="14">
        <v>159</v>
      </c>
      <c r="D108" s="18">
        <v>275</v>
      </c>
    </row>
    <row r="109" spans="1:4" ht="18" customHeight="1" x14ac:dyDescent="0.15">
      <c r="A109" s="5">
        <v>85</v>
      </c>
      <c r="B109" s="22">
        <v>22</v>
      </c>
      <c r="C109" s="14">
        <v>33</v>
      </c>
      <c r="D109" s="18">
        <v>55</v>
      </c>
    </row>
    <row r="110" spans="1:4" ht="18" customHeight="1" x14ac:dyDescent="0.15">
      <c r="A110" s="5">
        <v>86</v>
      </c>
      <c r="B110" s="22">
        <v>10</v>
      </c>
      <c r="C110" s="14">
        <v>28</v>
      </c>
      <c r="D110" s="18">
        <v>38</v>
      </c>
    </row>
    <row r="111" spans="1:4" ht="18" customHeight="1" x14ac:dyDescent="0.15">
      <c r="A111" s="5">
        <v>87</v>
      </c>
      <c r="B111" s="22">
        <v>6</v>
      </c>
      <c r="C111" s="14">
        <v>22</v>
      </c>
      <c r="D111" s="18">
        <v>28</v>
      </c>
    </row>
    <row r="112" spans="1:4" ht="18" customHeight="1" x14ac:dyDescent="0.15">
      <c r="A112" s="5">
        <v>88</v>
      </c>
      <c r="B112" s="22">
        <v>11</v>
      </c>
      <c r="C112" s="14">
        <v>19</v>
      </c>
      <c r="D112" s="18">
        <v>30</v>
      </c>
    </row>
    <row r="113" spans="1:4" ht="18" customHeight="1" x14ac:dyDescent="0.15">
      <c r="A113" s="5">
        <v>89</v>
      </c>
      <c r="B113" s="22">
        <v>12</v>
      </c>
      <c r="C113" s="14">
        <v>13</v>
      </c>
      <c r="D113" s="18">
        <v>25</v>
      </c>
    </row>
    <row r="114" spans="1:4" ht="18" customHeight="1" x14ac:dyDescent="0.15">
      <c r="A114" s="5" t="s">
        <v>37</v>
      </c>
      <c r="B114" s="22">
        <v>61</v>
      </c>
      <c r="C114" s="14">
        <v>115</v>
      </c>
      <c r="D114" s="18">
        <v>176</v>
      </c>
    </row>
    <row r="115" spans="1:4" ht="18" customHeight="1" x14ac:dyDescent="0.15">
      <c r="A115" s="5">
        <v>90</v>
      </c>
      <c r="B115" s="22">
        <v>5</v>
      </c>
      <c r="C115" s="14">
        <v>22</v>
      </c>
      <c r="D115" s="18">
        <v>27</v>
      </c>
    </row>
    <row r="116" spans="1:4" ht="18" customHeight="1" x14ac:dyDescent="0.15">
      <c r="A116" s="5">
        <v>91</v>
      </c>
      <c r="B116" s="22">
        <v>3</v>
      </c>
      <c r="C116" s="14">
        <v>9</v>
      </c>
      <c r="D116" s="18">
        <v>12</v>
      </c>
    </row>
    <row r="117" spans="1:4" ht="18" customHeight="1" x14ac:dyDescent="0.15">
      <c r="A117" s="5">
        <v>92</v>
      </c>
      <c r="B117" s="22">
        <v>4</v>
      </c>
      <c r="C117" s="14">
        <v>16</v>
      </c>
      <c r="D117" s="18">
        <v>20</v>
      </c>
    </row>
    <row r="118" spans="1:4" ht="18" customHeight="1" x14ac:dyDescent="0.15">
      <c r="A118" s="5">
        <v>93</v>
      </c>
      <c r="B118" s="22">
        <v>2</v>
      </c>
      <c r="C118" s="14">
        <v>14</v>
      </c>
      <c r="D118" s="18">
        <v>16</v>
      </c>
    </row>
    <row r="119" spans="1:4" ht="18" customHeight="1" x14ac:dyDescent="0.15">
      <c r="A119" s="5">
        <v>94</v>
      </c>
      <c r="B119" s="22">
        <v>1</v>
      </c>
      <c r="C119" s="14">
        <v>7</v>
      </c>
      <c r="D119" s="18">
        <v>8</v>
      </c>
    </row>
    <row r="120" spans="1:4" ht="18" customHeight="1" x14ac:dyDescent="0.15">
      <c r="A120" s="5" t="s">
        <v>39</v>
      </c>
      <c r="B120" s="22">
        <v>15</v>
      </c>
      <c r="C120" s="14">
        <v>68</v>
      </c>
      <c r="D120" s="18">
        <v>83</v>
      </c>
    </row>
    <row r="121" spans="1:4" ht="18" customHeight="1" x14ac:dyDescent="0.15">
      <c r="A121" s="5">
        <v>95</v>
      </c>
      <c r="B121" s="22">
        <v>0</v>
      </c>
      <c r="C121" s="14">
        <v>7</v>
      </c>
      <c r="D121" s="18">
        <v>7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4</v>
      </c>
      <c r="C126" s="14">
        <v>17</v>
      </c>
      <c r="D126" s="18">
        <v>21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78</v>
      </c>
      <c r="C130" s="14">
        <v>831</v>
      </c>
      <c r="D130" s="18">
        <v>1409</v>
      </c>
    </row>
    <row r="131" spans="1:4" ht="18" customHeight="1" x14ac:dyDescent="0.15">
      <c r="A131" s="7" t="s">
        <v>45</v>
      </c>
      <c r="B131" s="23">
        <v>1473</v>
      </c>
      <c r="C131" s="15">
        <v>1654</v>
      </c>
      <c r="D131" s="19">
        <v>312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5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4</v>
      </c>
      <c r="C5" s="13">
        <v>11</v>
      </c>
      <c r="D5" s="17">
        <v>15</v>
      </c>
    </row>
    <row r="6" spans="1:4" ht="18" customHeight="1" x14ac:dyDescent="0.15">
      <c r="A6" s="5">
        <v>1</v>
      </c>
      <c r="B6" s="22">
        <v>9</v>
      </c>
      <c r="C6" s="14">
        <v>10</v>
      </c>
      <c r="D6" s="18">
        <v>19</v>
      </c>
    </row>
    <row r="7" spans="1:4" ht="18" customHeight="1" x14ac:dyDescent="0.15">
      <c r="A7" s="5">
        <v>2</v>
      </c>
      <c r="B7" s="22">
        <v>8</v>
      </c>
      <c r="C7" s="14">
        <v>10</v>
      </c>
      <c r="D7" s="18">
        <v>18</v>
      </c>
    </row>
    <row r="8" spans="1:4" ht="18" customHeight="1" x14ac:dyDescent="0.15">
      <c r="A8" s="5">
        <v>3</v>
      </c>
      <c r="B8" s="22">
        <v>11</v>
      </c>
      <c r="C8" s="14">
        <v>10</v>
      </c>
      <c r="D8" s="18">
        <v>21</v>
      </c>
    </row>
    <row r="9" spans="1:4" ht="18" customHeight="1" x14ac:dyDescent="0.15">
      <c r="A9" s="5">
        <v>4</v>
      </c>
      <c r="B9" s="22">
        <v>11</v>
      </c>
      <c r="C9" s="14">
        <v>9</v>
      </c>
      <c r="D9" s="18">
        <v>20</v>
      </c>
    </row>
    <row r="10" spans="1:4" ht="18" customHeight="1" x14ac:dyDescent="0.15">
      <c r="A10" s="5" t="s">
        <v>7</v>
      </c>
      <c r="B10" s="22">
        <v>43</v>
      </c>
      <c r="C10" s="14">
        <v>50</v>
      </c>
      <c r="D10" s="18">
        <v>93</v>
      </c>
    </row>
    <row r="11" spans="1:4" ht="18" customHeight="1" x14ac:dyDescent="0.15">
      <c r="A11" s="5">
        <v>5</v>
      </c>
      <c r="B11" s="22">
        <v>14</v>
      </c>
      <c r="C11" s="14">
        <v>5</v>
      </c>
      <c r="D11" s="18">
        <v>19</v>
      </c>
    </row>
    <row r="12" spans="1:4" ht="18" customHeight="1" x14ac:dyDescent="0.15">
      <c r="A12" s="5">
        <v>6</v>
      </c>
      <c r="B12" s="22">
        <v>12</v>
      </c>
      <c r="C12" s="14">
        <v>13</v>
      </c>
      <c r="D12" s="18">
        <v>25</v>
      </c>
    </row>
    <row r="13" spans="1:4" ht="18" customHeight="1" x14ac:dyDescent="0.15">
      <c r="A13" s="5">
        <v>7</v>
      </c>
      <c r="B13" s="22">
        <v>12</v>
      </c>
      <c r="C13" s="14">
        <v>12</v>
      </c>
      <c r="D13" s="18">
        <v>24</v>
      </c>
    </row>
    <row r="14" spans="1:4" ht="18" customHeight="1" x14ac:dyDescent="0.15">
      <c r="A14" s="5">
        <v>8</v>
      </c>
      <c r="B14" s="22">
        <v>8</v>
      </c>
      <c r="C14" s="14">
        <v>6</v>
      </c>
      <c r="D14" s="18">
        <v>14</v>
      </c>
    </row>
    <row r="15" spans="1:4" ht="18" customHeight="1" x14ac:dyDescent="0.15">
      <c r="A15" s="5">
        <v>9</v>
      </c>
      <c r="B15" s="22">
        <v>18</v>
      </c>
      <c r="C15" s="14">
        <v>8</v>
      </c>
      <c r="D15" s="18">
        <v>26</v>
      </c>
    </row>
    <row r="16" spans="1:4" ht="18" customHeight="1" x14ac:dyDescent="0.15">
      <c r="A16" s="5" t="s">
        <v>11</v>
      </c>
      <c r="B16" s="22">
        <v>64</v>
      </c>
      <c r="C16" s="14">
        <v>44</v>
      </c>
      <c r="D16" s="18">
        <v>108</v>
      </c>
    </row>
    <row r="17" spans="1:4" ht="18" customHeight="1" x14ac:dyDescent="0.15">
      <c r="A17" s="5">
        <v>10</v>
      </c>
      <c r="B17" s="22">
        <v>10</v>
      </c>
      <c r="C17" s="14">
        <v>11</v>
      </c>
      <c r="D17" s="18">
        <v>21</v>
      </c>
    </row>
    <row r="18" spans="1:4" ht="18" customHeight="1" x14ac:dyDescent="0.15">
      <c r="A18" s="5">
        <v>11</v>
      </c>
      <c r="B18" s="22">
        <v>11</v>
      </c>
      <c r="C18" s="14">
        <v>7</v>
      </c>
      <c r="D18" s="18">
        <v>18</v>
      </c>
    </row>
    <row r="19" spans="1:4" ht="18" customHeight="1" x14ac:dyDescent="0.15">
      <c r="A19" s="5">
        <v>12</v>
      </c>
      <c r="B19" s="22">
        <v>9</v>
      </c>
      <c r="C19" s="14">
        <v>10</v>
      </c>
      <c r="D19" s="18">
        <v>19</v>
      </c>
    </row>
    <row r="20" spans="1:4" ht="18" customHeight="1" x14ac:dyDescent="0.15">
      <c r="A20" s="5">
        <v>13</v>
      </c>
      <c r="B20" s="22">
        <v>19</v>
      </c>
      <c r="C20" s="14">
        <v>6</v>
      </c>
      <c r="D20" s="18">
        <v>25</v>
      </c>
    </row>
    <row r="21" spans="1:4" ht="18" customHeight="1" x14ac:dyDescent="0.15">
      <c r="A21" s="5">
        <v>14</v>
      </c>
      <c r="B21" s="22">
        <v>11</v>
      </c>
      <c r="C21" s="14">
        <v>12</v>
      </c>
      <c r="D21" s="18">
        <v>23</v>
      </c>
    </row>
    <row r="22" spans="1:4" ht="18" customHeight="1" x14ac:dyDescent="0.15">
      <c r="A22" s="5" t="s">
        <v>12</v>
      </c>
      <c r="B22" s="22">
        <v>60</v>
      </c>
      <c r="C22" s="14">
        <v>46</v>
      </c>
      <c r="D22" s="18">
        <v>106</v>
      </c>
    </row>
    <row r="23" spans="1:4" ht="18" customHeight="1" x14ac:dyDescent="0.15">
      <c r="A23" s="5" t="s">
        <v>6</v>
      </c>
      <c r="B23" s="22">
        <v>167</v>
      </c>
      <c r="C23" s="14">
        <v>140</v>
      </c>
      <c r="D23" s="18">
        <v>307</v>
      </c>
    </row>
    <row r="24" spans="1:4" ht="18" customHeight="1" x14ac:dyDescent="0.15">
      <c r="A24" s="5">
        <v>15</v>
      </c>
      <c r="B24" s="22">
        <v>13</v>
      </c>
      <c r="C24" s="14">
        <v>15</v>
      </c>
      <c r="D24" s="18">
        <v>28</v>
      </c>
    </row>
    <row r="25" spans="1:4" ht="18" customHeight="1" x14ac:dyDescent="0.15">
      <c r="A25" s="5">
        <v>16</v>
      </c>
      <c r="B25" s="22">
        <v>11</v>
      </c>
      <c r="C25" s="14">
        <v>14</v>
      </c>
      <c r="D25" s="18">
        <v>25</v>
      </c>
    </row>
    <row r="26" spans="1:4" ht="18" customHeight="1" x14ac:dyDescent="0.15">
      <c r="A26" s="5">
        <v>17</v>
      </c>
      <c r="B26" s="22">
        <v>21</v>
      </c>
      <c r="C26" s="14">
        <v>9</v>
      </c>
      <c r="D26" s="18">
        <v>30</v>
      </c>
    </row>
    <row r="27" spans="1:4" ht="18" customHeight="1" x14ac:dyDescent="0.15">
      <c r="A27" s="5">
        <v>18</v>
      </c>
      <c r="B27" s="22">
        <v>11</v>
      </c>
      <c r="C27" s="14">
        <v>10</v>
      </c>
      <c r="D27" s="18">
        <v>21</v>
      </c>
    </row>
    <row r="28" spans="1:4" ht="18" customHeight="1" x14ac:dyDescent="0.15">
      <c r="A28" s="5">
        <v>19</v>
      </c>
      <c r="B28" s="22">
        <v>12</v>
      </c>
      <c r="C28" s="14">
        <v>21</v>
      </c>
      <c r="D28" s="18">
        <v>33</v>
      </c>
    </row>
    <row r="29" spans="1:4" ht="18" customHeight="1" x14ac:dyDescent="0.15">
      <c r="A29" s="5" t="s">
        <v>14</v>
      </c>
      <c r="B29" s="22">
        <v>68</v>
      </c>
      <c r="C29" s="14">
        <v>69</v>
      </c>
      <c r="D29" s="18">
        <v>137</v>
      </c>
    </row>
    <row r="30" spans="1:4" ht="18" customHeight="1" x14ac:dyDescent="0.15">
      <c r="A30" s="5">
        <v>20</v>
      </c>
      <c r="B30" s="22">
        <v>20</v>
      </c>
      <c r="C30" s="14">
        <v>13</v>
      </c>
      <c r="D30" s="18">
        <v>33</v>
      </c>
    </row>
    <row r="31" spans="1:4" ht="18" customHeight="1" x14ac:dyDescent="0.15">
      <c r="A31" s="5">
        <v>21</v>
      </c>
      <c r="B31" s="22">
        <v>18</v>
      </c>
      <c r="C31" s="14">
        <v>13</v>
      </c>
      <c r="D31" s="18">
        <v>31</v>
      </c>
    </row>
    <row r="32" spans="1:4" ht="18" customHeight="1" x14ac:dyDescent="0.15">
      <c r="A32" s="5">
        <v>22</v>
      </c>
      <c r="B32" s="22">
        <v>14</v>
      </c>
      <c r="C32" s="14">
        <v>15</v>
      </c>
      <c r="D32" s="18">
        <v>29</v>
      </c>
    </row>
    <row r="33" spans="1:4" ht="18" customHeight="1" x14ac:dyDescent="0.15">
      <c r="A33" s="5">
        <v>23</v>
      </c>
      <c r="B33" s="22">
        <v>18</v>
      </c>
      <c r="C33" s="14">
        <v>21</v>
      </c>
      <c r="D33" s="18">
        <v>39</v>
      </c>
    </row>
    <row r="34" spans="1:4" ht="18" customHeight="1" x14ac:dyDescent="0.15">
      <c r="A34" s="5">
        <v>24</v>
      </c>
      <c r="B34" s="22">
        <v>16</v>
      </c>
      <c r="C34" s="14">
        <v>22</v>
      </c>
      <c r="D34" s="18">
        <v>38</v>
      </c>
    </row>
    <row r="35" spans="1:4" ht="18" customHeight="1" x14ac:dyDescent="0.15">
      <c r="A35" s="5" t="s">
        <v>9</v>
      </c>
      <c r="B35" s="22">
        <v>86</v>
      </c>
      <c r="C35" s="14">
        <v>84</v>
      </c>
      <c r="D35" s="18">
        <v>170</v>
      </c>
    </row>
    <row r="36" spans="1:4" ht="18" customHeight="1" x14ac:dyDescent="0.15">
      <c r="A36" s="5">
        <v>25</v>
      </c>
      <c r="B36" s="22">
        <v>30</v>
      </c>
      <c r="C36" s="14">
        <v>21</v>
      </c>
      <c r="D36" s="18">
        <v>51</v>
      </c>
    </row>
    <row r="37" spans="1:4" ht="18" customHeight="1" x14ac:dyDescent="0.15">
      <c r="A37" s="5">
        <v>26</v>
      </c>
      <c r="B37" s="22">
        <v>16</v>
      </c>
      <c r="C37" s="14">
        <v>20</v>
      </c>
      <c r="D37" s="18">
        <v>36</v>
      </c>
    </row>
    <row r="38" spans="1:4" ht="18" customHeight="1" x14ac:dyDescent="0.15">
      <c r="A38" s="5">
        <v>27</v>
      </c>
      <c r="B38" s="22">
        <v>25</v>
      </c>
      <c r="C38" s="14">
        <v>12</v>
      </c>
      <c r="D38" s="18">
        <v>37</v>
      </c>
    </row>
    <row r="39" spans="1:4" ht="18" customHeight="1" x14ac:dyDescent="0.15">
      <c r="A39" s="5">
        <v>28</v>
      </c>
      <c r="B39" s="22">
        <v>16</v>
      </c>
      <c r="C39" s="14">
        <v>20</v>
      </c>
      <c r="D39" s="18">
        <v>36</v>
      </c>
    </row>
    <row r="40" spans="1:4" ht="18" customHeight="1" x14ac:dyDescent="0.15">
      <c r="A40" s="5">
        <v>29</v>
      </c>
      <c r="B40" s="22">
        <v>29</v>
      </c>
      <c r="C40" s="14">
        <v>26</v>
      </c>
      <c r="D40" s="18">
        <v>55</v>
      </c>
    </row>
    <row r="41" spans="1:4" ht="18" customHeight="1" x14ac:dyDescent="0.15">
      <c r="A41" s="5" t="s">
        <v>2</v>
      </c>
      <c r="B41" s="22">
        <v>116</v>
      </c>
      <c r="C41" s="14">
        <v>99</v>
      </c>
      <c r="D41" s="18">
        <v>215</v>
      </c>
    </row>
    <row r="42" spans="1:4" ht="18" customHeight="1" x14ac:dyDescent="0.15">
      <c r="A42" s="5">
        <v>30</v>
      </c>
      <c r="B42" s="22">
        <v>19</v>
      </c>
      <c r="C42" s="14">
        <v>23</v>
      </c>
      <c r="D42" s="18">
        <v>42</v>
      </c>
    </row>
    <row r="43" spans="1:4" ht="18" customHeight="1" x14ac:dyDescent="0.15">
      <c r="A43" s="5">
        <v>31</v>
      </c>
      <c r="B43" s="22">
        <v>26</v>
      </c>
      <c r="C43" s="14">
        <v>18</v>
      </c>
      <c r="D43" s="18">
        <v>44</v>
      </c>
    </row>
    <row r="44" spans="1:4" ht="18" customHeight="1" x14ac:dyDescent="0.15">
      <c r="A44" s="5">
        <v>32</v>
      </c>
      <c r="B44" s="22">
        <v>22</v>
      </c>
      <c r="C44" s="14">
        <v>16</v>
      </c>
      <c r="D44" s="18">
        <v>38</v>
      </c>
    </row>
    <row r="45" spans="1:4" ht="18" customHeight="1" x14ac:dyDescent="0.15">
      <c r="A45" s="5">
        <v>33</v>
      </c>
      <c r="B45" s="22">
        <v>19</v>
      </c>
      <c r="C45" s="14">
        <v>12</v>
      </c>
      <c r="D45" s="18">
        <v>31</v>
      </c>
    </row>
    <row r="46" spans="1:4" ht="18" customHeight="1" x14ac:dyDescent="0.15">
      <c r="A46" s="5">
        <v>34</v>
      </c>
      <c r="B46" s="22">
        <v>18</v>
      </c>
      <c r="C46" s="14">
        <v>13</v>
      </c>
      <c r="D46" s="18">
        <v>31</v>
      </c>
    </row>
    <row r="47" spans="1:4" ht="18" customHeight="1" x14ac:dyDescent="0.15">
      <c r="A47" s="5" t="s">
        <v>15</v>
      </c>
      <c r="B47" s="22">
        <v>104</v>
      </c>
      <c r="C47" s="14">
        <v>82</v>
      </c>
      <c r="D47" s="18">
        <v>186</v>
      </c>
    </row>
    <row r="48" spans="1:4" ht="18" customHeight="1" x14ac:dyDescent="0.15">
      <c r="A48" s="5">
        <v>35</v>
      </c>
      <c r="B48" s="22">
        <v>17</v>
      </c>
      <c r="C48" s="14">
        <v>15</v>
      </c>
      <c r="D48" s="18">
        <v>32</v>
      </c>
    </row>
    <row r="49" spans="1:4" ht="18" customHeight="1" x14ac:dyDescent="0.15">
      <c r="A49" s="5">
        <v>36</v>
      </c>
      <c r="B49" s="22">
        <v>21</v>
      </c>
      <c r="C49" s="14">
        <v>8</v>
      </c>
      <c r="D49" s="18">
        <v>29</v>
      </c>
    </row>
    <row r="50" spans="1:4" ht="18" customHeight="1" x14ac:dyDescent="0.15">
      <c r="A50" s="5">
        <v>37</v>
      </c>
      <c r="B50" s="22">
        <v>17</v>
      </c>
      <c r="C50" s="14">
        <v>15</v>
      </c>
      <c r="D50" s="18">
        <v>32</v>
      </c>
    </row>
    <row r="51" spans="1:4" ht="18" customHeight="1" x14ac:dyDescent="0.15">
      <c r="A51" s="5">
        <v>38</v>
      </c>
      <c r="B51" s="22">
        <v>19</v>
      </c>
      <c r="C51" s="14">
        <v>12</v>
      </c>
      <c r="D51" s="18">
        <v>31</v>
      </c>
    </row>
    <row r="52" spans="1:4" ht="18" customHeight="1" x14ac:dyDescent="0.15">
      <c r="A52" s="5">
        <v>39</v>
      </c>
      <c r="B52" s="22">
        <v>22</v>
      </c>
      <c r="C52" s="14">
        <v>18</v>
      </c>
      <c r="D52" s="18">
        <v>40</v>
      </c>
    </row>
    <row r="53" spans="1:4" ht="18" customHeight="1" x14ac:dyDescent="0.15">
      <c r="A53" s="5" t="s">
        <v>18</v>
      </c>
      <c r="B53" s="22">
        <v>96</v>
      </c>
      <c r="C53" s="14">
        <v>68</v>
      </c>
      <c r="D53" s="18">
        <v>164</v>
      </c>
    </row>
    <row r="54" spans="1:4" ht="18" customHeight="1" x14ac:dyDescent="0.15">
      <c r="A54" s="5">
        <v>40</v>
      </c>
      <c r="B54" s="22">
        <v>17</v>
      </c>
      <c r="C54" s="14">
        <v>15</v>
      </c>
      <c r="D54" s="18">
        <v>32</v>
      </c>
    </row>
    <row r="55" spans="1:4" ht="18" customHeight="1" x14ac:dyDescent="0.15">
      <c r="A55" s="5">
        <v>41</v>
      </c>
      <c r="B55" s="22">
        <v>17</v>
      </c>
      <c r="C55" s="14">
        <v>23</v>
      </c>
      <c r="D55" s="18">
        <v>40</v>
      </c>
    </row>
    <row r="56" spans="1:4" ht="18" customHeight="1" x14ac:dyDescent="0.15">
      <c r="A56" s="5">
        <v>42</v>
      </c>
      <c r="B56" s="22">
        <v>17</v>
      </c>
      <c r="C56" s="14">
        <v>12</v>
      </c>
      <c r="D56" s="18">
        <v>29</v>
      </c>
    </row>
    <row r="57" spans="1:4" ht="18" customHeight="1" x14ac:dyDescent="0.15">
      <c r="A57" s="5">
        <v>43</v>
      </c>
      <c r="B57" s="22">
        <v>18</v>
      </c>
      <c r="C57" s="14">
        <v>16</v>
      </c>
      <c r="D57" s="18">
        <v>34</v>
      </c>
    </row>
    <row r="58" spans="1:4" ht="18" customHeight="1" x14ac:dyDescent="0.15">
      <c r="A58" s="5">
        <v>44</v>
      </c>
      <c r="B58" s="22">
        <v>24</v>
      </c>
      <c r="C58" s="14">
        <v>17</v>
      </c>
      <c r="D58" s="18">
        <v>41</v>
      </c>
    </row>
    <row r="59" spans="1:4" ht="18" customHeight="1" x14ac:dyDescent="0.15">
      <c r="A59" s="5" t="s">
        <v>21</v>
      </c>
      <c r="B59" s="22">
        <v>93</v>
      </c>
      <c r="C59" s="14">
        <v>83</v>
      </c>
      <c r="D59" s="18">
        <v>176</v>
      </c>
    </row>
    <row r="60" spans="1:4" ht="18" customHeight="1" x14ac:dyDescent="0.15">
      <c r="A60" s="5">
        <v>45</v>
      </c>
      <c r="B60" s="22">
        <v>17</v>
      </c>
      <c r="C60" s="14">
        <v>13</v>
      </c>
      <c r="D60" s="18">
        <v>30</v>
      </c>
    </row>
    <row r="61" spans="1:4" ht="18" customHeight="1" x14ac:dyDescent="0.15">
      <c r="A61" s="5">
        <v>46</v>
      </c>
      <c r="B61" s="22">
        <v>17</v>
      </c>
      <c r="C61" s="14">
        <v>25</v>
      </c>
      <c r="D61" s="18">
        <v>42</v>
      </c>
    </row>
    <row r="62" spans="1:4" ht="18" customHeight="1" x14ac:dyDescent="0.15">
      <c r="A62" s="5">
        <v>47</v>
      </c>
      <c r="B62" s="22">
        <v>28</v>
      </c>
      <c r="C62" s="14">
        <v>27</v>
      </c>
      <c r="D62" s="18">
        <v>55</v>
      </c>
    </row>
    <row r="63" spans="1:4" ht="18" customHeight="1" x14ac:dyDescent="0.15">
      <c r="A63" s="5">
        <v>48</v>
      </c>
      <c r="B63" s="22">
        <v>31</v>
      </c>
      <c r="C63" s="14">
        <v>21</v>
      </c>
      <c r="D63" s="18">
        <v>52</v>
      </c>
    </row>
    <row r="64" spans="1:4" ht="18" customHeight="1" x14ac:dyDescent="0.15">
      <c r="A64" s="5">
        <v>49</v>
      </c>
      <c r="B64" s="22">
        <v>36</v>
      </c>
      <c r="C64" s="14">
        <v>22</v>
      </c>
      <c r="D64" s="18">
        <v>58</v>
      </c>
    </row>
    <row r="65" spans="1:4" ht="18" customHeight="1" x14ac:dyDescent="0.15">
      <c r="A65" s="5" t="s">
        <v>17</v>
      </c>
      <c r="B65" s="22">
        <v>129</v>
      </c>
      <c r="C65" s="14">
        <v>108</v>
      </c>
      <c r="D65" s="18">
        <v>237</v>
      </c>
    </row>
    <row r="66" spans="1:4" ht="18" customHeight="1" x14ac:dyDescent="0.15">
      <c r="A66" s="5">
        <v>50</v>
      </c>
      <c r="B66" s="22">
        <v>29</v>
      </c>
      <c r="C66" s="14">
        <v>24</v>
      </c>
      <c r="D66" s="18">
        <v>53</v>
      </c>
    </row>
    <row r="67" spans="1:4" ht="18" customHeight="1" x14ac:dyDescent="0.15">
      <c r="A67" s="5">
        <v>51</v>
      </c>
      <c r="B67" s="22">
        <v>29</v>
      </c>
      <c r="C67" s="14">
        <v>27</v>
      </c>
      <c r="D67" s="18">
        <v>56</v>
      </c>
    </row>
    <row r="68" spans="1:4" ht="18" customHeight="1" x14ac:dyDescent="0.15">
      <c r="A68" s="5">
        <v>52</v>
      </c>
      <c r="B68" s="22">
        <v>33</v>
      </c>
      <c r="C68" s="14">
        <v>41</v>
      </c>
      <c r="D68" s="18">
        <v>74</v>
      </c>
    </row>
    <row r="69" spans="1:4" ht="18" customHeight="1" x14ac:dyDescent="0.15">
      <c r="A69" s="5">
        <v>53</v>
      </c>
      <c r="B69" s="22">
        <v>36</v>
      </c>
      <c r="C69" s="14">
        <v>33</v>
      </c>
      <c r="D69" s="18">
        <v>69</v>
      </c>
    </row>
    <row r="70" spans="1:4" ht="18" customHeight="1" x14ac:dyDescent="0.15">
      <c r="A70" s="5">
        <v>54</v>
      </c>
      <c r="B70" s="22">
        <v>49</v>
      </c>
      <c r="C70" s="14">
        <v>36</v>
      </c>
      <c r="D70" s="18">
        <v>85</v>
      </c>
    </row>
    <row r="71" spans="1:4" ht="18" customHeight="1" x14ac:dyDescent="0.15">
      <c r="A71" s="5" t="s">
        <v>22</v>
      </c>
      <c r="B71" s="22">
        <v>176</v>
      </c>
      <c r="C71" s="14">
        <v>161</v>
      </c>
      <c r="D71" s="18">
        <v>337</v>
      </c>
    </row>
    <row r="72" spans="1:4" ht="18" customHeight="1" x14ac:dyDescent="0.15">
      <c r="A72" s="5">
        <v>55</v>
      </c>
      <c r="B72" s="22">
        <v>21</v>
      </c>
      <c r="C72" s="14">
        <v>34</v>
      </c>
      <c r="D72" s="18">
        <v>55</v>
      </c>
    </row>
    <row r="73" spans="1:4" ht="18" customHeight="1" x14ac:dyDescent="0.15">
      <c r="A73" s="5">
        <v>56</v>
      </c>
      <c r="B73" s="22">
        <v>37</v>
      </c>
      <c r="C73" s="14">
        <v>30</v>
      </c>
      <c r="D73" s="18">
        <v>67</v>
      </c>
    </row>
    <row r="74" spans="1:4" ht="18" customHeight="1" x14ac:dyDescent="0.15">
      <c r="A74" s="5">
        <v>57</v>
      </c>
      <c r="B74" s="22">
        <v>37</v>
      </c>
      <c r="C74" s="14">
        <v>28</v>
      </c>
      <c r="D74" s="18">
        <v>65</v>
      </c>
    </row>
    <row r="75" spans="1:4" ht="18" customHeight="1" x14ac:dyDescent="0.15">
      <c r="A75" s="5">
        <v>58</v>
      </c>
      <c r="B75" s="22">
        <v>31</v>
      </c>
      <c r="C75" s="14">
        <v>27</v>
      </c>
      <c r="D75" s="18">
        <v>58</v>
      </c>
    </row>
    <row r="76" spans="1:4" ht="18" customHeight="1" x14ac:dyDescent="0.15">
      <c r="A76" s="5">
        <v>59</v>
      </c>
      <c r="B76" s="22">
        <v>16</v>
      </c>
      <c r="C76" s="14">
        <v>14</v>
      </c>
      <c r="D76" s="18">
        <v>30</v>
      </c>
    </row>
    <row r="77" spans="1:4" ht="18" customHeight="1" x14ac:dyDescent="0.15">
      <c r="A77" s="5" t="s">
        <v>27</v>
      </c>
      <c r="B77" s="22">
        <v>142</v>
      </c>
      <c r="C77" s="14">
        <v>133</v>
      </c>
      <c r="D77" s="18">
        <v>275</v>
      </c>
    </row>
    <row r="78" spans="1:4" ht="18" customHeight="1" x14ac:dyDescent="0.15">
      <c r="A78" s="5">
        <v>60</v>
      </c>
      <c r="B78" s="22">
        <v>25</v>
      </c>
      <c r="C78" s="14">
        <v>18</v>
      </c>
      <c r="D78" s="18">
        <v>43</v>
      </c>
    </row>
    <row r="79" spans="1:4" ht="18" customHeight="1" x14ac:dyDescent="0.15">
      <c r="A79" s="5">
        <v>61</v>
      </c>
      <c r="B79" s="22">
        <v>22</v>
      </c>
      <c r="C79" s="14">
        <v>28</v>
      </c>
      <c r="D79" s="18">
        <v>50</v>
      </c>
    </row>
    <row r="80" spans="1:4" ht="18" customHeight="1" x14ac:dyDescent="0.15">
      <c r="A80" s="5">
        <v>62</v>
      </c>
      <c r="B80" s="22">
        <v>22</v>
      </c>
      <c r="C80" s="14">
        <v>13</v>
      </c>
      <c r="D80" s="18">
        <v>35</v>
      </c>
    </row>
    <row r="81" spans="1:4" ht="18" customHeight="1" x14ac:dyDescent="0.15">
      <c r="A81" s="5">
        <v>63</v>
      </c>
      <c r="B81" s="22">
        <v>15</v>
      </c>
      <c r="C81" s="14">
        <v>31</v>
      </c>
      <c r="D81" s="18">
        <v>46</v>
      </c>
    </row>
    <row r="82" spans="1:4" ht="18" customHeight="1" x14ac:dyDescent="0.15">
      <c r="A82" s="5">
        <v>64</v>
      </c>
      <c r="B82" s="22">
        <v>24</v>
      </c>
      <c r="C82" s="14">
        <v>18</v>
      </c>
      <c r="D82" s="18">
        <v>42</v>
      </c>
    </row>
    <row r="83" spans="1:4" ht="18" customHeight="1" x14ac:dyDescent="0.15">
      <c r="A83" s="5" t="s">
        <v>28</v>
      </c>
      <c r="B83" s="22">
        <v>108</v>
      </c>
      <c r="C83" s="14">
        <v>108</v>
      </c>
      <c r="D83" s="18">
        <v>216</v>
      </c>
    </row>
    <row r="84" spans="1:4" ht="18" customHeight="1" x14ac:dyDescent="0.15">
      <c r="A84" s="5" t="s">
        <v>31</v>
      </c>
      <c r="B84" s="22">
        <v>1118</v>
      </c>
      <c r="C84" s="14">
        <v>995</v>
      </c>
      <c r="D84" s="18">
        <v>2113</v>
      </c>
    </row>
    <row r="85" spans="1:4" ht="18" customHeight="1" x14ac:dyDescent="0.15">
      <c r="A85" s="5">
        <v>65</v>
      </c>
      <c r="B85" s="22">
        <v>22</v>
      </c>
      <c r="C85" s="14">
        <v>23</v>
      </c>
      <c r="D85" s="18">
        <v>45</v>
      </c>
    </row>
    <row r="86" spans="1:4" ht="18" customHeight="1" x14ac:dyDescent="0.15">
      <c r="A86" s="5">
        <v>66</v>
      </c>
      <c r="B86" s="22">
        <v>20</v>
      </c>
      <c r="C86" s="14">
        <v>24</v>
      </c>
      <c r="D86" s="18">
        <v>44</v>
      </c>
    </row>
    <row r="87" spans="1:4" ht="18" customHeight="1" x14ac:dyDescent="0.15">
      <c r="A87" s="5">
        <v>67</v>
      </c>
      <c r="B87" s="22">
        <v>18</v>
      </c>
      <c r="C87" s="14">
        <v>21</v>
      </c>
      <c r="D87" s="18">
        <v>39</v>
      </c>
    </row>
    <row r="88" spans="1:4" ht="18" customHeight="1" x14ac:dyDescent="0.15">
      <c r="A88" s="5">
        <v>68</v>
      </c>
      <c r="B88" s="22">
        <v>18</v>
      </c>
      <c r="C88" s="14">
        <v>32</v>
      </c>
      <c r="D88" s="18">
        <v>50</v>
      </c>
    </row>
    <row r="89" spans="1:4" ht="18" customHeight="1" x14ac:dyDescent="0.15">
      <c r="A89" s="5">
        <v>69</v>
      </c>
      <c r="B89" s="22">
        <v>24</v>
      </c>
      <c r="C89" s="14">
        <v>25</v>
      </c>
      <c r="D89" s="18">
        <v>49</v>
      </c>
    </row>
    <row r="90" spans="1:4" ht="18" customHeight="1" x14ac:dyDescent="0.15">
      <c r="A90" s="5" t="s">
        <v>20</v>
      </c>
      <c r="B90" s="22">
        <v>102</v>
      </c>
      <c r="C90" s="14">
        <v>125</v>
      </c>
      <c r="D90" s="18">
        <v>227</v>
      </c>
    </row>
    <row r="91" spans="1:4" ht="18" customHeight="1" x14ac:dyDescent="0.15">
      <c r="A91" s="5">
        <v>70</v>
      </c>
      <c r="B91" s="22">
        <v>23</v>
      </c>
      <c r="C91" s="14">
        <v>27</v>
      </c>
      <c r="D91" s="18">
        <v>50</v>
      </c>
    </row>
    <row r="92" spans="1:4" ht="18" customHeight="1" x14ac:dyDescent="0.15">
      <c r="A92" s="5">
        <v>71</v>
      </c>
      <c r="B92" s="22">
        <v>31</v>
      </c>
      <c r="C92" s="14">
        <v>18</v>
      </c>
      <c r="D92" s="18">
        <v>49</v>
      </c>
    </row>
    <row r="93" spans="1:4" ht="18" customHeight="1" x14ac:dyDescent="0.15">
      <c r="A93" s="5">
        <v>72</v>
      </c>
      <c r="B93" s="22">
        <v>21</v>
      </c>
      <c r="C93" s="14">
        <v>28</v>
      </c>
      <c r="D93" s="18">
        <v>49</v>
      </c>
    </row>
    <row r="94" spans="1:4" ht="18" customHeight="1" x14ac:dyDescent="0.15">
      <c r="A94" s="5">
        <v>73</v>
      </c>
      <c r="B94" s="22">
        <v>29</v>
      </c>
      <c r="C94" s="14">
        <v>23</v>
      </c>
      <c r="D94" s="18">
        <v>52</v>
      </c>
    </row>
    <row r="95" spans="1:4" ht="18" customHeight="1" x14ac:dyDescent="0.15">
      <c r="A95" s="5">
        <v>74</v>
      </c>
      <c r="B95" s="22">
        <v>22</v>
      </c>
      <c r="C95" s="14">
        <v>39</v>
      </c>
      <c r="D95" s="18">
        <v>61</v>
      </c>
    </row>
    <row r="96" spans="1:4" ht="18" customHeight="1" x14ac:dyDescent="0.15">
      <c r="A96" s="5" t="s">
        <v>33</v>
      </c>
      <c r="B96" s="22">
        <v>126</v>
      </c>
      <c r="C96" s="14">
        <v>135</v>
      </c>
      <c r="D96" s="18">
        <v>261</v>
      </c>
    </row>
    <row r="97" spans="1:4" ht="18" customHeight="1" x14ac:dyDescent="0.15">
      <c r="A97" s="5">
        <v>75</v>
      </c>
      <c r="B97" s="22">
        <v>33</v>
      </c>
      <c r="C97" s="14">
        <v>42</v>
      </c>
      <c r="D97" s="18">
        <v>75</v>
      </c>
    </row>
    <row r="98" spans="1:4" ht="18" customHeight="1" x14ac:dyDescent="0.15">
      <c r="A98" s="5">
        <v>76</v>
      </c>
      <c r="B98" s="22">
        <v>30</v>
      </c>
      <c r="C98" s="14">
        <v>41</v>
      </c>
      <c r="D98" s="18">
        <v>71</v>
      </c>
    </row>
    <row r="99" spans="1:4" ht="18" customHeight="1" x14ac:dyDescent="0.15">
      <c r="A99" s="5">
        <v>77</v>
      </c>
      <c r="B99" s="22">
        <v>30</v>
      </c>
      <c r="C99" s="14">
        <v>44</v>
      </c>
      <c r="D99" s="18">
        <v>74</v>
      </c>
    </row>
    <row r="100" spans="1:4" ht="18" customHeight="1" x14ac:dyDescent="0.15">
      <c r="A100" s="5">
        <v>78</v>
      </c>
      <c r="B100" s="22">
        <v>38</v>
      </c>
      <c r="C100" s="14">
        <v>53</v>
      </c>
      <c r="D100" s="18">
        <v>91</v>
      </c>
    </row>
    <row r="101" spans="1:4" ht="18" customHeight="1" x14ac:dyDescent="0.15">
      <c r="A101" s="5">
        <v>79</v>
      </c>
      <c r="B101" s="22">
        <v>35</v>
      </c>
      <c r="C101" s="14">
        <v>31</v>
      </c>
      <c r="D101" s="18">
        <v>66</v>
      </c>
    </row>
    <row r="102" spans="1:4" ht="18" customHeight="1" x14ac:dyDescent="0.15">
      <c r="A102" s="5" t="s">
        <v>0</v>
      </c>
      <c r="B102" s="22">
        <v>166</v>
      </c>
      <c r="C102" s="14">
        <v>211</v>
      </c>
      <c r="D102" s="18">
        <v>377</v>
      </c>
    </row>
    <row r="103" spans="1:4" ht="18" customHeight="1" x14ac:dyDescent="0.15">
      <c r="A103" s="5">
        <v>80</v>
      </c>
      <c r="B103" s="22">
        <v>20</v>
      </c>
      <c r="C103" s="14">
        <v>23</v>
      </c>
      <c r="D103" s="18">
        <v>43</v>
      </c>
    </row>
    <row r="104" spans="1:4" ht="18" customHeight="1" x14ac:dyDescent="0.15">
      <c r="A104" s="5">
        <v>81</v>
      </c>
      <c r="B104" s="22">
        <v>26</v>
      </c>
      <c r="C104" s="14">
        <v>30</v>
      </c>
      <c r="D104" s="18">
        <v>56</v>
      </c>
    </row>
    <row r="105" spans="1:4" ht="18" customHeight="1" x14ac:dyDescent="0.15">
      <c r="A105" s="5">
        <v>82</v>
      </c>
      <c r="B105" s="22">
        <v>23</v>
      </c>
      <c r="C105" s="14">
        <v>29</v>
      </c>
      <c r="D105" s="18">
        <v>52</v>
      </c>
    </row>
    <row r="106" spans="1:4" ht="18" customHeight="1" x14ac:dyDescent="0.15">
      <c r="A106" s="5">
        <v>83</v>
      </c>
      <c r="B106" s="22">
        <v>29</v>
      </c>
      <c r="C106" s="14">
        <v>25</v>
      </c>
      <c r="D106" s="18">
        <v>54</v>
      </c>
    </row>
    <row r="107" spans="1:4" ht="18" customHeight="1" x14ac:dyDescent="0.15">
      <c r="A107" s="5">
        <v>84</v>
      </c>
      <c r="B107" s="22">
        <v>25</v>
      </c>
      <c r="C107" s="14">
        <v>39</v>
      </c>
      <c r="D107" s="18">
        <v>64</v>
      </c>
    </row>
    <row r="108" spans="1:4" ht="18" customHeight="1" x14ac:dyDescent="0.15">
      <c r="A108" s="5" t="s">
        <v>35</v>
      </c>
      <c r="B108" s="22">
        <v>123</v>
      </c>
      <c r="C108" s="14">
        <v>146</v>
      </c>
      <c r="D108" s="18">
        <v>269</v>
      </c>
    </row>
    <row r="109" spans="1:4" ht="18" customHeight="1" x14ac:dyDescent="0.15">
      <c r="A109" s="5">
        <v>85</v>
      </c>
      <c r="B109" s="22">
        <v>16</v>
      </c>
      <c r="C109" s="14">
        <v>22</v>
      </c>
      <c r="D109" s="18">
        <v>38</v>
      </c>
    </row>
    <row r="110" spans="1:4" ht="18" customHeight="1" x14ac:dyDescent="0.15">
      <c r="A110" s="5">
        <v>86</v>
      </c>
      <c r="B110" s="22">
        <v>12</v>
      </c>
      <c r="C110" s="14">
        <v>21</v>
      </c>
      <c r="D110" s="18">
        <v>33</v>
      </c>
    </row>
    <row r="111" spans="1:4" ht="18" customHeight="1" x14ac:dyDescent="0.15">
      <c r="A111" s="5">
        <v>87</v>
      </c>
      <c r="B111" s="22">
        <v>9</v>
      </c>
      <c r="C111" s="14">
        <v>21</v>
      </c>
      <c r="D111" s="18">
        <v>30</v>
      </c>
    </row>
    <row r="112" spans="1:4" ht="18" customHeight="1" x14ac:dyDescent="0.15">
      <c r="A112" s="5">
        <v>88</v>
      </c>
      <c r="B112" s="22">
        <v>14</v>
      </c>
      <c r="C112" s="14">
        <v>20</v>
      </c>
      <c r="D112" s="18">
        <v>34</v>
      </c>
    </row>
    <row r="113" spans="1:4" ht="18" customHeight="1" x14ac:dyDescent="0.15">
      <c r="A113" s="5">
        <v>89</v>
      </c>
      <c r="B113" s="22">
        <v>6</v>
      </c>
      <c r="C113" s="14">
        <v>19</v>
      </c>
      <c r="D113" s="18">
        <v>25</v>
      </c>
    </row>
    <row r="114" spans="1:4" ht="18" customHeight="1" x14ac:dyDescent="0.15">
      <c r="A114" s="5" t="s">
        <v>37</v>
      </c>
      <c r="B114" s="22">
        <v>57</v>
      </c>
      <c r="C114" s="14">
        <v>103</v>
      </c>
      <c r="D114" s="18">
        <v>160</v>
      </c>
    </row>
    <row r="115" spans="1:4" ht="18" customHeight="1" x14ac:dyDescent="0.15">
      <c r="A115" s="5">
        <v>90</v>
      </c>
      <c r="B115" s="22">
        <v>7</v>
      </c>
      <c r="C115" s="14">
        <v>15</v>
      </c>
      <c r="D115" s="18">
        <v>22</v>
      </c>
    </row>
    <row r="116" spans="1:4" ht="18" customHeight="1" x14ac:dyDescent="0.15">
      <c r="A116" s="5">
        <v>91</v>
      </c>
      <c r="B116" s="22">
        <v>6</v>
      </c>
      <c r="C116" s="14">
        <v>11</v>
      </c>
      <c r="D116" s="18">
        <v>17</v>
      </c>
    </row>
    <row r="117" spans="1:4" ht="18" customHeight="1" x14ac:dyDescent="0.15">
      <c r="A117" s="5">
        <v>92</v>
      </c>
      <c r="B117" s="22">
        <v>2</v>
      </c>
      <c r="C117" s="14">
        <v>8</v>
      </c>
      <c r="D117" s="18">
        <v>10</v>
      </c>
    </row>
    <row r="118" spans="1:4" ht="18" customHeight="1" x14ac:dyDescent="0.15">
      <c r="A118" s="5">
        <v>93</v>
      </c>
      <c r="B118" s="22">
        <v>1</v>
      </c>
      <c r="C118" s="14">
        <v>6</v>
      </c>
      <c r="D118" s="18">
        <v>7</v>
      </c>
    </row>
    <row r="119" spans="1:4" ht="18" customHeight="1" x14ac:dyDescent="0.15">
      <c r="A119" s="5">
        <v>94</v>
      </c>
      <c r="B119" s="22">
        <v>2</v>
      </c>
      <c r="C119" s="14">
        <v>13</v>
      </c>
      <c r="D119" s="18">
        <v>15</v>
      </c>
    </row>
    <row r="120" spans="1:4" ht="18" customHeight="1" x14ac:dyDescent="0.15">
      <c r="A120" s="5" t="s">
        <v>39</v>
      </c>
      <c r="B120" s="22">
        <v>18</v>
      </c>
      <c r="C120" s="14">
        <v>53</v>
      </c>
      <c r="D120" s="18">
        <v>71</v>
      </c>
    </row>
    <row r="121" spans="1:4" ht="18" customHeight="1" x14ac:dyDescent="0.15">
      <c r="A121" s="5">
        <v>95</v>
      </c>
      <c r="B121" s="22">
        <v>3</v>
      </c>
      <c r="C121" s="14">
        <v>3</v>
      </c>
      <c r="D121" s="18">
        <v>6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4</v>
      </c>
      <c r="D125" s="18">
        <v>5</v>
      </c>
    </row>
    <row r="126" spans="1:4" ht="18" customHeight="1" x14ac:dyDescent="0.15">
      <c r="A126" s="5" t="s">
        <v>40</v>
      </c>
      <c r="B126" s="22">
        <v>7</v>
      </c>
      <c r="C126" s="14">
        <v>14</v>
      </c>
      <c r="D126" s="18">
        <v>21</v>
      </c>
    </row>
    <row r="127" spans="1:4" ht="18" customHeight="1" x14ac:dyDescent="0.15">
      <c r="A127" s="5">
        <v>100</v>
      </c>
      <c r="B127" s="22">
        <v>1</v>
      </c>
      <c r="C127" s="14">
        <v>3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1</v>
      </c>
      <c r="C129" s="14">
        <v>4</v>
      </c>
      <c r="D129" s="18">
        <v>5</v>
      </c>
    </row>
    <row r="130" spans="1:4" ht="18" customHeight="1" x14ac:dyDescent="0.15">
      <c r="A130" s="5" t="s">
        <v>46</v>
      </c>
      <c r="B130" s="22">
        <v>600</v>
      </c>
      <c r="C130" s="14">
        <v>791</v>
      </c>
      <c r="D130" s="18">
        <v>1391</v>
      </c>
    </row>
    <row r="131" spans="1:4" ht="18" customHeight="1" x14ac:dyDescent="0.15">
      <c r="A131" s="7" t="s">
        <v>45</v>
      </c>
      <c r="B131" s="23">
        <v>1885</v>
      </c>
      <c r="C131" s="15">
        <v>1926</v>
      </c>
      <c r="D131" s="19">
        <v>381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0</v>
      </c>
      <c r="C5" s="13">
        <v>1</v>
      </c>
      <c r="D5" s="17">
        <v>1</v>
      </c>
    </row>
    <row r="6" spans="1:4" ht="18" customHeight="1" x14ac:dyDescent="0.15">
      <c r="A6" s="5">
        <v>1</v>
      </c>
      <c r="B6" s="22">
        <v>4</v>
      </c>
      <c r="C6" s="14">
        <v>3</v>
      </c>
      <c r="D6" s="18">
        <v>7</v>
      </c>
    </row>
    <row r="7" spans="1:4" ht="18" customHeight="1" x14ac:dyDescent="0.15">
      <c r="A7" s="5">
        <v>2</v>
      </c>
      <c r="B7" s="22">
        <v>3</v>
      </c>
      <c r="C7" s="14">
        <v>2</v>
      </c>
      <c r="D7" s="18">
        <v>5</v>
      </c>
    </row>
    <row r="8" spans="1:4" ht="18" customHeight="1" x14ac:dyDescent="0.15">
      <c r="A8" s="5">
        <v>3</v>
      </c>
      <c r="B8" s="22">
        <v>3</v>
      </c>
      <c r="C8" s="14">
        <v>6</v>
      </c>
      <c r="D8" s="18">
        <v>9</v>
      </c>
    </row>
    <row r="9" spans="1:4" ht="18" customHeight="1" x14ac:dyDescent="0.15">
      <c r="A9" s="5">
        <v>4</v>
      </c>
      <c r="B9" s="22">
        <v>5</v>
      </c>
      <c r="C9" s="14">
        <v>4</v>
      </c>
      <c r="D9" s="18">
        <v>9</v>
      </c>
    </row>
    <row r="10" spans="1:4" ht="18" customHeight="1" x14ac:dyDescent="0.15">
      <c r="A10" s="5" t="s">
        <v>7</v>
      </c>
      <c r="B10" s="22">
        <v>15</v>
      </c>
      <c r="C10" s="14">
        <v>16</v>
      </c>
      <c r="D10" s="18">
        <v>31</v>
      </c>
    </row>
    <row r="11" spans="1:4" ht="18" customHeight="1" x14ac:dyDescent="0.15">
      <c r="A11" s="5">
        <v>5</v>
      </c>
      <c r="B11" s="22">
        <v>3</v>
      </c>
      <c r="C11" s="14">
        <v>5</v>
      </c>
      <c r="D11" s="18">
        <v>8</v>
      </c>
    </row>
    <row r="12" spans="1:4" ht="18" customHeight="1" x14ac:dyDescent="0.15">
      <c r="A12" s="5">
        <v>6</v>
      </c>
      <c r="B12" s="22">
        <v>4</v>
      </c>
      <c r="C12" s="14">
        <v>3</v>
      </c>
      <c r="D12" s="18">
        <v>7</v>
      </c>
    </row>
    <row r="13" spans="1:4" ht="18" customHeight="1" x14ac:dyDescent="0.15">
      <c r="A13" s="5">
        <v>7</v>
      </c>
      <c r="B13" s="22">
        <v>4</v>
      </c>
      <c r="C13" s="14">
        <v>1</v>
      </c>
      <c r="D13" s="18">
        <v>5</v>
      </c>
    </row>
    <row r="14" spans="1:4" ht="18" customHeight="1" x14ac:dyDescent="0.15">
      <c r="A14" s="5">
        <v>8</v>
      </c>
      <c r="B14" s="22">
        <v>3</v>
      </c>
      <c r="C14" s="14">
        <v>0</v>
      </c>
      <c r="D14" s="18">
        <v>3</v>
      </c>
    </row>
    <row r="15" spans="1:4" ht="18" customHeight="1" x14ac:dyDescent="0.15">
      <c r="A15" s="5">
        <v>9</v>
      </c>
      <c r="B15" s="22">
        <v>6</v>
      </c>
      <c r="C15" s="14">
        <v>3</v>
      </c>
      <c r="D15" s="18">
        <v>9</v>
      </c>
    </row>
    <row r="16" spans="1:4" ht="18" customHeight="1" x14ac:dyDescent="0.15">
      <c r="A16" s="5" t="s">
        <v>11</v>
      </c>
      <c r="B16" s="22">
        <v>20</v>
      </c>
      <c r="C16" s="14">
        <v>12</v>
      </c>
      <c r="D16" s="18">
        <v>32</v>
      </c>
    </row>
    <row r="17" spans="1:4" ht="18" customHeight="1" x14ac:dyDescent="0.15">
      <c r="A17" s="5">
        <v>10</v>
      </c>
      <c r="B17" s="22">
        <v>5</v>
      </c>
      <c r="C17" s="14">
        <v>11</v>
      </c>
      <c r="D17" s="18">
        <v>16</v>
      </c>
    </row>
    <row r="18" spans="1:4" ht="18" customHeight="1" x14ac:dyDescent="0.15">
      <c r="A18" s="5">
        <v>11</v>
      </c>
      <c r="B18" s="22">
        <v>1</v>
      </c>
      <c r="C18" s="14">
        <v>3</v>
      </c>
      <c r="D18" s="18">
        <v>4</v>
      </c>
    </row>
    <row r="19" spans="1:4" ht="18" customHeight="1" x14ac:dyDescent="0.15">
      <c r="A19" s="5">
        <v>12</v>
      </c>
      <c r="B19" s="22">
        <v>8</v>
      </c>
      <c r="C19" s="14">
        <v>9</v>
      </c>
      <c r="D19" s="18">
        <v>17</v>
      </c>
    </row>
    <row r="20" spans="1:4" ht="18" customHeight="1" x14ac:dyDescent="0.15">
      <c r="A20" s="5">
        <v>13</v>
      </c>
      <c r="B20" s="22">
        <v>3</v>
      </c>
      <c r="C20" s="14">
        <v>6</v>
      </c>
      <c r="D20" s="18">
        <v>9</v>
      </c>
    </row>
    <row r="21" spans="1:4" ht="18" customHeight="1" x14ac:dyDescent="0.15">
      <c r="A21" s="5">
        <v>14</v>
      </c>
      <c r="B21" s="22">
        <v>8</v>
      </c>
      <c r="C21" s="14">
        <v>4</v>
      </c>
      <c r="D21" s="18">
        <v>12</v>
      </c>
    </row>
    <row r="22" spans="1:4" ht="18" customHeight="1" x14ac:dyDescent="0.15">
      <c r="A22" s="5" t="s">
        <v>12</v>
      </c>
      <c r="B22" s="22">
        <v>25</v>
      </c>
      <c r="C22" s="14">
        <v>33</v>
      </c>
      <c r="D22" s="18">
        <v>58</v>
      </c>
    </row>
    <row r="23" spans="1:4" ht="18" customHeight="1" x14ac:dyDescent="0.15">
      <c r="A23" s="5" t="s">
        <v>6</v>
      </c>
      <c r="B23" s="22">
        <v>60</v>
      </c>
      <c r="C23" s="14">
        <v>61</v>
      </c>
      <c r="D23" s="18">
        <v>121</v>
      </c>
    </row>
    <row r="24" spans="1:4" ht="18" customHeight="1" x14ac:dyDescent="0.15">
      <c r="A24" s="5">
        <v>15</v>
      </c>
      <c r="B24" s="22">
        <v>6</v>
      </c>
      <c r="C24" s="14">
        <v>4</v>
      </c>
      <c r="D24" s="18">
        <v>10</v>
      </c>
    </row>
    <row r="25" spans="1:4" ht="18" customHeight="1" x14ac:dyDescent="0.15">
      <c r="A25" s="5">
        <v>16</v>
      </c>
      <c r="B25" s="22">
        <v>8</v>
      </c>
      <c r="C25" s="14">
        <v>8</v>
      </c>
      <c r="D25" s="18">
        <v>16</v>
      </c>
    </row>
    <row r="26" spans="1:4" ht="18" customHeight="1" x14ac:dyDescent="0.15">
      <c r="A26" s="5">
        <v>17</v>
      </c>
      <c r="B26" s="22">
        <v>8</v>
      </c>
      <c r="C26" s="14">
        <v>6</v>
      </c>
      <c r="D26" s="18">
        <v>14</v>
      </c>
    </row>
    <row r="27" spans="1:4" ht="18" customHeight="1" x14ac:dyDescent="0.15">
      <c r="A27" s="5">
        <v>18</v>
      </c>
      <c r="B27" s="22">
        <v>5</v>
      </c>
      <c r="C27" s="14">
        <v>3</v>
      </c>
      <c r="D27" s="18">
        <v>8</v>
      </c>
    </row>
    <row r="28" spans="1:4" ht="18" customHeight="1" x14ac:dyDescent="0.15">
      <c r="A28" s="5">
        <v>19</v>
      </c>
      <c r="B28" s="22">
        <v>12</v>
      </c>
      <c r="C28" s="14">
        <v>3</v>
      </c>
      <c r="D28" s="18">
        <v>15</v>
      </c>
    </row>
    <row r="29" spans="1:4" ht="18" customHeight="1" x14ac:dyDescent="0.15">
      <c r="A29" s="5" t="s">
        <v>14</v>
      </c>
      <c r="B29" s="22">
        <v>39</v>
      </c>
      <c r="C29" s="14">
        <v>24</v>
      </c>
      <c r="D29" s="18">
        <v>63</v>
      </c>
    </row>
    <row r="30" spans="1:4" ht="18" customHeight="1" x14ac:dyDescent="0.15">
      <c r="A30" s="5">
        <v>20</v>
      </c>
      <c r="B30" s="22">
        <v>8</v>
      </c>
      <c r="C30" s="14">
        <v>5</v>
      </c>
      <c r="D30" s="18">
        <v>13</v>
      </c>
    </row>
    <row r="31" spans="1:4" ht="18" customHeight="1" x14ac:dyDescent="0.15">
      <c r="A31" s="5">
        <v>21</v>
      </c>
      <c r="B31" s="22">
        <v>5</v>
      </c>
      <c r="C31" s="14">
        <v>4</v>
      </c>
      <c r="D31" s="18">
        <v>9</v>
      </c>
    </row>
    <row r="32" spans="1:4" ht="18" customHeight="1" x14ac:dyDescent="0.15">
      <c r="A32" s="5">
        <v>22</v>
      </c>
      <c r="B32" s="22">
        <v>7</v>
      </c>
      <c r="C32" s="14">
        <v>4</v>
      </c>
      <c r="D32" s="18">
        <v>11</v>
      </c>
    </row>
    <row r="33" spans="1:4" ht="18" customHeight="1" x14ac:dyDescent="0.15">
      <c r="A33" s="5">
        <v>23</v>
      </c>
      <c r="B33" s="22">
        <v>5</v>
      </c>
      <c r="C33" s="14">
        <v>7</v>
      </c>
      <c r="D33" s="18">
        <v>12</v>
      </c>
    </row>
    <row r="34" spans="1:4" ht="18" customHeight="1" x14ac:dyDescent="0.15">
      <c r="A34" s="5">
        <v>24</v>
      </c>
      <c r="B34" s="22">
        <v>6</v>
      </c>
      <c r="C34" s="14">
        <v>2</v>
      </c>
      <c r="D34" s="18">
        <v>8</v>
      </c>
    </row>
    <row r="35" spans="1:4" ht="18" customHeight="1" x14ac:dyDescent="0.15">
      <c r="A35" s="5" t="s">
        <v>9</v>
      </c>
      <c r="B35" s="22">
        <v>31</v>
      </c>
      <c r="C35" s="14">
        <v>22</v>
      </c>
      <c r="D35" s="18">
        <v>53</v>
      </c>
    </row>
    <row r="36" spans="1:4" ht="18" customHeight="1" x14ac:dyDescent="0.15">
      <c r="A36" s="5">
        <v>25</v>
      </c>
      <c r="B36" s="22">
        <v>4</v>
      </c>
      <c r="C36" s="14">
        <v>4</v>
      </c>
      <c r="D36" s="18">
        <v>8</v>
      </c>
    </row>
    <row r="37" spans="1:4" ht="18" customHeight="1" x14ac:dyDescent="0.15">
      <c r="A37" s="5">
        <v>26</v>
      </c>
      <c r="B37" s="22">
        <v>7</v>
      </c>
      <c r="C37" s="14">
        <v>4</v>
      </c>
      <c r="D37" s="18">
        <v>11</v>
      </c>
    </row>
    <row r="38" spans="1:4" ht="18" customHeight="1" x14ac:dyDescent="0.15">
      <c r="A38" s="5">
        <v>27</v>
      </c>
      <c r="B38" s="22">
        <v>3</v>
      </c>
      <c r="C38" s="14">
        <v>1</v>
      </c>
      <c r="D38" s="18">
        <v>4</v>
      </c>
    </row>
    <row r="39" spans="1:4" ht="18" customHeight="1" x14ac:dyDescent="0.15">
      <c r="A39" s="5">
        <v>28</v>
      </c>
      <c r="B39" s="22">
        <v>4</v>
      </c>
      <c r="C39" s="14">
        <v>5</v>
      </c>
      <c r="D39" s="18">
        <v>9</v>
      </c>
    </row>
    <row r="40" spans="1:4" ht="18" customHeight="1" x14ac:dyDescent="0.15">
      <c r="A40" s="5">
        <v>29</v>
      </c>
      <c r="B40" s="22">
        <v>3</v>
      </c>
      <c r="C40" s="14">
        <v>1</v>
      </c>
      <c r="D40" s="18">
        <v>4</v>
      </c>
    </row>
    <row r="41" spans="1:4" ht="18" customHeight="1" x14ac:dyDescent="0.15">
      <c r="A41" s="5" t="s">
        <v>2</v>
      </c>
      <c r="B41" s="22">
        <v>21</v>
      </c>
      <c r="C41" s="14">
        <v>15</v>
      </c>
      <c r="D41" s="18">
        <v>36</v>
      </c>
    </row>
    <row r="42" spans="1:4" ht="18" customHeight="1" x14ac:dyDescent="0.15">
      <c r="A42" s="5">
        <v>30</v>
      </c>
      <c r="B42" s="22">
        <v>9</v>
      </c>
      <c r="C42" s="14">
        <v>6</v>
      </c>
      <c r="D42" s="18">
        <v>15</v>
      </c>
    </row>
    <row r="43" spans="1:4" ht="18" customHeight="1" x14ac:dyDescent="0.15">
      <c r="A43" s="5">
        <v>31</v>
      </c>
      <c r="B43" s="22">
        <v>3</v>
      </c>
      <c r="C43" s="14">
        <v>3</v>
      </c>
      <c r="D43" s="18">
        <v>6</v>
      </c>
    </row>
    <row r="44" spans="1:4" ht="18" customHeight="1" x14ac:dyDescent="0.15">
      <c r="A44" s="5">
        <v>32</v>
      </c>
      <c r="B44" s="22">
        <v>5</v>
      </c>
      <c r="C44" s="14">
        <v>3</v>
      </c>
      <c r="D44" s="18">
        <v>8</v>
      </c>
    </row>
    <row r="45" spans="1:4" ht="18" customHeight="1" x14ac:dyDescent="0.15">
      <c r="A45" s="5">
        <v>33</v>
      </c>
      <c r="B45" s="22">
        <v>6</v>
      </c>
      <c r="C45" s="14">
        <v>8</v>
      </c>
      <c r="D45" s="18">
        <v>14</v>
      </c>
    </row>
    <row r="46" spans="1:4" ht="18" customHeight="1" x14ac:dyDescent="0.15">
      <c r="A46" s="5">
        <v>34</v>
      </c>
      <c r="B46" s="22">
        <v>5</v>
      </c>
      <c r="C46" s="14">
        <v>6</v>
      </c>
      <c r="D46" s="18">
        <v>11</v>
      </c>
    </row>
    <row r="47" spans="1:4" ht="18" customHeight="1" x14ac:dyDescent="0.15">
      <c r="A47" s="5" t="s">
        <v>15</v>
      </c>
      <c r="B47" s="22">
        <v>28</v>
      </c>
      <c r="C47" s="14">
        <v>26</v>
      </c>
      <c r="D47" s="18">
        <v>54</v>
      </c>
    </row>
    <row r="48" spans="1:4" ht="18" customHeight="1" x14ac:dyDescent="0.15">
      <c r="A48" s="5">
        <v>35</v>
      </c>
      <c r="B48" s="22">
        <v>8</v>
      </c>
      <c r="C48" s="14">
        <v>6</v>
      </c>
      <c r="D48" s="18">
        <v>14</v>
      </c>
    </row>
    <row r="49" spans="1:4" ht="18" customHeight="1" x14ac:dyDescent="0.15">
      <c r="A49" s="5">
        <v>36</v>
      </c>
      <c r="B49" s="22">
        <v>6</v>
      </c>
      <c r="C49" s="14">
        <v>7</v>
      </c>
      <c r="D49" s="18">
        <v>13</v>
      </c>
    </row>
    <row r="50" spans="1:4" ht="18" customHeight="1" x14ac:dyDescent="0.15">
      <c r="A50" s="5">
        <v>37</v>
      </c>
      <c r="B50" s="22">
        <v>12</v>
      </c>
      <c r="C50" s="14">
        <v>5</v>
      </c>
      <c r="D50" s="18">
        <v>17</v>
      </c>
    </row>
    <row r="51" spans="1:4" ht="18" customHeight="1" x14ac:dyDescent="0.15">
      <c r="A51" s="5">
        <v>38</v>
      </c>
      <c r="B51" s="22">
        <v>7</v>
      </c>
      <c r="C51" s="14">
        <v>4</v>
      </c>
      <c r="D51" s="18">
        <v>11</v>
      </c>
    </row>
    <row r="52" spans="1:4" ht="18" customHeight="1" x14ac:dyDescent="0.15">
      <c r="A52" s="5">
        <v>39</v>
      </c>
      <c r="B52" s="22">
        <v>12</v>
      </c>
      <c r="C52" s="14">
        <v>6</v>
      </c>
      <c r="D52" s="18">
        <v>18</v>
      </c>
    </row>
    <row r="53" spans="1:4" ht="18" customHeight="1" x14ac:dyDescent="0.15">
      <c r="A53" s="5" t="s">
        <v>18</v>
      </c>
      <c r="B53" s="22">
        <v>45</v>
      </c>
      <c r="C53" s="14">
        <v>28</v>
      </c>
      <c r="D53" s="18">
        <v>73</v>
      </c>
    </row>
    <row r="54" spans="1:4" ht="18" customHeight="1" x14ac:dyDescent="0.15">
      <c r="A54" s="5">
        <v>40</v>
      </c>
      <c r="B54" s="22">
        <v>9</v>
      </c>
      <c r="C54" s="14">
        <v>11</v>
      </c>
      <c r="D54" s="18">
        <v>20</v>
      </c>
    </row>
    <row r="55" spans="1:4" ht="18" customHeight="1" x14ac:dyDescent="0.15">
      <c r="A55" s="5">
        <v>41</v>
      </c>
      <c r="B55" s="22">
        <v>10</v>
      </c>
      <c r="C55" s="14">
        <v>7</v>
      </c>
      <c r="D55" s="18">
        <v>17</v>
      </c>
    </row>
    <row r="56" spans="1:4" ht="18" customHeight="1" x14ac:dyDescent="0.15">
      <c r="A56" s="5">
        <v>42</v>
      </c>
      <c r="B56" s="22">
        <v>6</v>
      </c>
      <c r="C56" s="14">
        <v>9</v>
      </c>
      <c r="D56" s="18">
        <v>15</v>
      </c>
    </row>
    <row r="57" spans="1:4" ht="18" customHeight="1" x14ac:dyDescent="0.15">
      <c r="A57" s="5">
        <v>43</v>
      </c>
      <c r="B57" s="22">
        <v>7</v>
      </c>
      <c r="C57" s="14">
        <v>1</v>
      </c>
      <c r="D57" s="18">
        <v>8</v>
      </c>
    </row>
    <row r="58" spans="1:4" ht="18" customHeight="1" x14ac:dyDescent="0.15">
      <c r="A58" s="5">
        <v>44</v>
      </c>
      <c r="B58" s="22">
        <v>10</v>
      </c>
      <c r="C58" s="14">
        <v>8</v>
      </c>
      <c r="D58" s="18">
        <v>18</v>
      </c>
    </row>
    <row r="59" spans="1:4" ht="18" customHeight="1" x14ac:dyDescent="0.15">
      <c r="A59" s="5" t="s">
        <v>21</v>
      </c>
      <c r="B59" s="22">
        <v>42</v>
      </c>
      <c r="C59" s="14">
        <v>36</v>
      </c>
      <c r="D59" s="18">
        <v>78</v>
      </c>
    </row>
    <row r="60" spans="1:4" ht="18" customHeight="1" x14ac:dyDescent="0.15">
      <c r="A60" s="5">
        <v>45</v>
      </c>
      <c r="B60" s="22">
        <v>6</v>
      </c>
      <c r="C60" s="14">
        <v>4</v>
      </c>
      <c r="D60" s="18">
        <v>10</v>
      </c>
    </row>
    <row r="61" spans="1:4" ht="18" customHeight="1" x14ac:dyDescent="0.15">
      <c r="A61" s="5">
        <v>46</v>
      </c>
      <c r="B61" s="22">
        <v>12</v>
      </c>
      <c r="C61" s="14">
        <v>6</v>
      </c>
      <c r="D61" s="18">
        <v>18</v>
      </c>
    </row>
    <row r="62" spans="1:4" ht="18" customHeight="1" x14ac:dyDescent="0.15">
      <c r="A62" s="5">
        <v>47</v>
      </c>
      <c r="B62" s="22">
        <v>10</v>
      </c>
      <c r="C62" s="14">
        <v>13</v>
      </c>
      <c r="D62" s="18">
        <v>23</v>
      </c>
    </row>
    <row r="63" spans="1:4" ht="18" customHeight="1" x14ac:dyDescent="0.15">
      <c r="A63" s="5">
        <v>48</v>
      </c>
      <c r="B63" s="22">
        <v>10</v>
      </c>
      <c r="C63" s="14">
        <v>10</v>
      </c>
      <c r="D63" s="18">
        <v>20</v>
      </c>
    </row>
    <row r="64" spans="1:4" ht="18" customHeight="1" x14ac:dyDescent="0.15">
      <c r="A64" s="5">
        <v>49</v>
      </c>
      <c r="B64" s="22">
        <v>13</v>
      </c>
      <c r="C64" s="14">
        <v>9</v>
      </c>
      <c r="D64" s="18">
        <v>22</v>
      </c>
    </row>
    <row r="65" spans="1:4" ht="18" customHeight="1" x14ac:dyDescent="0.15">
      <c r="A65" s="5" t="s">
        <v>17</v>
      </c>
      <c r="B65" s="22">
        <v>51</v>
      </c>
      <c r="C65" s="14">
        <v>42</v>
      </c>
      <c r="D65" s="18">
        <v>93</v>
      </c>
    </row>
    <row r="66" spans="1:4" ht="18" customHeight="1" x14ac:dyDescent="0.15">
      <c r="A66" s="5">
        <v>50</v>
      </c>
      <c r="B66" s="22">
        <v>15</v>
      </c>
      <c r="C66" s="14">
        <v>8</v>
      </c>
      <c r="D66" s="18">
        <v>23</v>
      </c>
    </row>
    <row r="67" spans="1:4" ht="18" customHeight="1" x14ac:dyDescent="0.15">
      <c r="A67" s="5">
        <v>51</v>
      </c>
      <c r="B67" s="22">
        <v>12</v>
      </c>
      <c r="C67" s="14">
        <v>16</v>
      </c>
      <c r="D67" s="18">
        <v>28</v>
      </c>
    </row>
    <row r="68" spans="1:4" ht="18" customHeight="1" x14ac:dyDescent="0.15">
      <c r="A68" s="5">
        <v>52</v>
      </c>
      <c r="B68" s="22">
        <v>19</v>
      </c>
      <c r="C68" s="14">
        <v>13</v>
      </c>
      <c r="D68" s="18">
        <v>32</v>
      </c>
    </row>
    <row r="69" spans="1:4" ht="18" customHeight="1" x14ac:dyDescent="0.15">
      <c r="A69" s="5">
        <v>53</v>
      </c>
      <c r="B69" s="22">
        <v>15</v>
      </c>
      <c r="C69" s="14">
        <v>10</v>
      </c>
      <c r="D69" s="18">
        <v>25</v>
      </c>
    </row>
    <row r="70" spans="1:4" ht="18" customHeight="1" x14ac:dyDescent="0.15">
      <c r="A70" s="5">
        <v>54</v>
      </c>
      <c r="B70" s="22">
        <v>12</v>
      </c>
      <c r="C70" s="14">
        <v>11</v>
      </c>
      <c r="D70" s="18">
        <v>23</v>
      </c>
    </row>
    <row r="71" spans="1:4" ht="18" customHeight="1" x14ac:dyDescent="0.15">
      <c r="A71" s="5" t="s">
        <v>22</v>
      </c>
      <c r="B71" s="22">
        <v>73</v>
      </c>
      <c r="C71" s="14">
        <v>58</v>
      </c>
      <c r="D71" s="18">
        <v>131</v>
      </c>
    </row>
    <row r="72" spans="1:4" ht="18" customHeight="1" x14ac:dyDescent="0.15">
      <c r="A72" s="5">
        <v>55</v>
      </c>
      <c r="B72" s="22">
        <v>10</v>
      </c>
      <c r="C72" s="14">
        <v>16</v>
      </c>
      <c r="D72" s="18">
        <v>26</v>
      </c>
    </row>
    <row r="73" spans="1:4" ht="18" customHeight="1" x14ac:dyDescent="0.15">
      <c r="A73" s="5">
        <v>56</v>
      </c>
      <c r="B73" s="22">
        <v>12</v>
      </c>
      <c r="C73" s="14">
        <v>7</v>
      </c>
      <c r="D73" s="18">
        <v>19</v>
      </c>
    </row>
    <row r="74" spans="1:4" ht="18" customHeight="1" x14ac:dyDescent="0.15">
      <c r="A74" s="5">
        <v>57</v>
      </c>
      <c r="B74" s="22">
        <v>12</v>
      </c>
      <c r="C74" s="14">
        <v>9</v>
      </c>
      <c r="D74" s="18">
        <v>21</v>
      </c>
    </row>
    <row r="75" spans="1:4" ht="18" customHeight="1" x14ac:dyDescent="0.15">
      <c r="A75" s="5">
        <v>58</v>
      </c>
      <c r="B75" s="22">
        <v>15</v>
      </c>
      <c r="C75" s="14">
        <v>8</v>
      </c>
      <c r="D75" s="18">
        <v>23</v>
      </c>
    </row>
    <row r="76" spans="1:4" ht="18" customHeight="1" x14ac:dyDescent="0.15">
      <c r="A76" s="5">
        <v>59</v>
      </c>
      <c r="B76" s="22">
        <v>7</v>
      </c>
      <c r="C76" s="14">
        <v>13</v>
      </c>
      <c r="D76" s="18">
        <v>20</v>
      </c>
    </row>
    <row r="77" spans="1:4" ht="18" customHeight="1" x14ac:dyDescent="0.15">
      <c r="A77" s="5" t="s">
        <v>27</v>
      </c>
      <c r="B77" s="22">
        <v>56</v>
      </c>
      <c r="C77" s="14">
        <v>53</v>
      </c>
      <c r="D77" s="18">
        <v>109</v>
      </c>
    </row>
    <row r="78" spans="1:4" ht="18" customHeight="1" x14ac:dyDescent="0.15">
      <c r="A78" s="5">
        <v>60</v>
      </c>
      <c r="B78" s="22">
        <v>9</v>
      </c>
      <c r="C78" s="14">
        <v>13</v>
      </c>
      <c r="D78" s="18">
        <v>22</v>
      </c>
    </row>
    <row r="79" spans="1:4" ht="18" customHeight="1" x14ac:dyDescent="0.15">
      <c r="A79" s="5">
        <v>61</v>
      </c>
      <c r="B79" s="22">
        <v>14</v>
      </c>
      <c r="C79" s="14">
        <v>13</v>
      </c>
      <c r="D79" s="18">
        <v>27</v>
      </c>
    </row>
    <row r="80" spans="1:4" ht="18" customHeight="1" x14ac:dyDescent="0.15">
      <c r="A80" s="5">
        <v>62</v>
      </c>
      <c r="B80" s="22">
        <v>2</v>
      </c>
      <c r="C80" s="14">
        <v>10</v>
      </c>
      <c r="D80" s="18">
        <v>12</v>
      </c>
    </row>
    <row r="81" spans="1:4" ht="18" customHeight="1" x14ac:dyDescent="0.15">
      <c r="A81" s="5">
        <v>63</v>
      </c>
      <c r="B81" s="22">
        <v>11</v>
      </c>
      <c r="C81" s="14">
        <v>18</v>
      </c>
      <c r="D81" s="18">
        <v>29</v>
      </c>
    </row>
    <row r="82" spans="1:4" ht="18" customHeight="1" x14ac:dyDescent="0.15">
      <c r="A82" s="5">
        <v>64</v>
      </c>
      <c r="B82" s="22">
        <v>13</v>
      </c>
      <c r="C82" s="14">
        <v>14</v>
      </c>
      <c r="D82" s="18">
        <v>27</v>
      </c>
    </row>
    <row r="83" spans="1:4" ht="18" customHeight="1" x14ac:dyDescent="0.15">
      <c r="A83" s="5" t="s">
        <v>28</v>
      </c>
      <c r="B83" s="22">
        <v>49</v>
      </c>
      <c r="C83" s="14">
        <v>68</v>
      </c>
      <c r="D83" s="18">
        <v>117</v>
      </c>
    </row>
    <row r="84" spans="1:4" ht="18" customHeight="1" x14ac:dyDescent="0.15">
      <c r="A84" s="5" t="s">
        <v>31</v>
      </c>
      <c r="B84" s="22">
        <v>435</v>
      </c>
      <c r="C84" s="14">
        <v>372</v>
      </c>
      <c r="D84" s="18">
        <v>807</v>
      </c>
    </row>
    <row r="85" spans="1:4" ht="18" customHeight="1" x14ac:dyDescent="0.15">
      <c r="A85" s="5">
        <v>65</v>
      </c>
      <c r="B85" s="22">
        <v>13</v>
      </c>
      <c r="C85" s="14">
        <v>10</v>
      </c>
      <c r="D85" s="18">
        <v>23</v>
      </c>
    </row>
    <row r="86" spans="1:4" ht="18" customHeight="1" x14ac:dyDescent="0.15">
      <c r="A86" s="5">
        <v>66</v>
      </c>
      <c r="B86" s="22">
        <v>13</v>
      </c>
      <c r="C86" s="14">
        <v>11</v>
      </c>
      <c r="D86" s="18">
        <v>24</v>
      </c>
    </row>
    <row r="87" spans="1:4" ht="18" customHeight="1" x14ac:dyDescent="0.15">
      <c r="A87" s="5">
        <v>67</v>
      </c>
      <c r="B87" s="22">
        <v>16</v>
      </c>
      <c r="C87" s="14">
        <v>11</v>
      </c>
      <c r="D87" s="18">
        <v>27</v>
      </c>
    </row>
    <row r="88" spans="1:4" ht="18" customHeight="1" x14ac:dyDescent="0.15">
      <c r="A88" s="5">
        <v>68</v>
      </c>
      <c r="B88" s="22">
        <v>12</v>
      </c>
      <c r="C88" s="14">
        <v>16</v>
      </c>
      <c r="D88" s="18">
        <v>28</v>
      </c>
    </row>
    <row r="89" spans="1:4" ht="18" customHeight="1" x14ac:dyDescent="0.15">
      <c r="A89" s="5">
        <v>69</v>
      </c>
      <c r="B89" s="22">
        <v>8</v>
      </c>
      <c r="C89" s="14">
        <v>11</v>
      </c>
      <c r="D89" s="18">
        <v>19</v>
      </c>
    </row>
    <row r="90" spans="1:4" ht="18" customHeight="1" x14ac:dyDescent="0.15">
      <c r="A90" s="5" t="s">
        <v>20</v>
      </c>
      <c r="B90" s="22">
        <v>62</v>
      </c>
      <c r="C90" s="14">
        <v>59</v>
      </c>
      <c r="D90" s="18">
        <v>121</v>
      </c>
    </row>
    <row r="91" spans="1:4" ht="18" customHeight="1" x14ac:dyDescent="0.15">
      <c r="A91" s="5">
        <v>70</v>
      </c>
      <c r="B91" s="22">
        <v>18</v>
      </c>
      <c r="C91" s="14">
        <v>10</v>
      </c>
      <c r="D91" s="18">
        <v>28</v>
      </c>
    </row>
    <row r="92" spans="1:4" ht="18" customHeight="1" x14ac:dyDescent="0.15">
      <c r="A92" s="5">
        <v>71</v>
      </c>
      <c r="B92" s="22">
        <v>8</v>
      </c>
      <c r="C92" s="14">
        <v>16</v>
      </c>
      <c r="D92" s="18">
        <v>24</v>
      </c>
    </row>
    <row r="93" spans="1:4" ht="18" customHeight="1" x14ac:dyDescent="0.15">
      <c r="A93" s="5">
        <v>72</v>
      </c>
      <c r="B93" s="22">
        <v>12</v>
      </c>
      <c r="C93" s="14">
        <v>16</v>
      </c>
      <c r="D93" s="18">
        <v>28</v>
      </c>
    </row>
    <row r="94" spans="1:4" ht="18" customHeight="1" x14ac:dyDescent="0.15">
      <c r="A94" s="5">
        <v>73</v>
      </c>
      <c r="B94" s="22">
        <v>16</v>
      </c>
      <c r="C94" s="14">
        <v>17</v>
      </c>
      <c r="D94" s="18">
        <v>33</v>
      </c>
    </row>
    <row r="95" spans="1:4" ht="18" customHeight="1" x14ac:dyDescent="0.15">
      <c r="A95" s="5">
        <v>74</v>
      </c>
      <c r="B95" s="22">
        <v>21</v>
      </c>
      <c r="C95" s="14">
        <v>19</v>
      </c>
      <c r="D95" s="18">
        <v>40</v>
      </c>
    </row>
    <row r="96" spans="1:4" ht="18" customHeight="1" x14ac:dyDescent="0.15">
      <c r="A96" s="5" t="s">
        <v>33</v>
      </c>
      <c r="B96" s="22">
        <v>75</v>
      </c>
      <c r="C96" s="14">
        <v>78</v>
      </c>
      <c r="D96" s="18">
        <v>153</v>
      </c>
    </row>
    <row r="97" spans="1:4" ht="18" customHeight="1" x14ac:dyDescent="0.15">
      <c r="A97" s="5">
        <v>75</v>
      </c>
      <c r="B97" s="22">
        <v>21</v>
      </c>
      <c r="C97" s="14">
        <v>19</v>
      </c>
      <c r="D97" s="18">
        <v>40</v>
      </c>
    </row>
    <row r="98" spans="1:4" ht="18" customHeight="1" x14ac:dyDescent="0.15">
      <c r="A98" s="5">
        <v>76</v>
      </c>
      <c r="B98" s="22">
        <v>17</v>
      </c>
      <c r="C98" s="14">
        <v>25</v>
      </c>
      <c r="D98" s="18">
        <v>42</v>
      </c>
    </row>
    <row r="99" spans="1:4" ht="18" customHeight="1" x14ac:dyDescent="0.15">
      <c r="A99" s="5">
        <v>77</v>
      </c>
      <c r="B99" s="22">
        <v>21</v>
      </c>
      <c r="C99" s="14">
        <v>29</v>
      </c>
      <c r="D99" s="18">
        <v>50</v>
      </c>
    </row>
    <row r="100" spans="1:4" ht="18" customHeight="1" x14ac:dyDescent="0.15">
      <c r="A100" s="5">
        <v>78</v>
      </c>
      <c r="B100" s="22">
        <v>24</v>
      </c>
      <c r="C100" s="14">
        <v>31</v>
      </c>
      <c r="D100" s="18">
        <v>55</v>
      </c>
    </row>
    <row r="101" spans="1:4" ht="18" customHeight="1" x14ac:dyDescent="0.15">
      <c r="A101" s="5">
        <v>79</v>
      </c>
      <c r="B101" s="22">
        <v>20</v>
      </c>
      <c r="C101" s="14">
        <v>25</v>
      </c>
      <c r="D101" s="18">
        <v>45</v>
      </c>
    </row>
    <row r="102" spans="1:4" ht="18" customHeight="1" x14ac:dyDescent="0.15">
      <c r="A102" s="5" t="s">
        <v>0</v>
      </c>
      <c r="B102" s="22">
        <v>103</v>
      </c>
      <c r="C102" s="14">
        <v>129</v>
      </c>
      <c r="D102" s="18">
        <v>232</v>
      </c>
    </row>
    <row r="103" spans="1:4" ht="18" customHeight="1" x14ac:dyDescent="0.15">
      <c r="A103" s="5">
        <v>80</v>
      </c>
      <c r="B103" s="22">
        <v>10</v>
      </c>
      <c r="C103" s="14">
        <v>17</v>
      </c>
      <c r="D103" s="18">
        <v>27</v>
      </c>
    </row>
    <row r="104" spans="1:4" ht="18" customHeight="1" x14ac:dyDescent="0.15">
      <c r="A104" s="5">
        <v>81</v>
      </c>
      <c r="B104" s="22">
        <v>10</v>
      </c>
      <c r="C104" s="14">
        <v>6</v>
      </c>
      <c r="D104" s="18">
        <v>16</v>
      </c>
    </row>
    <row r="105" spans="1:4" ht="18" customHeight="1" x14ac:dyDescent="0.15">
      <c r="A105" s="5">
        <v>82</v>
      </c>
      <c r="B105" s="22">
        <v>12</v>
      </c>
      <c r="C105" s="14">
        <v>19</v>
      </c>
      <c r="D105" s="18">
        <v>31</v>
      </c>
    </row>
    <row r="106" spans="1:4" ht="18" customHeight="1" x14ac:dyDescent="0.15">
      <c r="A106" s="5">
        <v>83</v>
      </c>
      <c r="B106" s="22">
        <v>13</v>
      </c>
      <c r="C106" s="14">
        <v>15</v>
      </c>
      <c r="D106" s="18">
        <v>28</v>
      </c>
    </row>
    <row r="107" spans="1:4" ht="18" customHeight="1" x14ac:dyDescent="0.15">
      <c r="A107" s="5">
        <v>84</v>
      </c>
      <c r="B107" s="22">
        <v>17</v>
      </c>
      <c r="C107" s="14">
        <v>10</v>
      </c>
      <c r="D107" s="18">
        <v>27</v>
      </c>
    </row>
    <row r="108" spans="1:4" ht="18" customHeight="1" x14ac:dyDescent="0.15">
      <c r="A108" s="5" t="s">
        <v>35</v>
      </c>
      <c r="B108" s="22">
        <v>62</v>
      </c>
      <c r="C108" s="14">
        <v>67</v>
      </c>
      <c r="D108" s="18">
        <v>129</v>
      </c>
    </row>
    <row r="109" spans="1:4" ht="18" customHeight="1" x14ac:dyDescent="0.15">
      <c r="A109" s="5">
        <v>85</v>
      </c>
      <c r="B109" s="22">
        <v>5</v>
      </c>
      <c r="C109" s="14">
        <v>13</v>
      </c>
      <c r="D109" s="18">
        <v>18</v>
      </c>
    </row>
    <row r="110" spans="1:4" ht="18" customHeight="1" x14ac:dyDescent="0.15">
      <c r="A110" s="5">
        <v>86</v>
      </c>
      <c r="B110" s="22">
        <v>7</v>
      </c>
      <c r="C110" s="14">
        <v>14</v>
      </c>
      <c r="D110" s="18">
        <v>21</v>
      </c>
    </row>
    <row r="111" spans="1:4" ht="18" customHeight="1" x14ac:dyDescent="0.15">
      <c r="A111" s="5">
        <v>87</v>
      </c>
      <c r="B111" s="22">
        <v>3</v>
      </c>
      <c r="C111" s="14">
        <v>11</v>
      </c>
      <c r="D111" s="18">
        <v>14</v>
      </c>
    </row>
    <row r="112" spans="1:4" ht="18" customHeight="1" x14ac:dyDescent="0.15">
      <c r="A112" s="5">
        <v>88</v>
      </c>
      <c r="B112" s="22">
        <v>5</v>
      </c>
      <c r="C112" s="14">
        <v>7</v>
      </c>
      <c r="D112" s="18">
        <v>12</v>
      </c>
    </row>
    <row r="113" spans="1:4" ht="18" customHeight="1" x14ac:dyDescent="0.15">
      <c r="A113" s="5">
        <v>89</v>
      </c>
      <c r="B113" s="22">
        <v>6</v>
      </c>
      <c r="C113" s="14">
        <v>13</v>
      </c>
      <c r="D113" s="18">
        <v>19</v>
      </c>
    </row>
    <row r="114" spans="1:4" ht="18" customHeight="1" x14ac:dyDescent="0.15">
      <c r="A114" s="5" t="s">
        <v>37</v>
      </c>
      <c r="B114" s="22">
        <v>26</v>
      </c>
      <c r="C114" s="14">
        <v>58</v>
      </c>
      <c r="D114" s="18">
        <v>84</v>
      </c>
    </row>
    <row r="115" spans="1:4" ht="18" customHeight="1" x14ac:dyDescent="0.15">
      <c r="A115" s="5">
        <v>90</v>
      </c>
      <c r="B115" s="22">
        <v>1</v>
      </c>
      <c r="C115" s="14">
        <v>9</v>
      </c>
      <c r="D115" s="18">
        <v>10</v>
      </c>
    </row>
    <row r="116" spans="1:4" ht="18" customHeight="1" x14ac:dyDescent="0.15">
      <c r="A116" s="5">
        <v>91</v>
      </c>
      <c r="B116" s="22">
        <v>1</v>
      </c>
      <c r="C116" s="14">
        <v>2</v>
      </c>
      <c r="D116" s="18">
        <v>3</v>
      </c>
    </row>
    <row r="117" spans="1:4" ht="18" customHeight="1" x14ac:dyDescent="0.15">
      <c r="A117" s="5">
        <v>92</v>
      </c>
      <c r="B117" s="22">
        <v>4</v>
      </c>
      <c r="C117" s="14">
        <v>11</v>
      </c>
      <c r="D117" s="18">
        <v>15</v>
      </c>
    </row>
    <row r="118" spans="1:4" ht="18" customHeight="1" x14ac:dyDescent="0.15">
      <c r="A118" s="5">
        <v>93</v>
      </c>
      <c r="B118" s="22">
        <v>2</v>
      </c>
      <c r="C118" s="14">
        <v>4</v>
      </c>
      <c r="D118" s="18">
        <v>6</v>
      </c>
    </row>
    <row r="119" spans="1:4" ht="18" customHeight="1" x14ac:dyDescent="0.15">
      <c r="A119" s="5">
        <v>94</v>
      </c>
      <c r="B119" s="22">
        <v>2</v>
      </c>
      <c r="C119" s="14">
        <v>3</v>
      </c>
      <c r="D119" s="18">
        <v>5</v>
      </c>
    </row>
    <row r="120" spans="1:4" ht="18" customHeight="1" x14ac:dyDescent="0.15">
      <c r="A120" s="5" t="s">
        <v>39</v>
      </c>
      <c r="B120" s="22">
        <v>10</v>
      </c>
      <c r="C120" s="14">
        <v>29</v>
      </c>
      <c r="D120" s="18">
        <v>39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1</v>
      </c>
      <c r="C122" s="14">
        <v>3</v>
      </c>
      <c r="D122" s="18">
        <v>4</v>
      </c>
    </row>
    <row r="123" spans="1:4" ht="18" customHeight="1" x14ac:dyDescent="0.15">
      <c r="A123" s="5">
        <v>97</v>
      </c>
      <c r="B123" s="22">
        <v>2</v>
      </c>
      <c r="C123" s="14">
        <v>0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2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11</v>
      </c>
      <c r="D126" s="18">
        <v>16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343</v>
      </c>
      <c r="C130" s="14">
        <v>432</v>
      </c>
      <c r="D130" s="18">
        <v>775</v>
      </c>
    </row>
    <row r="131" spans="1:4" ht="18" customHeight="1" x14ac:dyDescent="0.15">
      <c r="A131" s="7" t="s">
        <v>45</v>
      </c>
      <c r="B131" s="23">
        <v>838</v>
      </c>
      <c r="C131" s="15">
        <v>865</v>
      </c>
      <c r="D131" s="19">
        <v>170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3</v>
      </c>
      <c r="C5" s="13">
        <v>8</v>
      </c>
      <c r="D5" s="17">
        <v>21</v>
      </c>
    </row>
    <row r="6" spans="1:4" ht="18" customHeight="1" x14ac:dyDescent="0.15">
      <c r="A6" s="5">
        <v>1</v>
      </c>
      <c r="B6" s="22">
        <v>8</v>
      </c>
      <c r="C6" s="14">
        <v>10</v>
      </c>
      <c r="D6" s="18">
        <v>18</v>
      </c>
    </row>
    <row r="7" spans="1:4" ht="18" customHeight="1" x14ac:dyDescent="0.15">
      <c r="A7" s="5">
        <v>2</v>
      </c>
      <c r="B7" s="22">
        <v>6</v>
      </c>
      <c r="C7" s="14">
        <v>12</v>
      </c>
      <c r="D7" s="18">
        <v>18</v>
      </c>
    </row>
    <row r="8" spans="1:4" ht="18" customHeight="1" x14ac:dyDescent="0.15">
      <c r="A8" s="5">
        <v>3</v>
      </c>
      <c r="B8" s="22">
        <v>9</v>
      </c>
      <c r="C8" s="14">
        <v>10</v>
      </c>
      <c r="D8" s="18">
        <v>19</v>
      </c>
    </row>
    <row r="9" spans="1:4" ht="18" customHeight="1" x14ac:dyDescent="0.15">
      <c r="A9" s="5">
        <v>4</v>
      </c>
      <c r="B9" s="22">
        <v>11</v>
      </c>
      <c r="C9" s="14">
        <v>12</v>
      </c>
      <c r="D9" s="18">
        <v>23</v>
      </c>
    </row>
    <row r="10" spans="1:4" ht="18" customHeight="1" x14ac:dyDescent="0.15">
      <c r="A10" s="5" t="s">
        <v>7</v>
      </c>
      <c r="B10" s="22">
        <v>47</v>
      </c>
      <c r="C10" s="14">
        <v>52</v>
      </c>
      <c r="D10" s="18">
        <v>99</v>
      </c>
    </row>
    <row r="11" spans="1:4" ht="18" customHeight="1" x14ac:dyDescent="0.15">
      <c r="A11" s="5">
        <v>5</v>
      </c>
      <c r="B11" s="22">
        <v>14</v>
      </c>
      <c r="C11" s="14">
        <v>9</v>
      </c>
      <c r="D11" s="18">
        <v>23</v>
      </c>
    </row>
    <row r="12" spans="1:4" ht="18" customHeight="1" x14ac:dyDescent="0.15">
      <c r="A12" s="5">
        <v>6</v>
      </c>
      <c r="B12" s="22">
        <v>6</v>
      </c>
      <c r="C12" s="14">
        <v>8</v>
      </c>
      <c r="D12" s="18">
        <v>14</v>
      </c>
    </row>
    <row r="13" spans="1:4" ht="18" customHeight="1" x14ac:dyDescent="0.15">
      <c r="A13" s="5">
        <v>7</v>
      </c>
      <c r="B13" s="22">
        <v>10</v>
      </c>
      <c r="C13" s="14">
        <v>6</v>
      </c>
      <c r="D13" s="18">
        <v>16</v>
      </c>
    </row>
    <row r="14" spans="1:4" ht="18" customHeight="1" x14ac:dyDescent="0.15">
      <c r="A14" s="5">
        <v>8</v>
      </c>
      <c r="B14" s="22">
        <v>11</v>
      </c>
      <c r="C14" s="14">
        <v>11</v>
      </c>
      <c r="D14" s="18">
        <v>22</v>
      </c>
    </row>
    <row r="15" spans="1:4" ht="18" customHeight="1" x14ac:dyDescent="0.15">
      <c r="A15" s="5">
        <v>9</v>
      </c>
      <c r="B15" s="22">
        <v>8</v>
      </c>
      <c r="C15" s="14">
        <v>12</v>
      </c>
      <c r="D15" s="18">
        <v>20</v>
      </c>
    </row>
    <row r="16" spans="1:4" ht="18" customHeight="1" x14ac:dyDescent="0.15">
      <c r="A16" s="5" t="s">
        <v>11</v>
      </c>
      <c r="B16" s="22">
        <v>49</v>
      </c>
      <c r="C16" s="14">
        <v>46</v>
      </c>
      <c r="D16" s="18">
        <v>95</v>
      </c>
    </row>
    <row r="17" spans="1:4" ht="18" customHeight="1" x14ac:dyDescent="0.15">
      <c r="A17" s="5">
        <v>10</v>
      </c>
      <c r="B17" s="22">
        <v>16</v>
      </c>
      <c r="C17" s="14">
        <v>11</v>
      </c>
      <c r="D17" s="18">
        <v>27</v>
      </c>
    </row>
    <row r="18" spans="1:4" ht="18" customHeight="1" x14ac:dyDescent="0.15">
      <c r="A18" s="5">
        <v>11</v>
      </c>
      <c r="B18" s="22">
        <v>12</v>
      </c>
      <c r="C18" s="14">
        <v>10</v>
      </c>
      <c r="D18" s="18">
        <v>22</v>
      </c>
    </row>
    <row r="19" spans="1:4" ht="18" customHeight="1" x14ac:dyDescent="0.15">
      <c r="A19" s="5">
        <v>12</v>
      </c>
      <c r="B19" s="22">
        <v>10</v>
      </c>
      <c r="C19" s="14">
        <v>8</v>
      </c>
      <c r="D19" s="18">
        <v>18</v>
      </c>
    </row>
    <row r="20" spans="1:4" ht="18" customHeight="1" x14ac:dyDescent="0.15">
      <c r="A20" s="5">
        <v>13</v>
      </c>
      <c r="B20" s="22">
        <v>11</v>
      </c>
      <c r="C20" s="14">
        <v>12</v>
      </c>
      <c r="D20" s="18">
        <v>23</v>
      </c>
    </row>
    <row r="21" spans="1:4" ht="18" customHeight="1" x14ac:dyDescent="0.15">
      <c r="A21" s="5">
        <v>14</v>
      </c>
      <c r="B21" s="22">
        <v>13</v>
      </c>
      <c r="C21" s="14">
        <v>12</v>
      </c>
      <c r="D21" s="18">
        <v>25</v>
      </c>
    </row>
    <row r="22" spans="1:4" ht="18" customHeight="1" x14ac:dyDescent="0.15">
      <c r="A22" s="5" t="s">
        <v>12</v>
      </c>
      <c r="B22" s="22">
        <v>62</v>
      </c>
      <c r="C22" s="14">
        <v>53</v>
      </c>
      <c r="D22" s="18">
        <v>115</v>
      </c>
    </row>
    <row r="23" spans="1:4" ht="18" customHeight="1" x14ac:dyDescent="0.15">
      <c r="A23" s="5" t="s">
        <v>6</v>
      </c>
      <c r="B23" s="22">
        <v>158</v>
      </c>
      <c r="C23" s="14">
        <v>151</v>
      </c>
      <c r="D23" s="18">
        <v>309</v>
      </c>
    </row>
    <row r="24" spans="1:4" ht="18" customHeight="1" x14ac:dyDescent="0.15">
      <c r="A24" s="5">
        <v>15</v>
      </c>
      <c r="B24" s="22">
        <v>17</v>
      </c>
      <c r="C24" s="14">
        <v>10</v>
      </c>
      <c r="D24" s="18">
        <v>27</v>
      </c>
    </row>
    <row r="25" spans="1:4" ht="18" customHeight="1" x14ac:dyDescent="0.15">
      <c r="A25" s="5">
        <v>16</v>
      </c>
      <c r="B25" s="22">
        <v>10</v>
      </c>
      <c r="C25" s="14">
        <v>13</v>
      </c>
      <c r="D25" s="18">
        <v>23</v>
      </c>
    </row>
    <row r="26" spans="1:4" ht="18" customHeight="1" x14ac:dyDescent="0.15">
      <c r="A26" s="5">
        <v>17</v>
      </c>
      <c r="B26" s="22">
        <v>11</v>
      </c>
      <c r="C26" s="14">
        <v>18</v>
      </c>
      <c r="D26" s="18">
        <v>29</v>
      </c>
    </row>
    <row r="27" spans="1:4" ht="18" customHeight="1" x14ac:dyDescent="0.15">
      <c r="A27" s="5">
        <v>18</v>
      </c>
      <c r="B27" s="22">
        <v>18</v>
      </c>
      <c r="C27" s="14">
        <v>15</v>
      </c>
      <c r="D27" s="18">
        <v>33</v>
      </c>
    </row>
    <row r="28" spans="1:4" ht="18" customHeight="1" x14ac:dyDescent="0.15">
      <c r="A28" s="5">
        <v>19</v>
      </c>
      <c r="B28" s="22">
        <v>12</v>
      </c>
      <c r="C28" s="14">
        <v>9</v>
      </c>
      <c r="D28" s="18">
        <v>21</v>
      </c>
    </row>
    <row r="29" spans="1:4" ht="18" customHeight="1" x14ac:dyDescent="0.15">
      <c r="A29" s="5" t="s">
        <v>14</v>
      </c>
      <c r="B29" s="22">
        <v>68</v>
      </c>
      <c r="C29" s="14">
        <v>65</v>
      </c>
      <c r="D29" s="18">
        <v>133</v>
      </c>
    </row>
    <row r="30" spans="1:4" ht="18" customHeight="1" x14ac:dyDescent="0.15">
      <c r="A30" s="5">
        <v>20</v>
      </c>
      <c r="B30" s="22">
        <v>24</v>
      </c>
      <c r="C30" s="14">
        <v>12</v>
      </c>
      <c r="D30" s="18">
        <v>36</v>
      </c>
    </row>
    <row r="31" spans="1:4" ht="18" customHeight="1" x14ac:dyDescent="0.15">
      <c r="A31" s="5">
        <v>21</v>
      </c>
      <c r="B31" s="22">
        <v>13</v>
      </c>
      <c r="C31" s="14">
        <v>15</v>
      </c>
      <c r="D31" s="18">
        <v>28</v>
      </c>
    </row>
    <row r="32" spans="1:4" ht="18" customHeight="1" x14ac:dyDescent="0.15">
      <c r="A32" s="5">
        <v>22</v>
      </c>
      <c r="B32" s="22">
        <v>18</v>
      </c>
      <c r="C32" s="14">
        <v>15</v>
      </c>
      <c r="D32" s="18">
        <v>33</v>
      </c>
    </row>
    <row r="33" spans="1:4" ht="18" customHeight="1" x14ac:dyDescent="0.15">
      <c r="A33" s="5">
        <v>23</v>
      </c>
      <c r="B33" s="22">
        <v>11</v>
      </c>
      <c r="C33" s="14">
        <v>19</v>
      </c>
      <c r="D33" s="18">
        <v>30</v>
      </c>
    </row>
    <row r="34" spans="1:4" ht="18" customHeight="1" x14ac:dyDescent="0.15">
      <c r="A34" s="5">
        <v>24</v>
      </c>
      <c r="B34" s="22">
        <v>21</v>
      </c>
      <c r="C34" s="14">
        <v>17</v>
      </c>
      <c r="D34" s="18">
        <v>38</v>
      </c>
    </row>
    <row r="35" spans="1:4" ht="18" customHeight="1" x14ac:dyDescent="0.15">
      <c r="A35" s="5" t="s">
        <v>9</v>
      </c>
      <c r="B35" s="22">
        <v>87</v>
      </c>
      <c r="C35" s="14">
        <v>78</v>
      </c>
      <c r="D35" s="18">
        <v>165</v>
      </c>
    </row>
    <row r="36" spans="1:4" ht="18" customHeight="1" x14ac:dyDescent="0.15">
      <c r="A36" s="5">
        <v>25</v>
      </c>
      <c r="B36" s="22">
        <v>15</v>
      </c>
      <c r="C36" s="14">
        <v>13</v>
      </c>
      <c r="D36" s="18">
        <v>28</v>
      </c>
    </row>
    <row r="37" spans="1:4" ht="18" customHeight="1" x14ac:dyDescent="0.15">
      <c r="A37" s="5">
        <v>26</v>
      </c>
      <c r="B37" s="22">
        <v>19</v>
      </c>
      <c r="C37" s="14">
        <v>14</v>
      </c>
      <c r="D37" s="18">
        <v>33</v>
      </c>
    </row>
    <row r="38" spans="1:4" ht="18" customHeight="1" x14ac:dyDescent="0.15">
      <c r="A38" s="5">
        <v>27</v>
      </c>
      <c r="B38" s="22">
        <v>17</v>
      </c>
      <c r="C38" s="14">
        <v>11</v>
      </c>
      <c r="D38" s="18">
        <v>28</v>
      </c>
    </row>
    <row r="39" spans="1:4" ht="18" customHeight="1" x14ac:dyDescent="0.15">
      <c r="A39" s="5">
        <v>28</v>
      </c>
      <c r="B39" s="22">
        <v>16</v>
      </c>
      <c r="C39" s="14">
        <v>11</v>
      </c>
      <c r="D39" s="18">
        <v>27</v>
      </c>
    </row>
    <row r="40" spans="1:4" ht="18" customHeight="1" x14ac:dyDescent="0.15">
      <c r="A40" s="5">
        <v>29</v>
      </c>
      <c r="B40" s="22">
        <v>16</v>
      </c>
      <c r="C40" s="14">
        <v>15</v>
      </c>
      <c r="D40" s="18">
        <v>31</v>
      </c>
    </row>
    <row r="41" spans="1:4" ht="18" customHeight="1" x14ac:dyDescent="0.15">
      <c r="A41" s="5" t="s">
        <v>2</v>
      </c>
      <c r="B41" s="22">
        <v>83</v>
      </c>
      <c r="C41" s="14">
        <v>64</v>
      </c>
      <c r="D41" s="18">
        <v>147</v>
      </c>
    </row>
    <row r="42" spans="1:4" ht="18" customHeight="1" x14ac:dyDescent="0.15">
      <c r="A42" s="5">
        <v>30</v>
      </c>
      <c r="B42" s="22">
        <v>18</v>
      </c>
      <c r="C42" s="14">
        <v>10</v>
      </c>
      <c r="D42" s="18">
        <v>28</v>
      </c>
    </row>
    <row r="43" spans="1:4" ht="18" customHeight="1" x14ac:dyDescent="0.15">
      <c r="A43" s="5">
        <v>31</v>
      </c>
      <c r="B43" s="22">
        <v>15</v>
      </c>
      <c r="C43" s="14">
        <v>17</v>
      </c>
      <c r="D43" s="18">
        <v>32</v>
      </c>
    </row>
    <row r="44" spans="1:4" ht="18" customHeight="1" x14ac:dyDescent="0.15">
      <c r="A44" s="5">
        <v>32</v>
      </c>
      <c r="B44" s="22">
        <v>15</v>
      </c>
      <c r="C44" s="14">
        <v>17</v>
      </c>
      <c r="D44" s="18">
        <v>32</v>
      </c>
    </row>
    <row r="45" spans="1:4" ht="18" customHeight="1" x14ac:dyDescent="0.15">
      <c r="A45" s="5">
        <v>33</v>
      </c>
      <c r="B45" s="22">
        <v>14</v>
      </c>
      <c r="C45" s="14">
        <v>14</v>
      </c>
      <c r="D45" s="18">
        <v>28</v>
      </c>
    </row>
    <row r="46" spans="1:4" ht="18" customHeight="1" x14ac:dyDescent="0.15">
      <c r="A46" s="5">
        <v>34</v>
      </c>
      <c r="B46" s="22">
        <v>18</v>
      </c>
      <c r="C46" s="14">
        <v>24</v>
      </c>
      <c r="D46" s="18">
        <v>42</v>
      </c>
    </row>
    <row r="47" spans="1:4" ht="18" customHeight="1" x14ac:dyDescent="0.15">
      <c r="A47" s="5" t="s">
        <v>15</v>
      </c>
      <c r="B47" s="22">
        <v>80</v>
      </c>
      <c r="C47" s="14">
        <v>82</v>
      </c>
      <c r="D47" s="18">
        <v>162</v>
      </c>
    </row>
    <row r="48" spans="1:4" ht="18" customHeight="1" x14ac:dyDescent="0.15">
      <c r="A48" s="5">
        <v>35</v>
      </c>
      <c r="B48" s="22">
        <v>8</v>
      </c>
      <c r="C48" s="14">
        <v>15</v>
      </c>
      <c r="D48" s="18">
        <v>23</v>
      </c>
    </row>
    <row r="49" spans="1:4" ht="18" customHeight="1" x14ac:dyDescent="0.15">
      <c r="A49" s="5">
        <v>36</v>
      </c>
      <c r="B49" s="22">
        <v>18</v>
      </c>
      <c r="C49" s="14">
        <v>12</v>
      </c>
      <c r="D49" s="18">
        <v>30</v>
      </c>
    </row>
    <row r="50" spans="1:4" ht="18" customHeight="1" x14ac:dyDescent="0.15">
      <c r="A50" s="5">
        <v>37</v>
      </c>
      <c r="B50" s="22">
        <v>22</v>
      </c>
      <c r="C50" s="14">
        <v>20</v>
      </c>
      <c r="D50" s="18">
        <v>42</v>
      </c>
    </row>
    <row r="51" spans="1:4" ht="18" customHeight="1" x14ac:dyDescent="0.15">
      <c r="A51" s="5">
        <v>38</v>
      </c>
      <c r="B51" s="22">
        <v>9</v>
      </c>
      <c r="C51" s="14">
        <v>17</v>
      </c>
      <c r="D51" s="18">
        <v>26</v>
      </c>
    </row>
    <row r="52" spans="1:4" ht="18" customHeight="1" x14ac:dyDescent="0.15">
      <c r="A52" s="5">
        <v>39</v>
      </c>
      <c r="B52" s="22">
        <v>22</v>
      </c>
      <c r="C52" s="14">
        <v>20</v>
      </c>
      <c r="D52" s="18">
        <v>42</v>
      </c>
    </row>
    <row r="53" spans="1:4" ht="18" customHeight="1" x14ac:dyDescent="0.15">
      <c r="A53" s="5" t="s">
        <v>18</v>
      </c>
      <c r="B53" s="22">
        <v>79</v>
      </c>
      <c r="C53" s="14">
        <v>84</v>
      </c>
      <c r="D53" s="18">
        <v>163</v>
      </c>
    </row>
    <row r="54" spans="1:4" ht="18" customHeight="1" x14ac:dyDescent="0.15">
      <c r="A54" s="5">
        <v>40</v>
      </c>
      <c r="B54" s="22">
        <v>25</v>
      </c>
      <c r="C54" s="14">
        <v>13</v>
      </c>
      <c r="D54" s="18">
        <v>38</v>
      </c>
    </row>
    <row r="55" spans="1:4" ht="18" customHeight="1" x14ac:dyDescent="0.15">
      <c r="A55" s="5">
        <v>41</v>
      </c>
      <c r="B55" s="22">
        <v>18</v>
      </c>
      <c r="C55" s="14">
        <v>9</v>
      </c>
      <c r="D55" s="18">
        <v>27</v>
      </c>
    </row>
    <row r="56" spans="1:4" ht="18" customHeight="1" x14ac:dyDescent="0.15">
      <c r="A56" s="5">
        <v>42</v>
      </c>
      <c r="B56" s="22">
        <v>27</v>
      </c>
      <c r="C56" s="14">
        <v>19</v>
      </c>
      <c r="D56" s="18">
        <v>46</v>
      </c>
    </row>
    <row r="57" spans="1:4" ht="18" customHeight="1" x14ac:dyDescent="0.15">
      <c r="A57" s="5">
        <v>43</v>
      </c>
      <c r="B57" s="22">
        <v>19</v>
      </c>
      <c r="C57" s="14">
        <v>17</v>
      </c>
      <c r="D57" s="18">
        <v>36</v>
      </c>
    </row>
    <row r="58" spans="1:4" ht="18" customHeight="1" x14ac:dyDescent="0.15">
      <c r="A58" s="5">
        <v>44</v>
      </c>
      <c r="B58" s="22">
        <v>16</v>
      </c>
      <c r="C58" s="14">
        <v>16</v>
      </c>
      <c r="D58" s="18">
        <v>32</v>
      </c>
    </row>
    <row r="59" spans="1:4" ht="18" customHeight="1" x14ac:dyDescent="0.15">
      <c r="A59" s="5" t="s">
        <v>21</v>
      </c>
      <c r="B59" s="22">
        <v>105</v>
      </c>
      <c r="C59" s="14">
        <v>74</v>
      </c>
      <c r="D59" s="18">
        <v>179</v>
      </c>
    </row>
    <row r="60" spans="1:4" ht="18" customHeight="1" x14ac:dyDescent="0.15">
      <c r="A60" s="5">
        <v>45</v>
      </c>
      <c r="B60" s="22">
        <v>28</v>
      </c>
      <c r="C60" s="14">
        <v>13</v>
      </c>
      <c r="D60" s="18">
        <v>41</v>
      </c>
    </row>
    <row r="61" spans="1:4" ht="18" customHeight="1" x14ac:dyDescent="0.15">
      <c r="A61" s="5">
        <v>46</v>
      </c>
      <c r="B61" s="22">
        <v>25</v>
      </c>
      <c r="C61" s="14">
        <v>15</v>
      </c>
      <c r="D61" s="18">
        <v>40</v>
      </c>
    </row>
    <row r="62" spans="1:4" ht="18" customHeight="1" x14ac:dyDescent="0.15">
      <c r="A62" s="5">
        <v>47</v>
      </c>
      <c r="B62" s="22">
        <v>23</v>
      </c>
      <c r="C62" s="14">
        <v>12</v>
      </c>
      <c r="D62" s="18">
        <v>35</v>
      </c>
    </row>
    <row r="63" spans="1:4" ht="18" customHeight="1" x14ac:dyDescent="0.15">
      <c r="A63" s="5">
        <v>48</v>
      </c>
      <c r="B63" s="22">
        <v>29</v>
      </c>
      <c r="C63" s="14">
        <v>22</v>
      </c>
      <c r="D63" s="18">
        <v>51</v>
      </c>
    </row>
    <row r="64" spans="1:4" ht="18" customHeight="1" x14ac:dyDescent="0.15">
      <c r="A64" s="5">
        <v>49</v>
      </c>
      <c r="B64" s="22">
        <v>27</v>
      </c>
      <c r="C64" s="14">
        <v>27</v>
      </c>
      <c r="D64" s="18">
        <v>54</v>
      </c>
    </row>
    <row r="65" spans="1:4" ht="18" customHeight="1" x14ac:dyDescent="0.15">
      <c r="A65" s="5" t="s">
        <v>17</v>
      </c>
      <c r="B65" s="22">
        <v>132</v>
      </c>
      <c r="C65" s="14">
        <v>89</v>
      </c>
      <c r="D65" s="18">
        <v>221</v>
      </c>
    </row>
    <row r="66" spans="1:4" ht="18" customHeight="1" x14ac:dyDescent="0.15">
      <c r="A66" s="5">
        <v>50</v>
      </c>
      <c r="B66" s="22">
        <v>39</v>
      </c>
      <c r="C66" s="14">
        <v>21</v>
      </c>
      <c r="D66" s="18">
        <v>60</v>
      </c>
    </row>
    <row r="67" spans="1:4" ht="18" customHeight="1" x14ac:dyDescent="0.15">
      <c r="A67" s="5">
        <v>51</v>
      </c>
      <c r="B67" s="22">
        <v>34</v>
      </c>
      <c r="C67" s="14">
        <v>23</v>
      </c>
      <c r="D67" s="18">
        <v>57</v>
      </c>
    </row>
    <row r="68" spans="1:4" ht="18" customHeight="1" x14ac:dyDescent="0.15">
      <c r="A68" s="5">
        <v>52</v>
      </c>
      <c r="B68" s="22">
        <v>37</v>
      </c>
      <c r="C68" s="14">
        <v>28</v>
      </c>
      <c r="D68" s="18">
        <v>65</v>
      </c>
    </row>
    <row r="69" spans="1:4" ht="18" customHeight="1" x14ac:dyDescent="0.15">
      <c r="A69" s="5">
        <v>53</v>
      </c>
      <c r="B69" s="22">
        <v>25</v>
      </c>
      <c r="C69" s="14">
        <v>22</v>
      </c>
      <c r="D69" s="18">
        <v>47</v>
      </c>
    </row>
    <row r="70" spans="1:4" ht="18" customHeight="1" x14ac:dyDescent="0.15">
      <c r="A70" s="5">
        <v>54</v>
      </c>
      <c r="B70" s="22">
        <v>31</v>
      </c>
      <c r="C70" s="14">
        <v>21</v>
      </c>
      <c r="D70" s="18">
        <v>52</v>
      </c>
    </row>
    <row r="71" spans="1:4" ht="18" customHeight="1" x14ac:dyDescent="0.15">
      <c r="A71" s="5" t="s">
        <v>22</v>
      </c>
      <c r="B71" s="22">
        <v>166</v>
      </c>
      <c r="C71" s="14">
        <v>115</v>
      </c>
      <c r="D71" s="18">
        <v>281</v>
      </c>
    </row>
    <row r="72" spans="1:4" ht="18" customHeight="1" x14ac:dyDescent="0.15">
      <c r="A72" s="5">
        <v>55</v>
      </c>
      <c r="B72" s="22">
        <v>25</v>
      </c>
      <c r="C72" s="14">
        <v>28</v>
      </c>
      <c r="D72" s="18">
        <v>53</v>
      </c>
    </row>
    <row r="73" spans="1:4" ht="18" customHeight="1" x14ac:dyDescent="0.15">
      <c r="A73" s="5">
        <v>56</v>
      </c>
      <c r="B73" s="22">
        <v>25</v>
      </c>
      <c r="C73" s="14">
        <v>23</v>
      </c>
      <c r="D73" s="18">
        <v>48</v>
      </c>
    </row>
    <row r="74" spans="1:4" ht="18" customHeight="1" x14ac:dyDescent="0.15">
      <c r="A74" s="5">
        <v>57</v>
      </c>
      <c r="B74" s="22">
        <v>24</v>
      </c>
      <c r="C74" s="14">
        <v>17</v>
      </c>
      <c r="D74" s="18">
        <v>41</v>
      </c>
    </row>
    <row r="75" spans="1:4" ht="18" customHeight="1" x14ac:dyDescent="0.15">
      <c r="A75" s="5">
        <v>58</v>
      </c>
      <c r="B75" s="22">
        <v>24</v>
      </c>
      <c r="C75" s="14">
        <v>23</v>
      </c>
      <c r="D75" s="18">
        <v>47</v>
      </c>
    </row>
    <row r="76" spans="1:4" ht="18" customHeight="1" x14ac:dyDescent="0.15">
      <c r="A76" s="5">
        <v>59</v>
      </c>
      <c r="B76" s="22">
        <v>16</v>
      </c>
      <c r="C76" s="14">
        <v>12</v>
      </c>
      <c r="D76" s="18">
        <v>28</v>
      </c>
    </row>
    <row r="77" spans="1:4" ht="18" customHeight="1" x14ac:dyDescent="0.15">
      <c r="A77" s="5" t="s">
        <v>27</v>
      </c>
      <c r="B77" s="22">
        <v>114</v>
      </c>
      <c r="C77" s="14">
        <v>103</v>
      </c>
      <c r="D77" s="18">
        <v>217</v>
      </c>
    </row>
    <row r="78" spans="1:4" ht="18" customHeight="1" x14ac:dyDescent="0.15">
      <c r="A78" s="5">
        <v>60</v>
      </c>
      <c r="B78" s="22">
        <v>23</v>
      </c>
      <c r="C78" s="14">
        <v>23</v>
      </c>
      <c r="D78" s="18">
        <v>46</v>
      </c>
    </row>
    <row r="79" spans="1:4" ht="18" customHeight="1" x14ac:dyDescent="0.15">
      <c r="A79" s="5">
        <v>61</v>
      </c>
      <c r="B79" s="22">
        <v>23</v>
      </c>
      <c r="C79" s="14">
        <v>24</v>
      </c>
      <c r="D79" s="18">
        <v>47</v>
      </c>
    </row>
    <row r="80" spans="1:4" ht="18" customHeight="1" x14ac:dyDescent="0.15">
      <c r="A80" s="5">
        <v>62</v>
      </c>
      <c r="B80" s="22">
        <v>25</v>
      </c>
      <c r="C80" s="14">
        <v>23</v>
      </c>
      <c r="D80" s="18">
        <v>48</v>
      </c>
    </row>
    <row r="81" spans="1:4" ht="18" customHeight="1" x14ac:dyDescent="0.15">
      <c r="A81" s="5">
        <v>63</v>
      </c>
      <c r="B81" s="22">
        <v>23</v>
      </c>
      <c r="C81" s="14">
        <v>27</v>
      </c>
      <c r="D81" s="18">
        <v>50</v>
      </c>
    </row>
    <row r="82" spans="1:4" ht="18" customHeight="1" x14ac:dyDescent="0.15">
      <c r="A82" s="5">
        <v>64</v>
      </c>
      <c r="B82" s="22">
        <v>29</v>
      </c>
      <c r="C82" s="14">
        <v>23</v>
      </c>
      <c r="D82" s="18">
        <v>52</v>
      </c>
    </row>
    <row r="83" spans="1:4" ht="18" customHeight="1" x14ac:dyDescent="0.15">
      <c r="A83" s="5" t="s">
        <v>28</v>
      </c>
      <c r="B83" s="22">
        <v>123</v>
      </c>
      <c r="C83" s="14">
        <v>120</v>
      </c>
      <c r="D83" s="18">
        <v>243</v>
      </c>
    </row>
    <row r="84" spans="1:4" ht="18" customHeight="1" x14ac:dyDescent="0.15">
      <c r="A84" s="5" t="s">
        <v>31</v>
      </c>
      <c r="B84" s="22">
        <v>1037</v>
      </c>
      <c r="C84" s="14">
        <v>874</v>
      </c>
      <c r="D84" s="18">
        <v>1911</v>
      </c>
    </row>
    <row r="85" spans="1:4" ht="18" customHeight="1" x14ac:dyDescent="0.15">
      <c r="A85" s="5">
        <v>65</v>
      </c>
      <c r="B85" s="22">
        <v>22</v>
      </c>
      <c r="C85" s="14">
        <v>24</v>
      </c>
      <c r="D85" s="18">
        <v>46</v>
      </c>
    </row>
    <row r="86" spans="1:4" ht="18" customHeight="1" x14ac:dyDescent="0.15">
      <c r="A86" s="5">
        <v>66</v>
      </c>
      <c r="B86" s="22">
        <v>27</v>
      </c>
      <c r="C86" s="14">
        <v>21</v>
      </c>
      <c r="D86" s="18">
        <v>48</v>
      </c>
    </row>
    <row r="87" spans="1:4" ht="18" customHeight="1" x14ac:dyDescent="0.15">
      <c r="A87" s="5">
        <v>67</v>
      </c>
      <c r="B87" s="22">
        <v>25</v>
      </c>
      <c r="C87" s="14">
        <v>31</v>
      </c>
      <c r="D87" s="18">
        <v>56</v>
      </c>
    </row>
    <row r="88" spans="1:4" ht="18" customHeight="1" x14ac:dyDescent="0.15">
      <c r="A88" s="5">
        <v>68</v>
      </c>
      <c r="B88" s="22">
        <v>23</v>
      </c>
      <c r="C88" s="14">
        <v>21</v>
      </c>
      <c r="D88" s="18">
        <v>44</v>
      </c>
    </row>
    <row r="89" spans="1:4" ht="18" customHeight="1" x14ac:dyDescent="0.15">
      <c r="A89" s="5">
        <v>69</v>
      </c>
      <c r="B89" s="22">
        <v>19</v>
      </c>
      <c r="C89" s="14">
        <v>33</v>
      </c>
      <c r="D89" s="18">
        <v>52</v>
      </c>
    </row>
    <row r="90" spans="1:4" ht="18" customHeight="1" x14ac:dyDescent="0.15">
      <c r="A90" s="5" t="s">
        <v>20</v>
      </c>
      <c r="B90" s="22">
        <v>116</v>
      </c>
      <c r="C90" s="14">
        <v>130</v>
      </c>
      <c r="D90" s="18">
        <v>246</v>
      </c>
    </row>
    <row r="91" spans="1:4" ht="18" customHeight="1" x14ac:dyDescent="0.15">
      <c r="A91" s="5">
        <v>70</v>
      </c>
      <c r="B91" s="22">
        <v>31</v>
      </c>
      <c r="C91" s="14">
        <v>33</v>
      </c>
      <c r="D91" s="18">
        <v>64</v>
      </c>
    </row>
    <row r="92" spans="1:4" ht="18" customHeight="1" x14ac:dyDescent="0.15">
      <c r="A92" s="5">
        <v>71</v>
      </c>
      <c r="B92" s="22">
        <v>26</v>
      </c>
      <c r="C92" s="14">
        <v>28</v>
      </c>
      <c r="D92" s="18">
        <v>54</v>
      </c>
    </row>
    <row r="93" spans="1:4" ht="18" customHeight="1" x14ac:dyDescent="0.15">
      <c r="A93" s="5">
        <v>72</v>
      </c>
      <c r="B93" s="22">
        <v>26</v>
      </c>
      <c r="C93" s="14">
        <v>28</v>
      </c>
      <c r="D93" s="18">
        <v>54</v>
      </c>
    </row>
    <row r="94" spans="1:4" ht="18" customHeight="1" x14ac:dyDescent="0.15">
      <c r="A94" s="5">
        <v>73</v>
      </c>
      <c r="B94" s="22">
        <v>28</v>
      </c>
      <c r="C94" s="14">
        <v>34</v>
      </c>
      <c r="D94" s="18">
        <v>62</v>
      </c>
    </row>
    <row r="95" spans="1:4" ht="18" customHeight="1" x14ac:dyDescent="0.15">
      <c r="A95" s="5">
        <v>74</v>
      </c>
      <c r="B95" s="22">
        <v>29</v>
      </c>
      <c r="C95" s="14">
        <v>22</v>
      </c>
      <c r="D95" s="18">
        <v>51</v>
      </c>
    </row>
    <row r="96" spans="1:4" ht="18" customHeight="1" x14ac:dyDescent="0.15">
      <c r="A96" s="5" t="s">
        <v>33</v>
      </c>
      <c r="B96" s="22">
        <v>140</v>
      </c>
      <c r="C96" s="14">
        <v>145</v>
      </c>
      <c r="D96" s="18">
        <v>285</v>
      </c>
    </row>
    <row r="97" spans="1:4" ht="18" customHeight="1" x14ac:dyDescent="0.15">
      <c r="A97" s="5">
        <v>75</v>
      </c>
      <c r="B97" s="22">
        <v>33</v>
      </c>
      <c r="C97" s="14">
        <v>34</v>
      </c>
      <c r="D97" s="18">
        <v>67</v>
      </c>
    </row>
    <row r="98" spans="1:4" ht="18" customHeight="1" x14ac:dyDescent="0.15">
      <c r="A98" s="5">
        <v>76</v>
      </c>
      <c r="B98" s="22">
        <v>44</v>
      </c>
      <c r="C98" s="14">
        <v>48</v>
      </c>
      <c r="D98" s="18">
        <v>92</v>
      </c>
    </row>
    <row r="99" spans="1:4" ht="18" customHeight="1" x14ac:dyDescent="0.15">
      <c r="A99" s="5">
        <v>77</v>
      </c>
      <c r="B99" s="22">
        <v>38</v>
      </c>
      <c r="C99" s="14">
        <v>52</v>
      </c>
      <c r="D99" s="18">
        <v>90</v>
      </c>
    </row>
    <row r="100" spans="1:4" ht="18" customHeight="1" x14ac:dyDescent="0.15">
      <c r="A100" s="5">
        <v>78</v>
      </c>
      <c r="B100" s="22">
        <v>45</v>
      </c>
      <c r="C100" s="14">
        <v>46</v>
      </c>
      <c r="D100" s="18">
        <v>91</v>
      </c>
    </row>
    <row r="101" spans="1:4" ht="18" customHeight="1" x14ac:dyDescent="0.15">
      <c r="A101" s="5">
        <v>79</v>
      </c>
      <c r="B101" s="22">
        <v>32</v>
      </c>
      <c r="C101" s="14">
        <v>34</v>
      </c>
      <c r="D101" s="18">
        <v>66</v>
      </c>
    </row>
    <row r="102" spans="1:4" ht="18" customHeight="1" x14ac:dyDescent="0.15">
      <c r="A102" s="5" t="s">
        <v>0</v>
      </c>
      <c r="B102" s="22">
        <v>192</v>
      </c>
      <c r="C102" s="14">
        <v>214</v>
      </c>
      <c r="D102" s="18">
        <v>406</v>
      </c>
    </row>
    <row r="103" spans="1:4" ht="18" customHeight="1" x14ac:dyDescent="0.15">
      <c r="A103" s="5">
        <v>80</v>
      </c>
      <c r="B103" s="22">
        <v>21</v>
      </c>
      <c r="C103" s="14">
        <v>19</v>
      </c>
      <c r="D103" s="18">
        <v>40</v>
      </c>
    </row>
    <row r="104" spans="1:4" ht="18" customHeight="1" x14ac:dyDescent="0.15">
      <c r="A104" s="5">
        <v>81</v>
      </c>
      <c r="B104" s="22">
        <v>14</v>
      </c>
      <c r="C104" s="14">
        <v>25</v>
      </c>
      <c r="D104" s="18">
        <v>39</v>
      </c>
    </row>
    <row r="105" spans="1:4" ht="18" customHeight="1" x14ac:dyDescent="0.15">
      <c r="A105" s="5">
        <v>82</v>
      </c>
      <c r="B105" s="22">
        <v>21</v>
      </c>
      <c r="C105" s="14">
        <v>35</v>
      </c>
      <c r="D105" s="18">
        <v>56</v>
      </c>
    </row>
    <row r="106" spans="1:4" ht="18" customHeight="1" x14ac:dyDescent="0.15">
      <c r="A106" s="5">
        <v>83</v>
      </c>
      <c r="B106" s="22">
        <v>22</v>
      </c>
      <c r="C106" s="14">
        <v>31</v>
      </c>
      <c r="D106" s="18">
        <v>53</v>
      </c>
    </row>
    <row r="107" spans="1:4" ht="18" customHeight="1" x14ac:dyDescent="0.15">
      <c r="A107" s="5">
        <v>84</v>
      </c>
      <c r="B107" s="22">
        <v>19</v>
      </c>
      <c r="C107" s="14">
        <v>36</v>
      </c>
      <c r="D107" s="18">
        <v>55</v>
      </c>
    </row>
    <row r="108" spans="1:4" ht="18" customHeight="1" x14ac:dyDescent="0.15">
      <c r="A108" s="5" t="s">
        <v>35</v>
      </c>
      <c r="B108" s="22">
        <v>97</v>
      </c>
      <c r="C108" s="14">
        <v>146</v>
      </c>
      <c r="D108" s="18">
        <v>243</v>
      </c>
    </row>
    <row r="109" spans="1:4" ht="18" customHeight="1" x14ac:dyDescent="0.15">
      <c r="A109" s="5">
        <v>85</v>
      </c>
      <c r="B109" s="22">
        <v>20</v>
      </c>
      <c r="C109" s="14">
        <v>30</v>
      </c>
      <c r="D109" s="18">
        <v>50</v>
      </c>
    </row>
    <row r="110" spans="1:4" ht="18" customHeight="1" x14ac:dyDescent="0.15">
      <c r="A110" s="5">
        <v>86</v>
      </c>
      <c r="B110" s="22">
        <v>8</v>
      </c>
      <c r="C110" s="14">
        <v>16</v>
      </c>
      <c r="D110" s="18">
        <v>24</v>
      </c>
    </row>
    <row r="111" spans="1:4" ht="18" customHeight="1" x14ac:dyDescent="0.15">
      <c r="A111" s="5">
        <v>87</v>
      </c>
      <c r="B111" s="22">
        <v>9</v>
      </c>
      <c r="C111" s="14">
        <v>26</v>
      </c>
      <c r="D111" s="18">
        <v>35</v>
      </c>
    </row>
    <row r="112" spans="1:4" ht="18" customHeight="1" x14ac:dyDescent="0.15">
      <c r="A112" s="5">
        <v>88</v>
      </c>
      <c r="B112" s="22">
        <v>10</v>
      </c>
      <c r="C112" s="14">
        <v>17</v>
      </c>
      <c r="D112" s="18">
        <v>27</v>
      </c>
    </row>
    <row r="113" spans="1:4" ht="18" customHeight="1" x14ac:dyDescent="0.15">
      <c r="A113" s="5">
        <v>89</v>
      </c>
      <c r="B113" s="22">
        <v>4</v>
      </c>
      <c r="C113" s="14">
        <v>12</v>
      </c>
      <c r="D113" s="18">
        <v>16</v>
      </c>
    </row>
    <row r="114" spans="1:4" ht="18" customHeight="1" x14ac:dyDescent="0.15">
      <c r="A114" s="5" t="s">
        <v>37</v>
      </c>
      <c r="B114" s="22">
        <v>51</v>
      </c>
      <c r="C114" s="14">
        <v>101</v>
      </c>
      <c r="D114" s="18">
        <v>152</v>
      </c>
    </row>
    <row r="115" spans="1:4" ht="18" customHeight="1" x14ac:dyDescent="0.15">
      <c r="A115" s="5">
        <v>90</v>
      </c>
      <c r="B115" s="22">
        <v>5</v>
      </c>
      <c r="C115" s="14">
        <v>13</v>
      </c>
      <c r="D115" s="18">
        <v>18</v>
      </c>
    </row>
    <row r="116" spans="1:4" ht="18" customHeight="1" x14ac:dyDescent="0.15">
      <c r="A116" s="5">
        <v>91</v>
      </c>
      <c r="B116" s="22">
        <v>7</v>
      </c>
      <c r="C116" s="14">
        <v>17</v>
      </c>
      <c r="D116" s="18">
        <v>24</v>
      </c>
    </row>
    <row r="117" spans="1:4" ht="18" customHeight="1" x14ac:dyDescent="0.15">
      <c r="A117" s="5">
        <v>92</v>
      </c>
      <c r="B117" s="22">
        <v>4</v>
      </c>
      <c r="C117" s="14">
        <v>15</v>
      </c>
      <c r="D117" s="18">
        <v>19</v>
      </c>
    </row>
    <row r="118" spans="1:4" ht="18" customHeight="1" x14ac:dyDescent="0.15">
      <c r="A118" s="5">
        <v>93</v>
      </c>
      <c r="B118" s="22">
        <v>1</v>
      </c>
      <c r="C118" s="14">
        <v>14</v>
      </c>
      <c r="D118" s="18">
        <v>15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17</v>
      </c>
      <c r="C120" s="14">
        <v>64</v>
      </c>
      <c r="D120" s="18">
        <v>81</v>
      </c>
    </row>
    <row r="121" spans="1:4" ht="18" customHeight="1" x14ac:dyDescent="0.15">
      <c r="A121" s="5">
        <v>95</v>
      </c>
      <c r="B121" s="22">
        <v>2</v>
      </c>
      <c r="C121" s="14">
        <v>9</v>
      </c>
      <c r="D121" s="18">
        <v>11</v>
      </c>
    </row>
    <row r="122" spans="1:4" ht="18" customHeight="1" x14ac:dyDescent="0.15">
      <c r="A122" s="5">
        <v>96</v>
      </c>
      <c r="B122" s="22">
        <v>0</v>
      </c>
      <c r="C122" s="14">
        <v>8</v>
      </c>
      <c r="D122" s="18">
        <v>8</v>
      </c>
    </row>
    <row r="123" spans="1:4" ht="18" customHeight="1" x14ac:dyDescent="0.15">
      <c r="A123" s="5">
        <v>97</v>
      </c>
      <c r="B123" s="22">
        <v>0</v>
      </c>
      <c r="C123" s="14">
        <v>7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26</v>
      </c>
      <c r="D126" s="18">
        <v>28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1</v>
      </c>
      <c r="C129" s="14">
        <v>6</v>
      </c>
      <c r="D129" s="18">
        <v>7</v>
      </c>
    </row>
    <row r="130" spans="1:4" ht="18" customHeight="1" x14ac:dyDescent="0.15">
      <c r="A130" s="5" t="s">
        <v>46</v>
      </c>
      <c r="B130" s="22">
        <v>616</v>
      </c>
      <c r="C130" s="14">
        <v>832</v>
      </c>
      <c r="D130" s="18">
        <v>1448</v>
      </c>
    </row>
    <row r="131" spans="1:4" ht="18" customHeight="1" x14ac:dyDescent="0.15">
      <c r="A131" s="7" t="s">
        <v>45</v>
      </c>
      <c r="B131" s="23">
        <v>1811</v>
      </c>
      <c r="C131" s="15">
        <v>1857</v>
      </c>
      <c r="D131" s="19">
        <v>36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0</v>
      </c>
      <c r="C5" s="13">
        <v>5</v>
      </c>
      <c r="D5" s="17">
        <v>5</v>
      </c>
    </row>
    <row r="6" spans="1:4" ht="18" customHeight="1" x14ac:dyDescent="0.15">
      <c r="A6" s="5">
        <v>1</v>
      </c>
      <c r="B6" s="22">
        <v>3</v>
      </c>
      <c r="C6" s="14">
        <v>1</v>
      </c>
      <c r="D6" s="18">
        <v>4</v>
      </c>
    </row>
    <row r="7" spans="1:4" ht="18" customHeight="1" x14ac:dyDescent="0.15">
      <c r="A7" s="5">
        <v>2</v>
      </c>
      <c r="B7" s="22">
        <v>2</v>
      </c>
      <c r="C7" s="14">
        <v>3</v>
      </c>
      <c r="D7" s="18">
        <v>5</v>
      </c>
    </row>
    <row r="8" spans="1:4" ht="18" customHeight="1" x14ac:dyDescent="0.15">
      <c r="A8" s="5">
        <v>3</v>
      </c>
      <c r="B8" s="22">
        <v>2</v>
      </c>
      <c r="C8" s="14">
        <v>4</v>
      </c>
      <c r="D8" s="18">
        <v>6</v>
      </c>
    </row>
    <row r="9" spans="1:4" ht="18" customHeight="1" x14ac:dyDescent="0.15">
      <c r="A9" s="5">
        <v>4</v>
      </c>
      <c r="B9" s="22">
        <v>3</v>
      </c>
      <c r="C9" s="14">
        <v>2</v>
      </c>
      <c r="D9" s="18">
        <v>5</v>
      </c>
    </row>
    <row r="10" spans="1:4" ht="18" customHeight="1" x14ac:dyDescent="0.15">
      <c r="A10" s="5" t="s">
        <v>7</v>
      </c>
      <c r="B10" s="22">
        <v>10</v>
      </c>
      <c r="C10" s="14">
        <v>15</v>
      </c>
      <c r="D10" s="18">
        <v>25</v>
      </c>
    </row>
    <row r="11" spans="1:4" ht="18" customHeight="1" x14ac:dyDescent="0.15">
      <c r="A11" s="5">
        <v>5</v>
      </c>
      <c r="B11" s="22">
        <v>2</v>
      </c>
      <c r="C11" s="14">
        <v>3</v>
      </c>
      <c r="D11" s="18">
        <v>5</v>
      </c>
    </row>
    <row r="12" spans="1:4" ht="18" customHeight="1" x14ac:dyDescent="0.15">
      <c r="A12" s="5">
        <v>6</v>
      </c>
      <c r="B12" s="22">
        <v>5</v>
      </c>
      <c r="C12" s="14">
        <v>6</v>
      </c>
      <c r="D12" s="18">
        <v>11</v>
      </c>
    </row>
    <row r="13" spans="1:4" ht="18" customHeight="1" x14ac:dyDescent="0.15">
      <c r="A13" s="5">
        <v>7</v>
      </c>
      <c r="B13" s="22">
        <v>2</v>
      </c>
      <c r="C13" s="14">
        <v>2</v>
      </c>
      <c r="D13" s="18">
        <v>4</v>
      </c>
    </row>
    <row r="14" spans="1:4" ht="18" customHeight="1" x14ac:dyDescent="0.15">
      <c r="A14" s="5">
        <v>8</v>
      </c>
      <c r="B14" s="22">
        <v>5</v>
      </c>
      <c r="C14" s="14">
        <v>6</v>
      </c>
      <c r="D14" s="18">
        <v>11</v>
      </c>
    </row>
    <row r="15" spans="1:4" ht="18" customHeight="1" x14ac:dyDescent="0.15">
      <c r="A15" s="5">
        <v>9</v>
      </c>
      <c r="B15" s="22">
        <v>3</v>
      </c>
      <c r="C15" s="14">
        <v>7</v>
      </c>
      <c r="D15" s="18">
        <v>10</v>
      </c>
    </row>
    <row r="16" spans="1:4" ht="18" customHeight="1" x14ac:dyDescent="0.15">
      <c r="A16" s="5" t="s">
        <v>11</v>
      </c>
      <c r="B16" s="22">
        <v>17</v>
      </c>
      <c r="C16" s="14">
        <v>24</v>
      </c>
      <c r="D16" s="18">
        <v>41</v>
      </c>
    </row>
    <row r="17" spans="1:4" ht="18" customHeight="1" x14ac:dyDescent="0.15">
      <c r="A17" s="5">
        <v>10</v>
      </c>
      <c r="B17" s="22">
        <v>3</v>
      </c>
      <c r="C17" s="14">
        <v>5</v>
      </c>
      <c r="D17" s="18">
        <v>8</v>
      </c>
    </row>
    <row r="18" spans="1:4" ht="18" customHeight="1" x14ac:dyDescent="0.15">
      <c r="A18" s="5">
        <v>11</v>
      </c>
      <c r="B18" s="22">
        <v>5</v>
      </c>
      <c r="C18" s="14">
        <v>3</v>
      </c>
      <c r="D18" s="18">
        <v>8</v>
      </c>
    </row>
    <row r="19" spans="1:4" ht="18" customHeight="1" x14ac:dyDescent="0.15">
      <c r="A19" s="5">
        <v>12</v>
      </c>
      <c r="B19" s="22">
        <v>4</v>
      </c>
      <c r="C19" s="14">
        <v>4</v>
      </c>
      <c r="D19" s="18">
        <v>8</v>
      </c>
    </row>
    <row r="20" spans="1:4" ht="18" customHeight="1" x14ac:dyDescent="0.15">
      <c r="A20" s="5">
        <v>13</v>
      </c>
      <c r="B20" s="22">
        <v>2</v>
      </c>
      <c r="C20" s="14">
        <v>4</v>
      </c>
      <c r="D20" s="18">
        <v>6</v>
      </c>
    </row>
    <row r="21" spans="1:4" ht="18" customHeight="1" x14ac:dyDescent="0.15">
      <c r="A21" s="5">
        <v>14</v>
      </c>
      <c r="B21" s="22">
        <v>9</v>
      </c>
      <c r="C21" s="14">
        <v>2</v>
      </c>
      <c r="D21" s="18">
        <v>11</v>
      </c>
    </row>
    <row r="22" spans="1:4" ht="18" customHeight="1" x14ac:dyDescent="0.15">
      <c r="A22" s="5" t="s">
        <v>12</v>
      </c>
      <c r="B22" s="22">
        <v>23</v>
      </c>
      <c r="C22" s="14">
        <v>18</v>
      </c>
      <c r="D22" s="18">
        <v>41</v>
      </c>
    </row>
    <row r="23" spans="1:4" ht="18" customHeight="1" x14ac:dyDescent="0.15">
      <c r="A23" s="5" t="s">
        <v>6</v>
      </c>
      <c r="B23" s="22">
        <v>50</v>
      </c>
      <c r="C23" s="14">
        <v>57</v>
      </c>
      <c r="D23" s="18">
        <v>107</v>
      </c>
    </row>
    <row r="24" spans="1:4" ht="18" customHeight="1" x14ac:dyDescent="0.15">
      <c r="A24" s="5">
        <v>15</v>
      </c>
      <c r="B24" s="22">
        <v>4</v>
      </c>
      <c r="C24" s="14">
        <v>4</v>
      </c>
      <c r="D24" s="18">
        <v>8</v>
      </c>
    </row>
    <row r="25" spans="1:4" ht="18" customHeight="1" x14ac:dyDescent="0.15">
      <c r="A25" s="5">
        <v>16</v>
      </c>
      <c r="B25" s="22">
        <v>11</v>
      </c>
      <c r="C25" s="14">
        <v>6</v>
      </c>
      <c r="D25" s="18">
        <v>17</v>
      </c>
    </row>
    <row r="26" spans="1:4" ht="18" customHeight="1" x14ac:dyDescent="0.15">
      <c r="A26" s="5">
        <v>17</v>
      </c>
      <c r="B26" s="22">
        <v>13</v>
      </c>
      <c r="C26" s="14">
        <v>11</v>
      </c>
      <c r="D26" s="18">
        <v>24</v>
      </c>
    </row>
    <row r="27" spans="1:4" ht="18" customHeight="1" x14ac:dyDescent="0.15">
      <c r="A27" s="5">
        <v>18</v>
      </c>
      <c r="B27" s="22">
        <v>6</v>
      </c>
      <c r="C27" s="14">
        <v>8</v>
      </c>
      <c r="D27" s="18">
        <v>14</v>
      </c>
    </row>
    <row r="28" spans="1:4" ht="18" customHeight="1" x14ac:dyDescent="0.15">
      <c r="A28" s="5">
        <v>19</v>
      </c>
      <c r="B28" s="22">
        <v>11</v>
      </c>
      <c r="C28" s="14">
        <v>10</v>
      </c>
      <c r="D28" s="18">
        <v>21</v>
      </c>
    </row>
    <row r="29" spans="1:4" ht="18" customHeight="1" x14ac:dyDescent="0.15">
      <c r="A29" s="5" t="s">
        <v>14</v>
      </c>
      <c r="B29" s="22">
        <v>45</v>
      </c>
      <c r="C29" s="14">
        <v>39</v>
      </c>
      <c r="D29" s="18">
        <v>84</v>
      </c>
    </row>
    <row r="30" spans="1:4" ht="18" customHeight="1" x14ac:dyDescent="0.15">
      <c r="A30" s="5">
        <v>20</v>
      </c>
      <c r="B30" s="22">
        <v>16</v>
      </c>
      <c r="C30" s="14">
        <v>14</v>
      </c>
      <c r="D30" s="18">
        <v>30</v>
      </c>
    </row>
    <row r="31" spans="1:4" ht="18" customHeight="1" x14ac:dyDescent="0.15">
      <c r="A31" s="5">
        <v>21</v>
      </c>
      <c r="B31" s="22">
        <v>16</v>
      </c>
      <c r="C31" s="14">
        <v>16</v>
      </c>
      <c r="D31" s="18">
        <v>32</v>
      </c>
    </row>
    <row r="32" spans="1:4" ht="18" customHeight="1" x14ac:dyDescent="0.15">
      <c r="A32" s="5">
        <v>22</v>
      </c>
      <c r="B32" s="22">
        <v>9</v>
      </c>
      <c r="C32" s="14">
        <v>16</v>
      </c>
      <c r="D32" s="18">
        <v>25</v>
      </c>
    </row>
    <row r="33" spans="1:4" ht="18" customHeight="1" x14ac:dyDescent="0.15">
      <c r="A33" s="5">
        <v>23</v>
      </c>
      <c r="B33" s="22">
        <v>13</v>
      </c>
      <c r="C33" s="14">
        <v>4</v>
      </c>
      <c r="D33" s="18">
        <v>17</v>
      </c>
    </row>
    <row r="34" spans="1:4" ht="18" customHeight="1" x14ac:dyDescent="0.15">
      <c r="A34" s="5">
        <v>24</v>
      </c>
      <c r="B34" s="22">
        <v>9</v>
      </c>
      <c r="C34" s="14">
        <v>19</v>
      </c>
      <c r="D34" s="18">
        <v>28</v>
      </c>
    </row>
    <row r="35" spans="1:4" ht="18" customHeight="1" x14ac:dyDescent="0.15">
      <c r="A35" s="5" t="s">
        <v>9</v>
      </c>
      <c r="B35" s="22">
        <v>63</v>
      </c>
      <c r="C35" s="14">
        <v>69</v>
      </c>
      <c r="D35" s="18">
        <v>132</v>
      </c>
    </row>
    <row r="36" spans="1:4" ht="18" customHeight="1" x14ac:dyDescent="0.15">
      <c r="A36" s="5">
        <v>25</v>
      </c>
      <c r="B36" s="22">
        <v>14</v>
      </c>
      <c r="C36" s="14">
        <v>2</v>
      </c>
      <c r="D36" s="18">
        <v>16</v>
      </c>
    </row>
    <row r="37" spans="1:4" ht="18" customHeight="1" x14ac:dyDescent="0.15">
      <c r="A37" s="5">
        <v>26</v>
      </c>
      <c r="B37" s="22">
        <v>11</v>
      </c>
      <c r="C37" s="14">
        <v>4</v>
      </c>
      <c r="D37" s="18">
        <v>15</v>
      </c>
    </row>
    <row r="38" spans="1:4" ht="18" customHeight="1" x14ac:dyDescent="0.15">
      <c r="A38" s="5">
        <v>27</v>
      </c>
      <c r="B38" s="22">
        <v>6</v>
      </c>
      <c r="C38" s="14">
        <v>4</v>
      </c>
      <c r="D38" s="18">
        <v>10</v>
      </c>
    </row>
    <row r="39" spans="1:4" ht="18" customHeight="1" x14ac:dyDescent="0.15">
      <c r="A39" s="5">
        <v>28</v>
      </c>
      <c r="B39" s="22">
        <v>8</v>
      </c>
      <c r="C39" s="14">
        <v>8</v>
      </c>
      <c r="D39" s="18">
        <v>16</v>
      </c>
    </row>
    <row r="40" spans="1:4" ht="18" customHeight="1" x14ac:dyDescent="0.15">
      <c r="A40" s="5">
        <v>29</v>
      </c>
      <c r="B40" s="22">
        <v>3</v>
      </c>
      <c r="C40" s="14">
        <v>7</v>
      </c>
      <c r="D40" s="18">
        <v>10</v>
      </c>
    </row>
    <row r="41" spans="1:4" ht="18" customHeight="1" x14ac:dyDescent="0.15">
      <c r="A41" s="5" t="s">
        <v>2</v>
      </c>
      <c r="B41" s="22">
        <v>42</v>
      </c>
      <c r="C41" s="14">
        <v>25</v>
      </c>
      <c r="D41" s="18">
        <v>67</v>
      </c>
    </row>
    <row r="42" spans="1:4" ht="18" customHeight="1" x14ac:dyDescent="0.15">
      <c r="A42" s="5">
        <v>30</v>
      </c>
      <c r="B42" s="22">
        <v>5</v>
      </c>
      <c r="C42" s="14">
        <v>4</v>
      </c>
      <c r="D42" s="18">
        <v>9</v>
      </c>
    </row>
    <row r="43" spans="1:4" ht="18" customHeight="1" x14ac:dyDescent="0.15">
      <c r="A43" s="5">
        <v>31</v>
      </c>
      <c r="B43" s="22">
        <v>5</v>
      </c>
      <c r="C43" s="14">
        <v>4</v>
      </c>
      <c r="D43" s="18">
        <v>9</v>
      </c>
    </row>
    <row r="44" spans="1:4" ht="18" customHeight="1" x14ac:dyDescent="0.15">
      <c r="A44" s="5">
        <v>32</v>
      </c>
      <c r="B44" s="22">
        <v>5</v>
      </c>
      <c r="C44" s="14">
        <v>2</v>
      </c>
      <c r="D44" s="18">
        <v>7</v>
      </c>
    </row>
    <row r="45" spans="1:4" ht="18" customHeight="1" x14ac:dyDescent="0.15">
      <c r="A45" s="5">
        <v>33</v>
      </c>
      <c r="B45" s="22">
        <v>2</v>
      </c>
      <c r="C45" s="14">
        <v>4</v>
      </c>
      <c r="D45" s="18">
        <v>6</v>
      </c>
    </row>
    <row r="46" spans="1:4" ht="18" customHeight="1" x14ac:dyDescent="0.15">
      <c r="A46" s="5">
        <v>34</v>
      </c>
      <c r="B46" s="22">
        <v>6</v>
      </c>
      <c r="C46" s="14">
        <v>1</v>
      </c>
      <c r="D46" s="18">
        <v>7</v>
      </c>
    </row>
    <row r="47" spans="1:4" ht="18" customHeight="1" x14ac:dyDescent="0.15">
      <c r="A47" s="5" t="s">
        <v>15</v>
      </c>
      <c r="B47" s="22">
        <v>23</v>
      </c>
      <c r="C47" s="14">
        <v>15</v>
      </c>
      <c r="D47" s="18">
        <v>38</v>
      </c>
    </row>
    <row r="48" spans="1:4" ht="18" customHeight="1" x14ac:dyDescent="0.15">
      <c r="A48" s="5">
        <v>35</v>
      </c>
      <c r="B48" s="22">
        <v>5</v>
      </c>
      <c r="C48" s="14">
        <v>5</v>
      </c>
      <c r="D48" s="18">
        <v>10</v>
      </c>
    </row>
    <row r="49" spans="1:4" ht="18" customHeight="1" x14ac:dyDescent="0.15">
      <c r="A49" s="5">
        <v>36</v>
      </c>
      <c r="B49" s="22">
        <v>4</v>
      </c>
      <c r="C49" s="14">
        <v>6</v>
      </c>
      <c r="D49" s="18">
        <v>10</v>
      </c>
    </row>
    <row r="50" spans="1:4" ht="18" customHeight="1" x14ac:dyDescent="0.15">
      <c r="A50" s="5">
        <v>37</v>
      </c>
      <c r="B50" s="22">
        <v>6</v>
      </c>
      <c r="C50" s="14">
        <v>3</v>
      </c>
      <c r="D50" s="18">
        <v>9</v>
      </c>
    </row>
    <row r="51" spans="1:4" ht="18" customHeight="1" x14ac:dyDescent="0.15">
      <c r="A51" s="5">
        <v>38</v>
      </c>
      <c r="B51" s="22">
        <v>5</v>
      </c>
      <c r="C51" s="14">
        <v>5</v>
      </c>
      <c r="D51" s="18">
        <v>10</v>
      </c>
    </row>
    <row r="52" spans="1:4" ht="18" customHeight="1" x14ac:dyDescent="0.15">
      <c r="A52" s="5">
        <v>39</v>
      </c>
      <c r="B52" s="22">
        <v>12</v>
      </c>
      <c r="C52" s="14">
        <v>7</v>
      </c>
      <c r="D52" s="18">
        <v>19</v>
      </c>
    </row>
    <row r="53" spans="1:4" ht="18" customHeight="1" x14ac:dyDescent="0.15">
      <c r="A53" s="5" t="s">
        <v>18</v>
      </c>
      <c r="B53" s="22">
        <v>32</v>
      </c>
      <c r="C53" s="14">
        <v>26</v>
      </c>
      <c r="D53" s="18">
        <v>58</v>
      </c>
    </row>
    <row r="54" spans="1:4" ht="18" customHeight="1" x14ac:dyDescent="0.15">
      <c r="A54" s="5">
        <v>40</v>
      </c>
      <c r="B54" s="22">
        <v>2</v>
      </c>
      <c r="C54" s="14">
        <v>5</v>
      </c>
      <c r="D54" s="18">
        <v>7</v>
      </c>
    </row>
    <row r="55" spans="1:4" ht="18" customHeight="1" x14ac:dyDescent="0.15">
      <c r="A55" s="5">
        <v>41</v>
      </c>
      <c r="B55" s="22">
        <v>6</v>
      </c>
      <c r="C55" s="14">
        <v>6</v>
      </c>
      <c r="D55" s="18">
        <v>12</v>
      </c>
    </row>
    <row r="56" spans="1:4" ht="18" customHeight="1" x14ac:dyDescent="0.15">
      <c r="A56" s="5">
        <v>42</v>
      </c>
      <c r="B56" s="22">
        <v>6</v>
      </c>
      <c r="C56" s="14">
        <v>4</v>
      </c>
      <c r="D56" s="18">
        <v>10</v>
      </c>
    </row>
    <row r="57" spans="1:4" ht="18" customHeight="1" x14ac:dyDescent="0.15">
      <c r="A57" s="5">
        <v>43</v>
      </c>
      <c r="B57" s="22">
        <v>7</v>
      </c>
      <c r="C57" s="14">
        <v>4</v>
      </c>
      <c r="D57" s="18">
        <v>11</v>
      </c>
    </row>
    <row r="58" spans="1:4" ht="18" customHeight="1" x14ac:dyDescent="0.15">
      <c r="A58" s="5">
        <v>44</v>
      </c>
      <c r="B58" s="22">
        <v>4</v>
      </c>
      <c r="C58" s="14">
        <v>5</v>
      </c>
      <c r="D58" s="18">
        <v>9</v>
      </c>
    </row>
    <row r="59" spans="1:4" ht="18" customHeight="1" x14ac:dyDescent="0.15">
      <c r="A59" s="5" t="s">
        <v>21</v>
      </c>
      <c r="B59" s="22">
        <v>25</v>
      </c>
      <c r="C59" s="14">
        <v>24</v>
      </c>
      <c r="D59" s="18">
        <v>49</v>
      </c>
    </row>
    <row r="60" spans="1:4" ht="18" customHeight="1" x14ac:dyDescent="0.15">
      <c r="A60" s="5">
        <v>45</v>
      </c>
      <c r="B60" s="22">
        <v>8</v>
      </c>
      <c r="C60" s="14">
        <v>8</v>
      </c>
      <c r="D60" s="18">
        <v>16</v>
      </c>
    </row>
    <row r="61" spans="1:4" ht="18" customHeight="1" x14ac:dyDescent="0.15">
      <c r="A61" s="5">
        <v>46</v>
      </c>
      <c r="B61" s="22">
        <v>6</v>
      </c>
      <c r="C61" s="14">
        <v>9</v>
      </c>
      <c r="D61" s="18">
        <v>15</v>
      </c>
    </row>
    <row r="62" spans="1:4" ht="18" customHeight="1" x14ac:dyDescent="0.15">
      <c r="A62" s="5">
        <v>47</v>
      </c>
      <c r="B62" s="22">
        <v>7</v>
      </c>
      <c r="C62" s="14">
        <v>15</v>
      </c>
      <c r="D62" s="18">
        <v>22</v>
      </c>
    </row>
    <row r="63" spans="1:4" ht="18" customHeight="1" x14ac:dyDescent="0.15">
      <c r="A63" s="5">
        <v>48</v>
      </c>
      <c r="B63" s="22">
        <v>11</v>
      </c>
      <c r="C63" s="14">
        <v>12</v>
      </c>
      <c r="D63" s="18">
        <v>23</v>
      </c>
    </row>
    <row r="64" spans="1:4" ht="18" customHeight="1" x14ac:dyDescent="0.15">
      <c r="A64" s="5">
        <v>49</v>
      </c>
      <c r="B64" s="22">
        <v>22</v>
      </c>
      <c r="C64" s="14">
        <v>20</v>
      </c>
      <c r="D64" s="18">
        <v>42</v>
      </c>
    </row>
    <row r="65" spans="1:4" ht="18" customHeight="1" x14ac:dyDescent="0.15">
      <c r="A65" s="5" t="s">
        <v>17</v>
      </c>
      <c r="B65" s="22">
        <v>54</v>
      </c>
      <c r="C65" s="14">
        <v>64</v>
      </c>
      <c r="D65" s="18">
        <v>118</v>
      </c>
    </row>
    <row r="66" spans="1:4" ht="18" customHeight="1" x14ac:dyDescent="0.15">
      <c r="A66" s="5">
        <v>50</v>
      </c>
      <c r="B66" s="22">
        <v>24</v>
      </c>
      <c r="C66" s="14">
        <v>13</v>
      </c>
      <c r="D66" s="18">
        <v>37</v>
      </c>
    </row>
    <row r="67" spans="1:4" ht="18" customHeight="1" x14ac:dyDescent="0.15">
      <c r="A67" s="5">
        <v>51</v>
      </c>
      <c r="B67" s="22">
        <v>27</v>
      </c>
      <c r="C67" s="14">
        <v>16</v>
      </c>
      <c r="D67" s="18">
        <v>43</v>
      </c>
    </row>
    <row r="68" spans="1:4" ht="18" customHeight="1" x14ac:dyDescent="0.15">
      <c r="A68" s="5">
        <v>52</v>
      </c>
      <c r="B68" s="22">
        <v>22</v>
      </c>
      <c r="C68" s="14">
        <v>17</v>
      </c>
      <c r="D68" s="18">
        <v>39</v>
      </c>
    </row>
    <row r="69" spans="1:4" ht="18" customHeight="1" x14ac:dyDescent="0.15">
      <c r="A69" s="5">
        <v>53</v>
      </c>
      <c r="B69" s="22">
        <v>23</v>
      </c>
      <c r="C69" s="14">
        <v>19</v>
      </c>
      <c r="D69" s="18">
        <v>42</v>
      </c>
    </row>
    <row r="70" spans="1:4" ht="18" customHeight="1" x14ac:dyDescent="0.15">
      <c r="A70" s="5">
        <v>54</v>
      </c>
      <c r="B70" s="22">
        <v>24</v>
      </c>
      <c r="C70" s="14">
        <v>15</v>
      </c>
      <c r="D70" s="18">
        <v>39</v>
      </c>
    </row>
    <row r="71" spans="1:4" ht="18" customHeight="1" x14ac:dyDescent="0.15">
      <c r="A71" s="5" t="s">
        <v>22</v>
      </c>
      <c r="B71" s="22">
        <v>120</v>
      </c>
      <c r="C71" s="14">
        <v>80</v>
      </c>
      <c r="D71" s="18">
        <v>200</v>
      </c>
    </row>
    <row r="72" spans="1:4" ht="18" customHeight="1" x14ac:dyDescent="0.15">
      <c r="A72" s="5">
        <v>55</v>
      </c>
      <c r="B72" s="22">
        <v>14</v>
      </c>
      <c r="C72" s="14">
        <v>21</v>
      </c>
      <c r="D72" s="18">
        <v>35</v>
      </c>
    </row>
    <row r="73" spans="1:4" ht="18" customHeight="1" x14ac:dyDescent="0.15">
      <c r="A73" s="5">
        <v>56</v>
      </c>
      <c r="B73" s="22">
        <v>12</v>
      </c>
      <c r="C73" s="14">
        <v>14</v>
      </c>
      <c r="D73" s="18">
        <v>26</v>
      </c>
    </row>
    <row r="74" spans="1:4" ht="18" customHeight="1" x14ac:dyDescent="0.15">
      <c r="A74" s="5">
        <v>57</v>
      </c>
      <c r="B74" s="22">
        <v>17</v>
      </c>
      <c r="C74" s="14">
        <v>18</v>
      </c>
      <c r="D74" s="18">
        <v>35</v>
      </c>
    </row>
    <row r="75" spans="1:4" ht="18" customHeight="1" x14ac:dyDescent="0.15">
      <c r="A75" s="5">
        <v>58</v>
      </c>
      <c r="B75" s="22">
        <v>16</v>
      </c>
      <c r="C75" s="14">
        <v>12</v>
      </c>
      <c r="D75" s="18">
        <v>28</v>
      </c>
    </row>
    <row r="76" spans="1:4" ht="18" customHeight="1" x14ac:dyDescent="0.15">
      <c r="A76" s="5">
        <v>59</v>
      </c>
      <c r="B76" s="22">
        <v>9</v>
      </c>
      <c r="C76" s="14">
        <v>9</v>
      </c>
      <c r="D76" s="18">
        <v>18</v>
      </c>
    </row>
    <row r="77" spans="1:4" ht="18" customHeight="1" x14ac:dyDescent="0.15">
      <c r="A77" s="5" t="s">
        <v>27</v>
      </c>
      <c r="B77" s="22">
        <v>68</v>
      </c>
      <c r="C77" s="14">
        <v>74</v>
      </c>
      <c r="D77" s="18">
        <v>142</v>
      </c>
    </row>
    <row r="78" spans="1:4" ht="18" customHeight="1" x14ac:dyDescent="0.15">
      <c r="A78" s="5">
        <v>60</v>
      </c>
      <c r="B78" s="22">
        <v>10</v>
      </c>
      <c r="C78" s="14">
        <v>8</v>
      </c>
      <c r="D78" s="18">
        <v>18</v>
      </c>
    </row>
    <row r="79" spans="1:4" ht="18" customHeight="1" x14ac:dyDescent="0.15">
      <c r="A79" s="5">
        <v>61</v>
      </c>
      <c r="B79" s="22">
        <v>10</v>
      </c>
      <c r="C79" s="14">
        <v>4</v>
      </c>
      <c r="D79" s="18">
        <v>14</v>
      </c>
    </row>
    <row r="80" spans="1:4" ht="18" customHeight="1" x14ac:dyDescent="0.15">
      <c r="A80" s="5">
        <v>62</v>
      </c>
      <c r="B80" s="22">
        <v>7</v>
      </c>
      <c r="C80" s="14">
        <v>9</v>
      </c>
      <c r="D80" s="18">
        <v>16</v>
      </c>
    </row>
    <row r="81" spans="1:4" ht="18" customHeight="1" x14ac:dyDescent="0.15">
      <c r="A81" s="5">
        <v>63</v>
      </c>
      <c r="B81" s="22">
        <v>6</v>
      </c>
      <c r="C81" s="14">
        <v>10</v>
      </c>
      <c r="D81" s="18">
        <v>16</v>
      </c>
    </row>
    <row r="82" spans="1:4" ht="18" customHeight="1" x14ac:dyDescent="0.15">
      <c r="A82" s="5">
        <v>64</v>
      </c>
      <c r="B82" s="22">
        <v>9</v>
      </c>
      <c r="C82" s="14">
        <v>12</v>
      </c>
      <c r="D82" s="18">
        <v>21</v>
      </c>
    </row>
    <row r="83" spans="1:4" ht="18" customHeight="1" x14ac:dyDescent="0.15">
      <c r="A83" s="5" t="s">
        <v>28</v>
      </c>
      <c r="B83" s="22">
        <v>42</v>
      </c>
      <c r="C83" s="14">
        <v>43</v>
      </c>
      <c r="D83" s="18">
        <v>85</v>
      </c>
    </row>
    <row r="84" spans="1:4" ht="18" customHeight="1" x14ac:dyDescent="0.15">
      <c r="A84" s="5" t="s">
        <v>31</v>
      </c>
      <c r="B84" s="22">
        <v>514</v>
      </c>
      <c r="C84" s="14">
        <v>459</v>
      </c>
      <c r="D84" s="18">
        <v>973</v>
      </c>
    </row>
    <row r="85" spans="1:4" ht="18" customHeight="1" x14ac:dyDescent="0.15">
      <c r="A85" s="5">
        <v>65</v>
      </c>
      <c r="B85" s="22">
        <v>8</v>
      </c>
      <c r="C85" s="14">
        <v>11</v>
      </c>
      <c r="D85" s="18">
        <v>19</v>
      </c>
    </row>
    <row r="86" spans="1:4" ht="18" customHeight="1" x14ac:dyDescent="0.15">
      <c r="A86" s="5">
        <v>66</v>
      </c>
      <c r="B86" s="22">
        <v>14</v>
      </c>
      <c r="C86" s="14">
        <v>4</v>
      </c>
      <c r="D86" s="18">
        <v>18</v>
      </c>
    </row>
    <row r="87" spans="1:4" ht="18" customHeight="1" x14ac:dyDescent="0.15">
      <c r="A87" s="5">
        <v>67</v>
      </c>
      <c r="B87" s="22">
        <v>14</v>
      </c>
      <c r="C87" s="14">
        <v>15</v>
      </c>
      <c r="D87" s="18">
        <v>29</v>
      </c>
    </row>
    <row r="88" spans="1:4" ht="18" customHeight="1" x14ac:dyDescent="0.15">
      <c r="A88" s="5">
        <v>68</v>
      </c>
      <c r="B88" s="22">
        <v>5</v>
      </c>
      <c r="C88" s="14">
        <v>9</v>
      </c>
      <c r="D88" s="18">
        <v>14</v>
      </c>
    </row>
    <row r="89" spans="1:4" ht="18" customHeight="1" x14ac:dyDescent="0.15">
      <c r="A89" s="5">
        <v>69</v>
      </c>
      <c r="B89" s="22">
        <v>7</v>
      </c>
      <c r="C89" s="14">
        <v>5</v>
      </c>
      <c r="D89" s="18">
        <v>12</v>
      </c>
    </row>
    <row r="90" spans="1:4" ht="18" customHeight="1" x14ac:dyDescent="0.15">
      <c r="A90" s="5" t="s">
        <v>20</v>
      </c>
      <c r="B90" s="22">
        <v>48</v>
      </c>
      <c r="C90" s="14">
        <v>44</v>
      </c>
      <c r="D90" s="18">
        <v>92</v>
      </c>
    </row>
    <row r="91" spans="1:4" ht="18" customHeight="1" x14ac:dyDescent="0.15">
      <c r="A91" s="5">
        <v>70</v>
      </c>
      <c r="B91" s="22">
        <v>8</v>
      </c>
      <c r="C91" s="14">
        <v>5</v>
      </c>
      <c r="D91" s="18">
        <v>13</v>
      </c>
    </row>
    <row r="92" spans="1:4" ht="18" customHeight="1" x14ac:dyDescent="0.15">
      <c r="A92" s="5">
        <v>71</v>
      </c>
      <c r="B92" s="22">
        <v>7</v>
      </c>
      <c r="C92" s="14">
        <v>9</v>
      </c>
      <c r="D92" s="18">
        <v>16</v>
      </c>
    </row>
    <row r="93" spans="1:4" ht="18" customHeight="1" x14ac:dyDescent="0.15">
      <c r="A93" s="5">
        <v>72</v>
      </c>
      <c r="B93" s="22">
        <v>6</v>
      </c>
      <c r="C93" s="14">
        <v>16</v>
      </c>
      <c r="D93" s="18">
        <v>22</v>
      </c>
    </row>
    <row r="94" spans="1:4" ht="18" customHeight="1" x14ac:dyDescent="0.15">
      <c r="A94" s="5">
        <v>73</v>
      </c>
      <c r="B94" s="22">
        <v>11</v>
      </c>
      <c r="C94" s="14">
        <v>7</v>
      </c>
      <c r="D94" s="18">
        <v>18</v>
      </c>
    </row>
    <row r="95" spans="1:4" ht="18" customHeight="1" x14ac:dyDescent="0.15">
      <c r="A95" s="5">
        <v>74</v>
      </c>
      <c r="B95" s="22">
        <v>7</v>
      </c>
      <c r="C95" s="14">
        <v>14</v>
      </c>
      <c r="D95" s="18">
        <v>21</v>
      </c>
    </row>
    <row r="96" spans="1:4" ht="18" customHeight="1" x14ac:dyDescent="0.15">
      <c r="A96" s="5" t="s">
        <v>33</v>
      </c>
      <c r="B96" s="22">
        <v>39</v>
      </c>
      <c r="C96" s="14">
        <v>51</v>
      </c>
      <c r="D96" s="18">
        <v>90</v>
      </c>
    </row>
    <row r="97" spans="1:4" ht="18" customHeight="1" x14ac:dyDescent="0.15">
      <c r="A97" s="5">
        <v>75</v>
      </c>
      <c r="B97" s="22">
        <v>14</v>
      </c>
      <c r="C97" s="14">
        <v>5</v>
      </c>
      <c r="D97" s="18">
        <v>19</v>
      </c>
    </row>
    <row r="98" spans="1:4" ht="18" customHeight="1" x14ac:dyDescent="0.15">
      <c r="A98" s="5">
        <v>76</v>
      </c>
      <c r="B98" s="22">
        <v>14</v>
      </c>
      <c r="C98" s="14">
        <v>17</v>
      </c>
      <c r="D98" s="18">
        <v>31</v>
      </c>
    </row>
    <row r="99" spans="1:4" ht="18" customHeight="1" x14ac:dyDescent="0.15">
      <c r="A99" s="5">
        <v>77</v>
      </c>
      <c r="B99" s="22">
        <v>8</v>
      </c>
      <c r="C99" s="14">
        <v>12</v>
      </c>
      <c r="D99" s="18">
        <v>20</v>
      </c>
    </row>
    <row r="100" spans="1:4" ht="18" customHeight="1" x14ac:dyDescent="0.15">
      <c r="A100" s="5">
        <v>78</v>
      </c>
      <c r="B100" s="22">
        <v>7</v>
      </c>
      <c r="C100" s="14">
        <v>15</v>
      </c>
      <c r="D100" s="18">
        <v>22</v>
      </c>
    </row>
    <row r="101" spans="1:4" ht="18" customHeight="1" x14ac:dyDescent="0.15">
      <c r="A101" s="5">
        <v>79</v>
      </c>
      <c r="B101" s="22">
        <v>11</v>
      </c>
      <c r="C101" s="14">
        <v>7</v>
      </c>
      <c r="D101" s="18">
        <v>18</v>
      </c>
    </row>
    <row r="102" spans="1:4" ht="18" customHeight="1" x14ac:dyDescent="0.15">
      <c r="A102" s="5" t="s">
        <v>0</v>
      </c>
      <c r="B102" s="22">
        <v>54</v>
      </c>
      <c r="C102" s="14">
        <v>56</v>
      </c>
      <c r="D102" s="18">
        <v>110</v>
      </c>
    </row>
    <row r="103" spans="1:4" ht="18" customHeight="1" x14ac:dyDescent="0.15">
      <c r="A103" s="5">
        <v>80</v>
      </c>
      <c r="B103" s="22">
        <v>6</v>
      </c>
      <c r="C103" s="14">
        <v>11</v>
      </c>
      <c r="D103" s="18">
        <v>17</v>
      </c>
    </row>
    <row r="104" spans="1:4" ht="18" customHeight="1" x14ac:dyDescent="0.15">
      <c r="A104" s="5">
        <v>81</v>
      </c>
      <c r="B104" s="22">
        <v>7</v>
      </c>
      <c r="C104" s="14">
        <v>7</v>
      </c>
      <c r="D104" s="18">
        <v>14</v>
      </c>
    </row>
    <row r="105" spans="1:4" ht="18" customHeight="1" x14ac:dyDescent="0.15">
      <c r="A105" s="5">
        <v>82</v>
      </c>
      <c r="B105" s="22">
        <v>9</v>
      </c>
      <c r="C105" s="14">
        <v>14</v>
      </c>
      <c r="D105" s="18">
        <v>23</v>
      </c>
    </row>
    <row r="106" spans="1:4" ht="18" customHeight="1" x14ac:dyDescent="0.15">
      <c r="A106" s="5">
        <v>83</v>
      </c>
      <c r="B106" s="22">
        <v>2</v>
      </c>
      <c r="C106" s="14">
        <v>12</v>
      </c>
      <c r="D106" s="18">
        <v>14</v>
      </c>
    </row>
    <row r="107" spans="1:4" ht="18" customHeight="1" x14ac:dyDescent="0.15">
      <c r="A107" s="5">
        <v>84</v>
      </c>
      <c r="B107" s="22">
        <v>5</v>
      </c>
      <c r="C107" s="14">
        <v>8</v>
      </c>
      <c r="D107" s="18">
        <v>13</v>
      </c>
    </row>
    <row r="108" spans="1:4" ht="18" customHeight="1" x14ac:dyDescent="0.15">
      <c r="A108" s="5" t="s">
        <v>35</v>
      </c>
      <c r="B108" s="22">
        <v>29</v>
      </c>
      <c r="C108" s="14">
        <v>52</v>
      </c>
      <c r="D108" s="18">
        <v>81</v>
      </c>
    </row>
    <row r="109" spans="1:4" ht="18" customHeight="1" x14ac:dyDescent="0.15">
      <c r="A109" s="5">
        <v>85</v>
      </c>
      <c r="B109" s="22">
        <v>5</v>
      </c>
      <c r="C109" s="14">
        <v>10</v>
      </c>
      <c r="D109" s="18">
        <v>15</v>
      </c>
    </row>
    <row r="110" spans="1:4" ht="18" customHeight="1" x14ac:dyDescent="0.15">
      <c r="A110" s="5">
        <v>86</v>
      </c>
      <c r="B110" s="22">
        <v>6</v>
      </c>
      <c r="C110" s="14">
        <v>4</v>
      </c>
      <c r="D110" s="18">
        <v>10</v>
      </c>
    </row>
    <row r="111" spans="1:4" ht="18" customHeight="1" x14ac:dyDescent="0.15">
      <c r="A111" s="5">
        <v>87</v>
      </c>
      <c r="B111" s="22">
        <v>3</v>
      </c>
      <c r="C111" s="14">
        <v>3</v>
      </c>
      <c r="D111" s="18">
        <v>6</v>
      </c>
    </row>
    <row r="112" spans="1:4" ht="18" customHeight="1" x14ac:dyDescent="0.15">
      <c r="A112" s="5">
        <v>88</v>
      </c>
      <c r="B112" s="22">
        <v>3</v>
      </c>
      <c r="C112" s="14">
        <v>4</v>
      </c>
      <c r="D112" s="18">
        <v>7</v>
      </c>
    </row>
    <row r="113" spans="1:4" ht="18" customHeight="1" x14ac:dyDescent="0.15">
      <c r="A113" s="5">
        <v>89</v>
      </c>
      <c r="B113" s="22">
        <v>2</v>
      </c>
      <c r="C113" s="14">
        <v>6</v>
      </c>
      <c r="D113" s="18">
        <v>8</v>
      </c>
    </row>
    <row r="114" spans="1:4" ht="18" customHeight="1" x14ac:dyDescent="0.15">
      <c r="A114" s="5" t="s">
        <v>37</v>
      </c>
      <c r="B114" s="22">
        <v>19</v>
      </c>
      <c r="C114" s="14">
        <v>27</v>
      </c>
      <c r="D114" s="18">
        <v>46</v>
      </c>
    </row>
    <row r="115" spans="1:4" ht="18" customHeight="1" x14ac:dyDescent="0.15">
      <c r="A115" s="5">
        <v>90</v>
      </c>
      <c r="B115" s="22">
        <v>1</v>
      </c>
      <c r="C115" s="14">
        <v>9</v>
      </c>
      <c r="D115" s="18">
        <v>10</v>
      </c>
    </row>
    <row r="116" spans="1:4" ht="18" customHeight="1" x14ac:dyDescent="0.15">
      <c r="A116" s="5">
        <v>91</v>
      </c>
      <c r="B116" s="22">
        <v>1</v>
      </c>
      <c r="C116" s="14">
        <v>4</v>
      </c>
      <c r="D116" s="18">
        <v>5</v>
      </c>
    </row>
    <row r="117" spans="1:4" ht="18" customHeight="1" x14ac:dyDescent="0.15">
      <c r="A117" s="5">
        <v>92</v>
      </c>
      <c r="B117" s="22">
        <v>4</v>
      </c>
      <c r="C117" s="14">
        <v>3</v>
      </c>
      <c r="D117" s="18">
        <v>7</v>
      </c>
    </row>
    <row r="118" spans="1:4" ht="18" customHeight="1" x14ac:dyDescent="0.15">
      <c r="A118" s="5">
        <v>93</v>
      </c>
      <c r="B118" s="22">
        <v>1</v>
      </c>
      <c r="C118" s="14">
        <v>3</v>
      </c>
      <c r="D118" s="18">
        <v>4</v>
      </c>
    </row>
    <row r="119" spans="1:4" ht="18" customHeight="1" x14ac:dyDescent="0.15">
      <c r="A119" s="5">
        <v>94</v>
      </c>
      <c r="B119" s="22">
        <v>1</v>
      </c>
      <c r="C119" s="14">
        <v>3</v>
      </c>
      <c r="D119" s="18">
        <v>4</v>
      </c>
    </row>
    <row r="120" spans="1:4" ht="18" customHeight="1" x14ac:dyDescent="0.15">
      <c r="A120" s="5" t="s">
        <v>39</v>
      </c>
      <c r="B120" s="22">
        <v>8</v>
      </c>
      <c r="C120" s="14">
        <v>22</v>
      </c>
      <c r="D120" s="18">
        <v>30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0</v>
      </c>
      <c r="C126" s="14">
        <v>2</v>
      </c>
      <c r="D126" s="18">
        <v>2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1</v>
      </c>
      <c r="C128" s="14">
        <v>2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2</v>
      </c>
      <c r="D129" s="18">
        <v>3</v>
      </c>
    </row>
    <row r="130" spans="1:4" ht="18" customHeight="1" x14ac:dyDescent="0.15">
      <c r="A130" s="5" t="s">
        <v>46</v>
      </c>
      <c r="B130" s="22">
        <v>198</v>
      </c>
      <c r="C130" s="14">
        <v>256</v>
      </c>
      <c r="D130" s="18">
        <v>454</v>
      </c>
    </row>
    <row r="131" spans="1:4" ht="18" customHeight="1" x14ac:dyDescent="0.15">
      <c r="A131" s="7" t="s">
        <v>45</v>
      </c>
      <c r="B131" s="23">
        <v>762</v>
      </c>
      <c r="C131" s="15">
        <v>772</v>
      </c>
      <c r="D131" s="19">
        <v>153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1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4</v>
      </c>
      <c r="C5" s="13">
        <v>2</v>
      </c>
      <c r="D5" s="17">
        <v>6</v>
      </c>
    </row>
    <row r="6" spans="1:4" ht="18" customHeight="1" x14ac:dyDescent="0.15">
      <c r="A6" s="5">
        <v>1</v>
      </c>
      <c r="B6" s="22">
        <v>2</v>
      </c>
      <c r="C6" s="14">
        <v>2</v>
      </c>
      <c r="D6" s="18">
        <v>4</v>
      </c>
    </row>
    <row r="7" spans="1:4" ht="18" customHeight="1" x14ac:dyDescent="0.15">
      <c r="A7" s="5">
        <v>2</v>
      </c>
      <c r="B7" s="22">
        <v>5</v>
      </c>
      <c r="C7" s="14">
        <v>0</v>
      </c>
      <c r="D7" s="18">
        <v>5</v>
      </c>
    </row>
    <row r="8" spans="1:4" ht="18" customHeight="1" x14ac:dyDescent="0.15">
      <c r="A8" s="5">
        <v>3</v>
      </c>
      <c r="B8" s="22">
        <v>2</v>
      </c>
      <c r="C8" s="14">
        <v>2</v>
      </c>
      <c r="D8" s="18">
        <v>4</v>
      </c>
    </row>
    <row r="9" spans="1:4" ht="18" customHeight="1" x14ac:dyDescent="0.15">
      <c r="A9" s="5">
        <v>4</v>
      </c>
      <c r="B9" s="22">
        <v>7</v>
      </c>
      <c r="C9" s="14">
        <v>1</v>
      </c>
      <c r="D9" s="18">
        <v>8</v>
      </c>
    </row>
    <row r="10" spans="1:4" ht="18" customHeight="1" x14ac:dyDescent="0.15">
      <c r="A10" s="5" t="s">
        <v>7</v>
      </c>
      <c r="B10" s="22">
        <v>20</v>
      </c>
      <c r="C10" s="14">
        <v>7</v>
      </c>
      <c r="D10" s="18">
        <v>27</v>
      </c>
    </row>
    <row r="11" spans="1:4" ht="18" customHeight="1" x14ac:dyDescent="0.15">
      <c r="A11" s="5">
        <v>5</v>
      </c>
      <c r="B11" s="22">
        <v>6</v>
      </c>
      <c r="C11" s="14">
        <v>1</v>
      </c>
      <c r="D11" s="18">
        <v>7</v>
      </c>
    </row>
    <row r="12" spans="1:4" ht="18" customHeight="1" x14ac:dyDescent="0.15">
      <c r="A12" s="5">
        <v>6</v>
      </c>
      <c r="B12" s="22">
        <v>3</v>
      </c>
      <c r="C12" s="14">
        <v>3</v>
      </c>
      <c r="D12" s="18">
        <v>6</v>
      </c>
    </row>
    <row r="13" spans="1:4" ht="18" customHeight="1" x14ac:dyDescent="0.15">
      <c r="A13" s="5">
        <v>7</v>
      </c>
      <c r="B13" s="22">
        <v>3</v>
      </c>
      <c r="C13" s="14">
        <v>3</v>
      </c>
      <c r="D13" s="18">
        <v>6</v>
      </c>
    </row>
    <row r="14" spans="1:4" ht="18" customHeight="1" x14ac:dyDescent="0.15">
      <c r="A14" s="5">
        <v>8</v>
      </c>
      <c r="B14" s="22">
        <v>4</v>
      </c>
      <c r="C14" s="14">
        <v>3</v>
      </c>
      <c r="D14" s="18">
        <v>7</v>
      </c>
    </row>
    <row r="15" spans="1:4" ht="18" customHeight="1" x14ac:dyDescent="0.15">
      <c r="A15" s="5">
        <v>9</v>
      </c>
      <c r="B15" s="22">
        <v>6</v>
      </c>
      <c r="C15" s="14">
        <v>9</v>
      </c>
      <c r="D15" s="18">
        <v>15</v>
      </c>
    </row>
    <row r="16" spans="1:4" ht="18" customHeight="1" x14ac:dyDescent="0.15">
      <c r="A16" s="5" t="s">
        <v>11</v>
      </c>
      <c r="B16" s="22">
        <v>22</v>
      </c>
      <c r="C16" s="14">
        <v>19</v>
      </c>
      <c r="D16" s="18">
        <v>41</v>
      </c>
    </row>
    <row r="17" spans="1:4" ht="18" customHeight="1" x14ac:dyDescent="0.15">
      <c r="A17" s="5">
        <v>10</v>
      </c>
      <c r="B17" s="22">
        <v>1</v>
      </c>
      <c r="C17" s="14">
        <v>5</v>
      </c>
      <c r="D17" s="18">
        <v>6</v>
      </c>
    </row>
    <row r="18" spans="1:4" ht="18" customHeight="1" x14ac:dyDescent="0.15">
      <c r="A18" s="5">
        <v>11</v>
      </c>
      <c r="B18" s="22">
        <v>7</v>
      </c>
      <c r="C18" s="14">
        <v>6</v>
      </c>
      <c r="D18" s="18">
        <v>13</v>
      </c>
    </row>
    <row r="19" spans="1:4" ht="18" customHeight="1" x14ac:dyDescent="0.15">
      <c r="A19" s="5">
        <v>12</v>
      </c>
      <c r="B19" s="22">
        <v>10</v>
      </c>
      <c r="C19" s="14">
        <v>2</v>
      </c>
      <c r="D19" s="18">
        <v>12</v>
      </c>
    </row>
    <row r="20" spans="1:4" ht="18" customHeight="1" x14ac:dyDescent="0.15">
      <c r="A20" s="5">
        <v>13</v>
      </c>
      <c r="B20" s="22">
        <v>5</v>
      </c>
      <c r="C20" s="14">
        <v>7</v>
      </c>
      <c r="D20" s="18">
        <v>12</v>
      </c>
    </row>
    <row r="21" spans="1:4" ht="18" customHeight="1" x14ac:dyDescent="0.15">
      <c r="A21" s="5">
        <v>14</v>
      </c>
      <c r="B21" s="22">
        <v>6</v>
      </c>
      <c r="C21" s="14">
        <v>7</v>
      </c>
      <c r="D21" s="18">
        <v>13</v>
      </c>
    </row>
    <row r="22" spans="1:4" ht="18" customHeight="1" x14ac:dyDescent="0.15">
      <c r="A22" s="5" t="s">
        <v>12</v>
      </c>
      <c r="B22" s="22">
        <v>29</v>
      </c>
      <c r="C22" s="14">
        <v>27</v>
      </c>
      <c r="D22" s="18">
        <v>56</v>
      </c>
    </row>
    <row r="23" spans="1:4" ht="18" customHeight="1" x14ac:dyDescent="0.15">
      <c r="A23" s="5" t="s">
        <v>6</v>
      </c>
      <c r="B23" s="22">
        <v>71</v>
      </c>
      <c r="C23" s="14">
        <v>53</v>
      </c>
      <c r="D23" s="18">
        <v>124</v>
      </c>
    </row>
    <row r="24" spans="1:4" ht="18" customHeight="1" x14ac:dyDescent="0.15">
      <c r="A24" s="5">
        <v>15</v>
      </c>
      <c r="B24" s="22">
        <v>6</v>
      </c>
      <c r="C24" s="14">
        <v>7</v>
      </c>
      <c r="D24" s="18">
        <v>13</v>
      </c>
    </row>
    <row r="25" spans="1:4" ht="18" customHeight="1" x14ac:dyDescent="0.15">
      <c r="A25" s="5">
        <v>16</v>
      </c>
      <c r="B25" s="22">
        <v>2</v>
      </c>
      <c r="C25" s="14">
        <v>12</v>
      </c>
      <c r="D25" s="18">
        <v>14</v>
      </c>
    </row>
    <row r="26" spans="1:4" ht="18" customHeight="1" x14ac:dyDescent="0.15">
      <c r="A26" s="5">
        <v>17</v>
      </c>
      <c r="B26" s="22">
        <v>2</v>
      </c>
      <c r="C26" s="14">
        <v>10</v>
      </c>
      <c r="D26" s="18">
        <v>12</v>
      </c>
    </row>
    <row r="27" spans="1:4" ht="18" customHeight="1" x14ac:dyDescent="0.15">
      <c r="A27" s="5">
        <v>18</v>
      </c>
      <c r="B27" s="22">
        <v>5</v>
      </c>
      <c r="C27" s="14">
        <v>4</v>
      </c>
      <c r="D27" s="18">
        <v>9</v>
      </c>
    </row>
    <row r="28" spans="1:4" ht="18" customHeight="1" x14ac:dyDescent="0.15">
      <c r="A28" s="5">
        <v>19</v>
      </c>
      <c r="B28" s="22">
        <v>6</v>
      </c>
      <c r="C28" s="14">
        <v>6</v>
      </c>
      <c r="D28" s="18">
        <v>12</v>
      </c>
    </row>
    <row r="29" spans="1:4" ht="18" customHeight="1" x14ac:dyDescent="0.15">
      <c r="A29" s="5" t="s">
        <v>14</v>
      </c>
      <c r="B29" s="22">
        <v>21</v>
      </c>
      <c r="C29" s="14">
        <v>39</v>
      </c>
      <c r="D29" s="18">
        <v>60</v>
      </c>
    </row>
    <row r="30" spans="1:4" ht="18" customHeight="1" x14ac:dyDescent="0.15">
      <c r="A30" s="5">
        <v>20</v>
      </c>
      <c r="B30" s="22">
        <v>13</v>
      </c>
      <c r="C30" s="14">
        <v>8</v>
      </c>
      <c r="D30" s="18">
        <v>21</v>
      </c>
    </row>
    <row r="31" spans="1:4" ht="18" customHeight="1" x14ac:dyDescent="0.15">
      <c r="A31" s="5">
        <v>21</v>
      </c>
      <c r="B31" s="22">
        <v>8</v>
      </c>
      <c r="C31" s="14">
        <v>10</v>
      </c>
      <c r="D31" s="18">
        <v>18</v>
      </c>
    </row>
    <row r="32" spans="1:4" ht="18" customHeight="1" x14ac:dyDescent="0.15">
      <c r="A32" s="5">
        <v>22</v>
      </c>
      <c r="B32" s="22">
        <v>12</v>
      </c>
      <c r="C32" s="14">
        <v>6</v>
      </c>
      <c r="D32" s="18">
        <v>18</v>
      </c>
    </row>
    <row r="33" spans="1:4" ht="18" customHeight="1" x14ac:dyDescent="0.15">
      <c r="A33" s="5">
        <v>23</v>
      </c>
      <c r="B33" s="22">
        <v>8</v>
      </c>
      <c r="C33" s="14">
        <v>5</v>
      </c>
      <c r="D33" s="18">
        <v>13</v>
      </c>
    </row>
    <row r="34" spans="1:4" ht="18" customHeight="1" x14ac:dyDescent="0.15">
      <c r="A34" s="5">
        <v>24</v>
      </c>
      <c r="B34" s="22">
        <v>7</v>
      </c>
      <c r="C34" s="14">
        <v>10</v>
      </c>
      <c r="D34" s="18">
        <v>17</v>
      </c>
    </row>
    <row r="35" spans="1:4" ht="18" customHeight="1" x14ac:dyDescent="0.15">
      <c r="A35" s="5" t="s">
        <v>9</v>
      </c>
      <c r="B35" s="22">
        <v>48</v>
      </c>
      <c r="C35" s="14">
        <v>39</v>
      </c>
      <c r="D35" s="18">
        <v>87</v>
      </c>
    </row>
    <row r="36" spans="1:4" ht="18" customHeight="1" x14ac:dyDescent="0.15">
      <c r="A36" s="5">
        <v>25</v>
      </c>
      <c r="B36" s="22">
        <v>13</v>
      </c>
      <c r="C36" s="14">
        <v>8</v>
      </c>
      <c r="D36" s="18">
        <v>21</v>
      </c>
    </row>
    <row r="37" spans="1:4" ht="18" customHeight="1" x14ac:dyDescent="0.15">
      <c r="A37" s="5">
        <v>26</v>
      </c>
      <c r="B37" s="22">
        <v>12</v>
      </c>
      <c r="C37" s="14">
        <v>10</v>
      </c>
      <c r="D37" s="18">
        <v>22</v>
      </c>
    </row>
    <row r="38" spans="1:4" ht="18" customHeight="1" x14ac:dyDescent="0.15">
      <c r="A38" s="5">
        <v>27</v>
      </c>
      <c r="B38" s="22">
        <v>8</v>
      </c>
      <c r="C38" s="14">
        <v>6</v>
      </c>
      <c r="D38" s="18">
        <v>14</v>
      </c>
    </row>
    <row r="39" spans="1:4" ht="18" customHeight="1" x14ac:dyDescent="0.15">
      <c r="A39" s="5">
        <v>28</v>
      </c>
      <c r="B39" s="22">
        <v>9</v>
      </c>
      <c r="C39" s="14">
        <v>6</v>
      </c>
      <c r="D39" s="18">
        <v>15</v>
      </c>
    </row>
    <row r="40" spans="1:4" ht="18" customHeight="1" x14ac:dyDescent="0.15">
      <c r="A40" s="5">
        <v>29</v>
      </c>
      <c r="B40" s="22">
        <v>8</v>
      </c>
      <c r="C40" s="14">
        <v>7</v>
      </c>
      <c r="D40" s="18">
        <v>15</v>
      </c>
    </row>
    <row r="41" spans="1:4" ht="18" customHeight="1" x14ac:dyDescent="0.15">
      <c r="A41" s="5" t="s">
        <v>2</v>
      </c>
      <c r="B41" s="22">
        <v>50</v>
      </c>
      <c r="C41" s="14">
        <v>37</v>
      </c>
      <c r="D41" s="18">
        <v>87</v>
      </c>
    </row>
    <row r="42" spans="1:4" ht="18" customHeight="1" x14ac:dyDescent="0.15">
      <c r="A42" s="5">
        <v>30</v>
      </c>
      <c r="B42" s="22">
        <v>13</v>
      </c>
      <c r="C42" s="14">
        <v>7</v>
      </c>
      <c r="D42" s="18">
        <v>20</v>
      </c>
    </row>
    <row r="43" spans="1:4" ht="18" customHeight="1" x14ac:dyDescent="0.15">
      <c r="A43" s="5">
        <v>31</v>
      </c>
      <c r="B43" s="22">
        <v>9</v>
      </c>
      <c r="C43" s="14">
        <v>3</v>
      </c>
      <c r="D43" s="18">
        <v>12</v>
      </c>
    </row>
    <row r="44" spans="1:4" ht="18" customHeight="1" x14ac:dyDescent="0.15">
      <c r="A44" s="5">
        <v>32</v>
      </c>
      <c r="B44" s="22">
        <v>10</v>
      </c>
      <c r="C44" s="14">
        <v>6</v>
      </c>
      <c r="D44" s="18">
        <v>16</v>
      </c>
    </row>
    <row r="45" spans="1:4" ht="18" customHeight="1" x14ac:dyDescent="0.15">
      <c r="A45" s="5">
        <v>33</v>
      </c>
      <c r="B45" s="22">
        <v>5</v>
      </c>
      <c r="C45" s="14">
        <v>8</v>
      </c>
      <c r="D45" s="18">
        <v>13</v>
      </c>
    </row>
    <row r="46" spans="1:4" ht="18" customHeight="1" x14ac:dyDescent="0.15">
      <c r="A46" s="5">
        <v>34</v>
      </c>
      <c r="B46" s="22">
        <v>7</v>
      </c>
      <c r="C46" s="14">
        <v>12</v>
      </c>
      <c r="D46" s="18">
        <v>19</v>
      </c>
    </row>
    <row r="47" spans="1:4" ht="18" customHeight="1" x14ac:dyDescent="0.15">
      <c r="A47" s="5" t="s">
        <v>15</v>
      </c>
      <c r="B47" s="22">
        <v>44</v>
      </c>
      <c r="C47" s="14">
        <v>36</v>
      </c>
      <c r="D47" s="18">
        <v>80</v>
      </c>
    </row>
    <row r="48" spans="1:4" ht="18" customHeight="1" x14ac:dyDescent="0.15">
      <c r="A48" s="5">
        <v>35</v>
      </c>
      <c r="B48" s="22">
        <v>9</v>
      </c>
      <c r="C48" s="14">
        <v>7</v>
      </c>
      <c r="D48" s="18">
        <v>16</v>
      </c>
    </row>
    <row r="49" spans="1:4" ht="18" customHeight="1" x14ac:dyDescent="0.15">
      <c r="A49" s="5">
        <v>36</v>
      </c>
      <c r="B49" s="22">
        <v>4</v>
      </c>
      <c r="C49" s="14">
        <v>4</v>
      </c>
      <c r="D49" s="18">
        <v>8</v>
      </c>
    </row>
    <row r="50" spans="1:4" ht="18" customHeight="1" x14ac:dyDescent="0.15">
      <c r="A50" s="5">
        <v>37</v>
      </c>
      <c r="B50" s="22">
        <v>7</v>
      </c>
      <c r="C50" s="14">
        <v>2</v>
      </c>
      <c r="D50" s="18">
        <v>9</v>
      </c>
    </row>
    <row r="51" spans="1:4" ht="18" customHeight="1" x14ac:dyDescent="0.15">
      <c r="A51" s="5">
        <v>38</v>
      </c>
      <c r="B51" s="22">
        <v>10</v>
      </c>
      <c r="C51" s="14">
        <v>8</v>
      </c>
      <c r="D51" s="18">
        <v>18</v>
      </c>
    </row>
    <row r="52" spans="1:4" ht="18" customHeight="1" x14ac:dyDescent="0.15">
      <c r="A52" s="5">
        <v>39</v>
      </c>
      <c r="B52" s="22">
        <v>13</v>
      </c>
      <c r="C52" s="14">
        <v>9</v>
      </c>
      <c r="D52" s="18">
        <v>22</v>
      </c>
    </row>
    <row r="53" spans="1:4" ht="18" customHeight="1" x14ac:dyDescent="0.15">
      <c r="A53" s="5" t="s">
        <v>18</v>
      </c>
      <c r="B53" s="22">
        <v>43</v>
      </c>
      <c r="C53" s="14">
        <v>30</v>
      </c>
      <c r="D53" s="18">
        <v>73</v>
      </c>
    </row>
    <row r="54" spans="1:4" ht="18" customHeight="1" x14ac:dyDescent="0.15">
      <c r="A54" s="5">
        <v>40</v>
      </c>
      <c r="B54" s="22">
        <v>7</v>
      </c>
      <c r="C54" s="14">
        <v>10</v>
      </c>
      <c r="D54" s="18">
        <v>17</v>
      </c>
    </row>
    <row r="55" spans="1:4" ht="18" customHeight="1" x14ac:dyDescent="0.15">
      <c r="A55" s="5">
        <v>41</v>
      </c>
      <c r="B55" s="22">
        <v>12</v>
      </c>
      <c r="C55" s="14">
        <v>14</v>
      </c>
      <c r="D55" s="18">
        <v>26</v>
      </c>
    </row>
    <row r="56" spans="1:4" ht="18" customHeight="1" x14ac:dyDescent="0.15">
      <c r="A56" s="5">
        <v>42</v>
      </c>
      <c r="B56" s="22">
        <v>10</v>
      </c>
      <c r="C56" s="14">
        <v>10</v>
      </c>
      <c r="D56" s="18">
        <v>20</v>
      </c>
    </row>
    <row r="57" spans="1:4" ht="18" customHeight="1" x14ac:dyDescent="0.15">
      <c r="A57" s="5">
        <v>43</v>
      </c>
      <c r="B57" s="22">
        <v>6</v>
      </c>
      <c r="C57" s="14">
        <v>7</v>
      </c>
      <c r="D57" s="18">
        <v>13</v>
      </c>
    </row>
    <row r="58" spans="1:4" ht="18" customHeight="1" x14ac:dyDescent="0.15">
      <c r="A58" s="5">
        <v>44</v>
      </c>
      <c r="B58" s="22">
        <v>12</v>
      </c>
      <c r="C58" s="14">
        <v>11</v>
      </c>
      <c r="D58" s="18">
        <v>23</v>
      </c>
    </row>
    <row r="59" spans="1:4" ht="18" customHeight="1" x14ac:dyDescent="0.15">
      <c r="A59" s="5" t="s">
        <v>21</v>
      </c>
      <c r="B59" s="22">
        <v>47</v>
      </c>
      <c r="C59" s="14">
        <v>52</v>
      </c>
      <c r="D59" s="18">
        <v>99</v>
      </c>
    </row>
    <row r="60" spans="1:4" ht="18" customHeight="1" x14ac:dyDescent="0.15">
      <c r="A60" s="5">
        <v>45</v>
      </c>
      <c r="B60" s="22">
        <v>12</v>
      </c>
      <c r="C60" s="14">
        <v>9</v>
      </c>
      <c r="D60" s="18">
        <v>21</v>
      </c>
    </row>
    <row r="61" spans="1:4" ht="18" customHeight="1" x14ac:dyDescent="0.15">
      <c r="A61" s="5">
        <v>46</v>
      </c>
      <c r="B61" s="22">
        <v>13</v>
      </c>
      <c r="C61" s="14">
        <v>17</v>
      </c>
      <c r="D61" s="18">
        <v>30</v>
      </c>
    </row>
    <row r="62" spans="1:4" ht="18" customHeight="1" x14ac:dyDescent="0.15">
      <c r="A62" s="5">
        <v>47</v>
      </c>
      <c r="B62" s="22">
        <v>18</v>
      </c>
      <c r="C62" s="14">
        <v>13</v>
      </c>
      <c r="D62" s="18">
        <v>31</v>
      </c>
    </row>
    <row r="63" spans="1:4" ht="18" customHeight="1" x14ac:dyDescent="0.15">
      <c r="A63" s="5">
        <v>48</v>
      </c>
      <c r="B63" s="22">
        <v>14</v>
      </c>
      <c r="C63" s="14">
        <v>16</v>
      </c>
      <c r="D63" s="18">
        <v>30</v>
      </c>
    </row>
    <row r="64" spans="1:4" ht="18" customHeight="1" x14ac:dyDescent="0.15">
      <c r="A64" s="5">
        <v>49</v>
      </c>
      <c r="B64" s="22">
        <v>20</v>
      </c>
      <c r="C64" s="14">
        <v>19</v>
      </c>
      <c r="D64" s="18">
        <v>39</v>
      </c>
    </row>
    <row r="65" spans="1:4" ht="18" customHeight="1" x14ac:dyDescent="0.15">
      <c r="A65" s="5" t="s">
        <v>17</v>
      </c>
      <c r="B65" s="22">
        <v>77</v>
      </c>
      <c r="C65" s="14">
        <v>74</v>
      </c>
      <c r="D65" s="18">
        <v>151</v>
      </c>
    </row>
    <row r="66" spans="1:4" ht="18" customHeight="1" x14ac:dyDescent="0.15">
      <c r="A66" s="5">
        <v>50</v>
      </c>
      <c r="B66" s="22">
        <v>19</v>
      </c>
      <c r="C66" s="14">
        <v>24</v>
      </c>
      <c r="D66" s="18">
        <v>43</v>
      </c>
    </row>
    <row r="67" spans="1:4" ht="18" customHeight="1" x14ac:dyDescent="0.15">
      <c r="A67" s="5">
        <v>51</v>
      </c>
      <c r="B67" s="22">
        <v>14</v>
      </c>
      <c r="C67" s="14">
        <v>15</v>
      </c>
      <c r="D67" s="18">
        <v>29</v>
      </c>
    </row>
    <row r="68" spans="1:4" ht="18" customHeight="1" x14ac:dyDescent="0.15">
      <c r="A68" s="5">
        <v>52</v>
      </c>
      <c r="B68" s="22">
        <v>17</v>
      </c>
      <c r="C68" s="14">
        <v>20</v>
      </c>
      <c r="D68" s="18">
        <v>37</v>
      </c>
    </row>
    <row r="69" spans="1:4" ht="18" customHeight="1" x14ac:dyDescent="0.15">
      <c r="A69" s="5">
        <v>53</v>
      </c>
      <c r="B69" s="22">
        <v>15</v>
      </c>
      <c r="C69" s="14">
        <v>17</v>
      </c>
      <c r="D69" s="18">
        <v>32</v>
      </c>
    </row>
    <row r="70" spans="1:4" ht="18" customHeight="1" x14ac:dyDescent="0.15">
      <c r="A70" s="5">
        <v>54</v>
      </c>
      <c r="B70" s="22">
        <v>17</v>
      </c>
      <c r="C70" s="14">
        <v>19</v>
      </c>
      <c r="D70" s="18">
        <v>36</v>
      </c>
    </row>
    <row r="71" spans="1:4" ht="18" customHeight="1" x14ac:dyDescent="0.15">
      <c r="A71" s="5" t="s">
        <v>22</v>
      </c>
      <c r="B71" s="22">
        <v>82</v>
      </c>
      <c r="C71" s="14">
        <v>95</v>
      </c>
      <c r="D71" s="18">
        <v>177</v>
      </c>
    </row>
    <row r="72" spans="1:4" ht="18" customHeight="1" x14ac:dyDescent="0.15">
      <c r="A72" s="5">
        <v>55</v>
      </c>
      <c r="B72" s="22">
        <v>19</v>
      </c>
      <c r="C72" s="14">
        <v>12</v>
      </c>
      <c r="D72" s="18">
        <v>31</v>
      </c>
    </row>
    <row r="73" spans="1:4" ht="18" customHeight="1" x14ac:dyDescent="0.15">
      <c r="A73" s="5">
        <v>56</v>
      </c>
      <c r="B73" s="22">
        <v>16</v>
      </c>
      <c r="C73" s="14">
        <v>17</v>
      </c>
      <c r="D73" s="18">
        <v>33</v>
      </c>
    </row>
    <row r="74" spans="1:4" ht="18" customHeight="1" x14ac:dyDescent="0.15">
      <c r="A74" s="5">
        <v>57</v>
      </c>
      <c r="B74" s="22">
        <v>17</v>
      </c>
      <c r="C74" s="14">
        <v>12</v>
      </c>
      <c r="D74" s="18">
        <v>29</v>
      </c>
    </row>
    <row r="75" spans="1:4" ht="18" customHeight="1" x14ac:dyDescent="0.15">
      <c r="A75" s="5">
        <v>58</v>
      </c>
      <c r="B75" s="22">
        <v>17</v>
      </c>
      <c r="C75" s="14">
        <v>14</v>
      </c>
      <c r="D75" s="18">
        <v>31</v>
      </c>
    </row>
    <row r="76" spans="1:4" ht="18" customHeight="1" x14ac:dyDescent="0.15">
      <c r="A76" s="5">
        <v>59</v>
      </c>
      <c r="B76" s="22">
        <v>12</v>
      </c>
      <c r="C76" s="14">
        <v>10</v>
      </c>
      <c r="D76" s="18">
        <v>22</v>
      </c>
    </row>
    <row r="77" spans="1:4" ht="18" customHeight="1" x14ac:dyDescent="0.15">
      <c r="A77" s="5" t="s">
        <v>27</v>
      </c>
      <c r="B77" s="22">
        <v>81</v>
      </c>
      <c r="C77" s="14">
        <v>65</v>
      </c>
      <c r="D77" s="18">
        <v>146</v>
      </c>
    </row>
    <row r="78" spans="1:4" ht="18" customHeight="1" x14ac:dyDescent="0.15">
      <c r="A78" s="5">
        <v>60</v>
      </c>
      <c r="B78" s="22">
        <v>8</v>
      </c>
      <c r="C78" s="14">
        <v>18</v>
      </c>
      <c r="D78" s="18">
        <v>26</v>
      </c>
    </row>
    <row r="79" spans="1:4" ht="18" customHeight="1" x14ac:dyDescent="0.15">
      <c r="A79" s="5">
        <v>61</v>
      </c>
      <c r="B79" s="22">
        <v>9</v>
      </c>
      <c r="C79" s="14">
        <v>12</v>
      </c>
      <c r="D79" s="18">
        <v>21</v>
      </c>
    </row>
    <row r="80" spans="1:4" ht="18" customHeight="1" x14ac:dyDescent="0.15">
      <c r="A80" s="5">
        <v>62</v>
      </c>
      <c r="B80" s="22">
        <v>11</v>
      </c>
      <c r="C80" s="14">
        <v>17</v>
      </c>
      <c r="D80" s="18">
        <v>28</v>
      </c>
    </row>
    <row r="81" spans="1:4" ht="18" customHeight="1" x14ac:dyDescent="0.15">
      <c r="A81" s="5">
        <v>63</v>
      </c>
      <c r="B81" s="22">
        <v>7</v>
      </c>
      <c r="C81" s="14">
        <v>9</v>
      </c>
      <c r="D81" s="18">
        <v>16</v>
      </c>
    </row>
    <row r="82" spans="1:4" ht="18" customHeight="1" x14ac:dyDescent="0.15">
      <c r="A82" s="5">
        <v>64</v>
      </c>
      <c r="B82" s="22">
        <v>12</v>
      </c>
      <c r="C82" s="14">
        <v>10</v>
      </c>
      <c r="D82" s="18">
        <v>22</v>
      </c>
    </row>
    <row r="83" spans="1:4" ht="18" customHeight="1" x14ac:dyDescent="0.15">
      <c r="A83" s="5" t="s">
        <v>28</v>
      </c>
      <c r="B83" s="22">
        <v>47</v>
      </c>
      <c r="C83" s="14">
        <v>66</v>
      </c>
      <c r="D83" s="18">
        <v>113</v>
      </c>
    </row>
    <row r="84" spans="1:4" ht="18" customHeight="1" x14ac:dyDescent="0.15">
      <c r="A84" s="5" t="s">
        <v>31</v>
      </c>
      <c r="B84" s="22">
        <v>540</v>
      </c>
      <c r="C84" s="14">
        <v>533</v>
      </c>
      <c r="D84" s="18">
        <v>1073</v>
      </c>
    </row>
    <row r="85" spans="1:4" ht="18" customHeight="1" x14ac:dyDescent="0.15">
      <c r="A85" s="5">
        <v>65</v>
      </c>
      <c r="B85" s="22">
        <v>9</v>
      </c>
      <c r="C85" s="14">
        <v>10</v>
      </c>
      <c r="D85" s="18">
        <v>19</v>
      </c>
    </row>
    <row r="86" spans="1:4" ht="18" customHeight="1" x14ac:dyDescent="0.15">
      <c r="A86" s="5">
        <v>66</v>
      </c>
      <c r="B86" s="22">
        <v>9</v>
      </c>
      <c r="C86" s="14">
        <v>7</v>
      </c>
      <c r="D86" s="18">
        <v>16</v>
      </c>
    </row>
    <row r="87" spans="1:4" ht="18" customHeight="1" x14ac:dyDescent="0.15">
      <c r="A87" s="5">
        <v>67</v>
      </c>
      <c r="B87" s="22">
        <v>8</v>
      </c>
      <c r="C87" s="14">
        <v>15</v>
      </c>
      <c r="D87" s="18">
        <v>23</v>
      </c>
    </row>
    <row r="88" spans="1:4" ht="18" customHeight="1" x14ac:dyDescent="0.15">
      <c r="A88" s="5">
        <v>68</v>
      </c>
      <c r="B88" s="22">
        <v>9</v>
      </c>
      <c r="C88" s="14">
        <v>10</v>
      </c>
      <c r="D88" s="18">
        <v>19</v>
      </c>
    </row>
    <row r="89" spans="1:4" ht="18" customHeight="1" x14ac:dyDescent="0.15">
      <c r="A89" s="5">
        <v>69</v>
      </c>
      <c r="B89" s="22">
        <v>10</v>
      </c>
      <c r="C89" s="14">
        <v>9</v>
      </c>
      <c r="D89" s="18">
        <v>19</v>
      </c>
    </row>
    <row r="90" spans="1:4" ht="18" customHeight="1" x14ac:dyDescent="0.15">
      <c r="A90" s="5" t="s">
        <v>20</v>
      </c>
      <c r="B90" s="22">
        <v>45</v>
      </c>
      <c r="C90" s="14">
        <v>51</v>
      </c>
      <c r="D90" s="18">
        <v>96</v>
      </c>
    </row>
    <row r="91" spans="1:4" ht="18" customHeight="1" x14ac:dyDescent="0.15">
      <c r="A91" s="5">
        <v>70</v>
      </c>
      <c r="B91" s="22">
        <v>14</v>
      </c>
      <c r="C91" s="14">
        <v>13</v>
      </c>
      <c r="D91" s="18">
        <v>27</v>
      </c>
    </row>
    <row r="92" spans="1:4" ht="18" customHeight="1" x14ac:dyDescent="0.15">
      <c r="A92" s="5">
        <v>71</v>
      </c>
      <c r="B92" s="22">
        <v>5</v>
      </c>
      <c r="C92" s="14">
        <v>10</v>
      </c>
      <c r="D92" s="18">
        <v>15</v>
      </c>
    </row>
    <row r="93" spans="1:4" ht="18" customHeight="1" x14ac:dyDescent="0.15">
      <c r="A93" s="5">
        <v>72</v>
      </c>
      <c r="B93" s="22">
        <v>7</v>
      </c>
      <c r="C93" s="14">
        <v>12</v>
      </c>
      <c r="D93" s="18">
        <v>19</v>
      </c>
    </row>
    <row r="94" spans="1:4" ht="18" customHeight="1" x14ac:dyDescent="0.15">
      <c r="A94" s="5">
        <v>73</v>
      </c>
      <c r="B94" s="22">
        <v>11</v>
      </c>
      <c r="C94" s="14">
        <v>12</v>
      </c>
      <c r="D94" s="18">
        <v>23</v>
      </c>
    </row>
    <row r="95" spans="1:4" ht="18" customHeight="1" x14ac:dyDescent="0.15">
      <c r="A95" s="5">
        <v>74</v>
      </c>
      <c r="B95" s="22">
        <v>9</v>
      </c>
      <c r="C95" s="14">
        <v>9</v>
      </c>
      <c r="D95" s="18">
        <v>18</v>
      </c>
    </row>
    <row r="96" spans="1:4" ht="18" customHeight="1" x14ac:dyDescent="0.15">
      <c r="A96" s="5" t="s">
        <v>33</v>
      </c>
      <c r="B96" s="22">
        <v>46</v>
      </c>
      <c r="C96" s="14">
        <v>56</v>
      </c>
      <c r="D96" s="18">
        <v>102</v>
      </c>
    </row>
    <row r="97" spans="1:4" ht="18" customHeight="1" x14ac:dyDescent="0.15">
      <c r="A97" s="5">
        <v>75</v>
      </c>
      <c r="B97" s="22">
        <v>12</v>
      </c>
      <c r="C97" s="14">
        <v>11</v>
      </c>
      <c r="D97" s="18">
        <v>23</v>
      </c>
    </row>
    <row r="98" spans="1:4" ht="18" customHeight="1" x14ac:dyDescent="0.15">
      <c r="A98" s="5">
        <v>76</v>
      </c>
      <c r="B98" s="22">
        <v>13</v>
      </c>
      <c r="C98" s="14">
        <v>16</v>
      </c>
      <c r="D98" s="18">
        <v>29</v>
      </c>
    </row>
    <row r="99" spans="1:4" ht="18" customHeight="1" x14ac:dyDescent="0.15">
      <c r="A99" s="5">
        <v>77</v>
      </c>
      <c r="B99" s="22">
        <v>8</v>
      </c>
      <c r="C99" s="14">
        <v>18</v>
      </c>
      <c r="D99" s="18">
        <v>26</v>
      </c>
    </row>
    <row r="100" spans="1:4" ht="18" customHeight="1" x14ac:dyDescent="0.15">
      <c r="A100" s="5">
        <v>78</v>
      </c>
      <c r="B100" s="22">
        <v>13</v>
      </c>
      <c r="C100" s="14">
        <v>15</v>
      </c>
      <c r="D100" s="18">
        <v>28</v>
      </c>
    </row>
    <row r="101" spans="1:4" ht="18" customHeight="1" x14ac:dyDescent="0.15">
      <c r="A101" s="5">
        <v>79</v>
      </c>
      <c r="B101" s="22">
        <v>9</v>
      </c>
      <c r="C101" s="14">
        <v>10</v>
      </c>
      <c r="D101" s="18">
        <v>19</v>
      </c>
    </row>
    <row r="102" spans="1:4" ht="18" customHeight="1" x14ac:dyDescent="0.15">
      <c r="A102" s="5" t="s">
        <v>0</v>
      </c>
      <c r="B102" s="22">
        <v>55</v>
      </c>
      <c r="C102" s="14">
        <v>70</v>
      </c>
      <c r="D102" s="18">
        <v>125</v>
      </c>
    </row>
    <row r="103" spans="1:4" ht="18" customHeight="1" x14ac:dyDescent="0.15">
      <c r="A103" s="5">
        <v>80</v>
      </c>
      <c r="B103" s="22">
        <v>4</v>
      </c>
      <c r="C103" s="14">
        <v>8</v>
      </c>
      <c r="D103" s="18">
        <v>12</v>
      </c>
    </row>
    <row r="104" spans="1:4" ht="18" customHeight="1" x14ac:dyDescent="0.15">
      <c r="A104" s="5">
        <v>81</v>
      </c>
      <c r="B104" s="22">
        <v>6</v>
      </c>
      <c r="C104" s="14">
        <v>10</v>
      </c>
      <c r="D104" s="18">
        <v>16</v>
      </c>
    </row>
    <row r="105" spans="1:4" ht="18" customHeight="1" x14ac:dyDescent="0.15">
      <c r="A105" s="5">
        <v>82</v>
      </c>
      <c r="B105" s="22">
        <v>4</v>
      </c>
      <c r="C105" s="14">
        <v>11</v>
      </c>
      <c r="D105" s="18">
        <v>15</v>
      </c>
    </row>
    <row r="106" spans="1:4" ht="18" customHeight="1" x14ac:dyDescent="0.15">
      <c r="A106" s="5">
        <v>83</v>
      </c>
      <c r="B106" s="22">
        <v>6</v>
      </c>
      <c r="C106" s="14">
        <v>12</v>
      </c>
      <c r="D106" s="18">
        <v>18</v>
      </c>
    </row>
    <row r="107" spans="1:4" ht="18" customHeight="1" x14ac:dyDescent="0.15">
      <c r="A107" s="5">
        <v>84</v>
      </c>
      <c r="B107" s="22">
        <v>8</v>
      </c>
      <c r="C107" s="14">
        <v>19</v>
      </c>
      <c r="D107" s="18">
        <v>27</v>
      </c>
    </row>
    <row r="108" spans="1:4" ht="18" customHeight="1" x14ac:dyDescent="0.15">
      <c r="A108" s="5" t="s">
        <v>35</v>
      </c>
      <c r="B108" s="22">
        <v>28</v>
      </c>
      <c r="C108" s="14">
        <v>60</v>
      </c>
      <c r="D108" s="18">
        <v>88</v>
      </c>
    </row>
    <row r="109" spans="1:4" ht="18" customHeight="1" x14ac:dyDescent="0.15">
      <c r="A109" s="5">
        <v>85</v>
      </c>
      <c r="B109" s="22">
        <v>5</v>
      </c>
      <c r="C109" s="14">
        <v>14</v>
      </c>
      <c r="D109" s="18">
        <v>19</v>
      </c>
    </row>
    <row r="110" spans="1:4" ht="18" customHeight="1" x14ac:dyDescent="0.15">
      <c r="A110" s="5">
        <v>86</v>
      </c>
      <c r="B110" s="22">
        <v>6</v>
      </c>
      <c r="C110" s="14">
        <v>12</v>
      </c>
      <c r="D110" s="18">
        <v>18</v>
      </c>
    </row>
    <row r="111" spans="1:4" ht="18" customHeight="1" x14ac:dyDescent="0.15">
      <c r="A111" s="5">
        <v>87</v>
      </c>
      <c r="B111" s="22">
        <v>6</v>
      </c>
      <c r="C111" s="14">
        <v>3</v>
      </c>
      <c r="D111" s="18">
        <v>9</v>
      </c>
    </row>
    <row r="112" spans="1:4" ht="18" customHeight="1" x14ac:dyDescent="0.15">
      <c r="A112" s="5">
        <v>88</v>
      </c>
      <c r="B112" s="22">
        <v>5</v>
      </c>
      <c r="C112" s="14">
        <v>6</v>
      </c>
      <c r="D112" s="18">
        <v>11</v>
      </c>
    </row>
    <row r="113" spans="1:4" ht="18" customHeight="1" x14ac:dyDescent="0.15">
      <c r="A113" s="5">
        <v>89</v>
      </c>
      <c r="B113" s="22">
        <v>3</v>
      </c>
      <c r="C113" s="14">
        <v>4</v>
      </c>
      <c r="D113" s="18">
        <v>7</v>
      </c>
    </row>
    <row r="114" spans="1:4" ht="18" customHeight="1" x14ac:dyDescent="0.15">
      <c r="A114" s="5" t="s">
        <v>37</v>
      </c>
      <c r="B114" s="22">
        <v>25</v>
      </c>
      <c r="C114" s="14">
        <v>39</v>
      </c>
      <c r="D114" s="18">
        <v>64</v>
      </c>
    </row>
    <row r="115" spans="1:4" ht="18" customHeight="1" x14ac:dyDescent="0.15">
      <c r="A115" s="5">
        <v>90</v>
      </c>
      <c r="B115" s="22">
        <v>2</v>
      </c>
      <c r="C115" s="14">
        <v>6</v>
      </c>
      <c r="D115" s="18">
        <v>8</v>
      </c>
    </row>
    <row r="116" spans="1:4" ht="18" customHeight="1" x14ac:dyDescent="0.15">
      <c r="A116" s="5">
        <v>91</v>
      </c>
      <c r="B116" s="22">
        <v>4</v>
      </c>
      <c r="C116" s="14">
        <v>6</v>
      </c>
      <c r="D116" s="18">
        <v>10</v>
      </c>
    </row>
    <row r="117" spans="1:4" ht="18" customHeight="1" x14ac:dyDescent="0.15">
      <c r="A117" s="5">
        <v>92</v>
      </c>
      <c r="B117" s="22">
        <v>2</v>
      </c>
      <c r="C117" s="14">
        <v>6</v>
      </c>
      <c r="D117" s="18">
        <v>8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8</v>
      </c>
      <c r="C120" s="14">
        <v>27</v>
      </c>
      <c r="D120" s="18">
        <v>35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13</v>
      </c>
      <c r="D126" s="18">
        <v>15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209</v>
      </c>
      <c r="C130" s="14">
        <v>321</v>
      </c>
      <c r="D130" s="18">
        <v>530</v>
      </c>
    </row>
    <row r="131" spans="1:4" ht="18" customHeight="1" x14ac:dyDescent="0.15">
      <c r="A131" s="7" t="s">
        <v>45</v>
      </c>
      <c r="B131" s="23">
        <v>820</v>
      </c>
      <c r="C131" s="15">
        <v>907</v>
      </c>
      <c r="D131" s="19">
        <v>172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6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30</v>
      </c>
      <c r="C5" s="13">
        <v>24</v>
      </c>
      <c r="D5" s="17">
        <v>54</v>
      </c>
    </row>
    <row r="6" spans="1:4" ht="18" customHeight="1" x14ac:dyDescent="0.15">
      <c r="A6" s="5">
        <v>1</v>
      </c>
      <c r="B6" s="22">
        <v>30</v>
      </c>
      <c r="C6" s="14">
        <v>23</v>
      </c>
      <c r="D6" s="18">
        <v>53</v>
      </c>
    </row>
    <row r="7" spans="1:4" ht="18" customHeight="1" x14ac:dyDescent="0.15">
      <c r="A7" s="5">
        <v>2</v>
      </c>
      <c r="B7" s="22">
        <v>22</v>
      </c>
      <c r="C7" s="14">
        <v>23</v>
      </c>
      <c r="D7" s="18">
        <v>45</v>
      </c>
    </row>
    <row r="8" spans="1:4" ht="18" customHeight="1" x14ac:dyDescent="0.15">
      <c r="A8" s="5">
        <v>3</v>
      </c>
      <c r="B8" s="22">
        <v>31</v>
      </c>
      <c r="C8" s="14">
        <v>38</v>
      </c>
      <c r="D8" s="18">
        <v>69</v>
      </c>
    </row>
    <row r="9" spans="1:4" ht="18" customHeight="1" x14ac:dyDescent="0.15">
      <c r="A9" s="5">
        <v>4</v>
      </c>
      <c r="B9" s="22">
        <v>37</v>
      </c>
      <c r="C9" s="14">
        <v>35</v>
      </c>
      <c r="D9" s="18">
        <v>72</v>
      </c>
    </row>
    <row r="10" spans="1:4" ht="18" customHeight="1" x14ac:dyDescent="0.15">
      <c r="A10" s="5" t="s">
        <v>7</v>
      </c>
      <c r="B10" s="22">
        <v>150</v>
      </c>
      <c r="C10" s="14">
        <v>143</v>
      </c>
      <c r="D10" s="18">
        <v>293</v>
      </c>
    </row>
    <row r="11" spans="1:4" ht="18" customHeight="1" x14ac:dyDescent="0.15">
      <c r="A11" s="5">
        <v>5</v>
      </c>
      <c r="B11" s="22">
        <v>39</v>
      </c>
      <c r="C11" s="14">
        <v>35</v>
      </c>
      <c r="D11" s="18">
        <v>74</v>
      </c>
    </row>
    <row r="12" spans="1:4" ht="18" customHeight="1" x14ac:dyDescent="0.15">
      <c r="A12" s="5">
        <v>6</v>
      </c>
      <c r="B12" s="22">
        <v>39</v>
      </c>
      <c r="C12" s="14">
        <v>35</v>
      </c>
      <c r="D12" s="18">
        <v>74</v>
      </c>
    </row>
    <row r="13" spans="1:4" ht="18" customHeight="1" x14ac:dyDescent="0.15">
      <c r="A13" s="5">
        <v>7</v>
      </c>
      <c r="B13" s="22">
        <v>27</v>
      </c>
      <c r="C13" s="14">
        <v>40</v>
      </c>
      <c r="D13" s="18">
        <v>67</v>
      </c>
    </row>
    <row r="14" spans="1:4" ht="18" customHeight="1" x14ac:dyDescent="0.15">
      <c r="A14" s="5">
        <v>8</v>
      </c>
      <c r="B14" s="22">
        <v>36</v>
      </c>
      <c r="C14" s="14">
        <v>28</v>
      </c>
      <c r="D14" s="18">
        <v>64</v>
      </c>
    </row>
    <row r="15" spans="1:4" ht="18" customHeight="1" x14ac:dyDescent="0.15">
      <c r="A15" s="5">
        <v>9</v>
      </c>
      <c r="B15" s="22">
        <v>37</v>
      </c>
      <c r="C15" s="14">
        <v>42</v>
      </c>
      <c r="D15" s="18">
        <v>79</v>
      </c>
    </row>
    <row r="16" spans="1:4" ht="18" customHeight="1" x14ac:dyDescent="0.15">
      <c r="A16" s="5" t="s">
        <v>11</v>
      </c>
      <c r="B16" s="22">
        <v>178</v>
      </c>
      <c r="C16" s="14">
        <v>180</v>
      </c>
      <c r="D16" s="18">
        <v>358</v>
      </c>
    </row>
    <row r="17" spans="1:4" ht="18" customHeight="1" x14ac:dyDescent="0.15">
      <c r="A17" s="5">
        <v>10</v>
      </c>
      <c r="B17" s="22">
        <v>33</v>
      </c>
      <c r="C17" s="14">
        <v>45</v>
      </c>
      <c r="D17" s="18">
        <v>78</v>
      </c>
    </row>
    <row r="18" spans="1:4" ht="18" customHeight="1" x14ac:dyDescent="0.15">
      <c r="A18" s="5">
        <v>11</v>
      </c>
      <c r="B18" s="22">
        <v>38</v>
      </c>
      <c r="C18" s="14">
        <v>33</v>
      </c>
      <c r="D18" s="18">
        <v>71</v>
      </c>
    </row>
    <row r="19" spans="1:4" ht="18" customHeight="1" x14ac:dyDescent="0.15">
      <c r="A19" s="5">
        <v>12</v>
      </c>
      <c r="B19" s="22">
        <v>32</v>
      </c>
      <c r="C19" s="14">
        <v>32</v>
      </c>
      <c r="D19" s="18">
        <v>64</v>
      </c>
    </row>
    <row r="20" spans="1:4" ht="18" customHeight="1" x14ac:dyDescent="0.15">
      <c r="A20" s="5">
        <v>13</v>
      </c>
      <c r="B20" s="22">
        <v>43</v>
      </c>
      <c r="C20" s="14">
        <v>39</v>
      </c>
      <c r="D20" s="18">
        <v>82</v>
      </c>
    </row>
    <row r="21" spans="1:4" ht="18" customHeight="1" x14ac:dyDescent="0.15">
      <c r="A21" s="5">
        <v>14</v>
      </c>
      <c r="B21" s="22">
        <v>47</v>
      </c>
      <c r="C21" s="14">
        <v>37</v>
      </c>
      <c r="D21" s="18">
        <v>84</v>
      </c>
    </row>
    <row r="22" spans="1:4" ht="18" customHeight="1" x14ac:dyDescent="0.15">
      <c r="A22" s="5" t="s">
        <v>12</v>
      </c>
      <c r="B22" s="22">
        <v>193</v>
      </c>
      <c r="C22" s="14">
        <v>186</v>
      </c>
      <c r="D22" s="18">
        <v>379</v>
      </c>
    </row>
    <row r="23" spans="1:4" ht="18" customHeight="1" x14ac:dyDescent="0.15">
      <c r="A23" s="5" t="s">
        <v>6</v>
      </c>
      <c r="B23" s="22">
        <v>521</v>
      </c>
      <c r="C23" s="14">
        <v>509</v>
      </c>
      <c r="D23" s="18">
        <v>1030</v>
      </c>
    </row>
    <row r="24" spans="1:4" ht="18" customHeight="1" x14ac:dyDescent="0.15">
      <c r="A24" s="5">
        <v>15</v>
      </c>
      <c r="B24" s="22">
        <v>46</v>
      </c>
      <c r="C24" s="14">
        <v>40</v>
      </c>
      <c r="D24" s="18">
        <v>86</v>
      </c>
    </row>
    <row r="25" spans="1:4" ht="18" customHeight="1" x14ac:dyDescent="0.15">
      <c r="A25" s="5">
        <v>16</v>
      </c>
      <c r="B25" s="22">
        <v>42</v>
      </c>
      <c r="C25" s="14">
        <v>36</v>
      </c>
      <c r="D25" s="18">
        <v>78</v>
      </c>
    </row>
    <row r="26" spans="1:4" ht="18" customHeight="1" x14ac:dyDescent="0.15">
      <c r="A26" s="5">
        <v>17</v>
      </c>
      <c r="B26" s="22">
        <v>48</v>
      </c>
      <c r="C26" s="14">
        <v>35</v>
      </c>
      <c r="D26" s="18">
        <v>83</v>
      </c>
    </row>
    <row r="27" spans="1:4" ht="18" customHeight="1" x14ac:dyDescent="0.15">
      <c r="A27" s="5">
        <v>18</v>
      </c>
      <c r="B27" s="22">
        <v>43</v>
      </c>
      <c r="C27" s="14">
        <v>36</v>
      </c>
      <c r="D27" s="18">
        <v>79</v>
      </c>
    </row>
    <row r="28" spans="1:4" ht="18" customHeight="1" x14ac:dyDescent="0.15">
      <c r="A28" s="5">
        <v>19</v>
      </c>
      <c r="B28" s="22">
        <v>42</v>
      </c>
      <c r="C28" s="14">
        <v>47</v>
      </c>
      <c r="D28" s="18">
        <v>89</v>
      </c>
    </row>
    <row r="29" spans="1:4" ht="18" customHeight="1" x14ac:dyDescent="0.15">
      <c r="A29" s="5" t="s">
        <v>14</v>
      </c>
      <c r="B29" s="22">
        <v>221</v>
      </c>
      <c r="C29" s="14">
        <v>194</v>
      </c>
      <c r="D29" s="18">
        <v>415</v>
      </c>
    </row>
    <row r="30" spans="1:4" ht="18" customHeight="1" x14ac:dyDescent="0.15">
      <c r="A30" s="5">
        <v>20</v>
      </c>
      <c r="B30" s="22">
        <v>43</v>
      </c>
      <c r="C30" s="14">
        <v>33</v>
      </c>
      <c r="D30" s="18">
        <v>76</v>
      </c>
    </row>
    <row r="31" spans="1:4" ht="18" customHeight="1" x14ac:dyDescent="0.15">
      <c r="A31" s="5">
        <v>21</v>
      </c>
      <c r="B31" s="22">
        <v>56</v>
      </c>
      <c r="C31" s="14">
        <v>42</v>
      </c>
      <c r="D31" s="18">
        <v>98</v>
      </c>
    </row>
    <row r="32" spans="1:4" ht="18" customHeight="1" x14ac:dyDescent="0.15">
      <c r="A32" s="5">
        <v>22</v>
      </c>
      <c r="B32" s="22">
        <v>60</v>
      </c>
      <c r="C32" s="14">
        <v>34</v>
      </c>
      <c r="D32" s="18">
        <v>94</v>
      </c>
    </row>
    <row r="33" spans="1:4" ht="18" customHeight="1" x14ac:dyDescent="0.15">
      <c r="A33" s="5">
        <v>23</v>
      </c>
      <c r="B33" s="22">
        <v>59</v>
      </c>
      <c r="C33" s="14">
        <v>32</v>
      </c>
      <c r="D33" s="18">
        <v>91</v>
      </c>
    </row>
    <row r="34" spans="1:4" ht="18" customHeight="1" x14ac:dyDescent="0.15">
      <c r="A34" s="5">
        <v>24</v>
      </c>
      <c r="B34" s="22">
        <v>69</v>
      </c>
      <c r="C34" s="14">
        <v>58</v>
      </c>
      <c r="D34" s="18">
        <v>127</v>
      </c>
    </row>
    <row r="35" spans="1:4" ht="18" customHeight="1" x14ac:dyDescent="0.15">
      <c r="A35" s="5" t="s">
        <v>9</v>
      </c>
      <c r="B35" s="22">
        <v>287</v>
      </c>
      <c r="C35" s="14">
        <v>199</v>
      </c>
      <c r="D35" s="18">
        <v>486</v>
      </c>
    </row>
    <row r="36" spans="1:4" ht="18" customHeight="1" x14ac:dyDescent="0.15">
      <c r="A36" s="5">
        <v>25</v>
      </c>
      <c r="B36" s="22">
        <v>68</v>
      </c>
      <c r="C36" s="14">
        <v>46</v>
      </c>
      <c r="D36" s="18">
        <v>114</v>
      </c>
    </row>
    <row r="37" spans="1:4" ht="18" customHeight="1" x14ac:dyDescent="0.15">
      <c r="A37" s="5">
        <v>26</v>
      </c>
      <c r="B37" s="22">
        <v>68</v>
      </c>
      <c r="C37" s="14">
        <v>47</v>
      </c>
      <c r="D37" s="18">
        <v>115</v>
      </c>
    </row>
    <row r="38" spans="1:4" ht="18" customHeight="1" x14ac:dyDescent="0.15">
      <c r="A38" s="5">
        <v>27</v>
      </c>
      <c r="B38" s="22">
        <v>49</v>
      </c>
      <c r="C38" s="14">
        <v>49</v>
      </c>
      <c r="D38" s="18">
        <v>98</v>
      </c>
    </row>
    <row r="39" spans="1:4" ht="18" customHeight="1" x14ac:dyDescent="0.15">
      <c r="A39" s="5">
        <v>28</v>
      </c>
      <c r="B39" s="22">
        <v>63</v>
      </c>
      <c r="C39" s="14">
        <v>51</v>
      </c>
      <c r="D39" s="18">
        <v>114</v>
      </c>
    </row>
    <row r="40" spans="1:4" ht="18" customHeight="1" x14ac:dyDescent="0.15">
      <c r="A40" s="5">
        <v>29</v>
      </c>
      <c r="B40" s="22">
        <v>47</v>
      </c>
      <c r="C40" s="14">
        <v>46</v>
      </c>
      <c r="D40" s="18">
        <v>93</v>
      </c>
    </row>
    <row r="41" spans="1:4" ht="18" customHeight="1" x14ac:dyDescent="0.15">
      <c r="A41" s="5" t="s">
        <v>2</v>
      </c>
      <c r="B41" s="22">
        <v>295</v>
      </c>
      <c r="C41" s="14">
        <v>239</v>
      </c>
      <c r="D41" s="18">
        <v>534</v>
      </c>
    </row>
    <row r="42" spans="1:4" ht="18" customHeight="1" x14ac:dyDescent="0.15">
      <c r="A42" s="5">
        <v>30</v>
      </c>
      <c r="B42" s="22">
        <v>60</v>
      </c>
      <c r="C42" s="14">
        <v>48</v>
      </c>
      <c r="D42" s="18">
        <v>108</v>
      </c>
    </row>
    <row r="43" spans="1:4" ht="18" customHeight="1" x14ac:dyDescent="0.15">
      <c r="A43" s="5">
        <v>31</v>
      </c>
      <c r="B43" s="22">
        <v>57</v>
      </c>
      <c r="C43" s="14">
        <v>48</v>
      </c>
      <c r="D43" s="18">
        <v>105</v>
      </c>
    </row>
    <row r="44" spans="1:4" ht="18" customHeight="1" x14ac:dyDescent="0.15">
      <c r="A44" s="5">
        <v>32</v>
      </c>
      <c r="B44" s="22">
        <v>59</v>
      </c>
      <c r="C44" s="14">
        <v>59</v>
      </c>
      <c r="D44" s="18">
        <v>118</v>
      </c>
    </row>
    <row r="45" spans="1:4" ht="18" customHeight="1" x14ac:dyDescent="0.15">
      <c r="A45" s="5">
        <v>33</v>
      </c>
      <c r="B45" s="22">
        <v>50</v>
      </c>
      <c r="C45" s="14">
        <v>33</v>
      </c>
      <c r="D45" s="18">
        <v>83</v>
      </c>
    </row>
    <row r="46" spans="1:4" ht="18" customHeight="1" x14ac:dyDescent="0.15">
      <c r="A46" s="5">
        <v>34</v>
      </c>
      <c r="B46" s="22">
        <v>39</v>
      </c>
      <c r="C46" s="14">
        <v>52</v>
      </c>
      <c r="D46" s="18">
        <v>91</v>
      </c>
    </row>
    <row r="47" spans="1:4" ht="18" customHeight="1" x14ac:dyDescent="0.15">
      <c r="A47" s="5" t="s">
        <v>15</v>
      </c>
      <c r="B47" s="22">
        <v>265</v>
      </c>
      <c r="C47" s="14">
        <v>240</v>
      </c>
      <c r="D47" s="18">
        <v>505</v>
      </c>
    </row>
    <row r="48" spans="1:4" ht="18" customHeight="1" x14ac:dyDescent="0.15">
      <c r="A48" s="5">
        <v>35</v>
      </c>
      <c r="B48" s="22">
        <v>68</v>
      </c>
      <c r="C48" s="14">
        <v>55</v>
      </c>
      <c r="D48" s="18">
        <v>123</v>
      </c>
    </row>
    <row r="49" spans="1:4" ht="18" customHeight="1" x14ac:dyDescent="0.15">
      <c r="A49" s="5">
        <v>36</v>
      </c>
      <c r="B49" s="22">
        <v>60</v>
      </c>
      <c r="C49" s="14">
        <v>52</v>
      </c>
      <c r="D49" s="18">
        <v>112</v>
      </c>
    </row>
    <row r="50" spans="1:4" ht="18" customHeight="1" x14ac:dyDescent="0.15">
      <c r="A50" s="5">
        <v>37</v>
      </c>
      <c r="B50" s="22">
        <v>60</v>
      </c>
      <c r="C50" s="14">
        <v>52</v>
      </c>
      <c r="D50" s="18">
        <v>112</v>
      </c>
    </row>
    <row r="51" spans="1:4" ht="18" customHeight="1" x14ac:dyDescent="0.15">
      <c r="A51" s="5">
        <v>38</v>
      </c>
      <c r="B51" s="22">
        <v>61</v>
      </c>
      <c r="C51" s="14">
        <v>47</v>
      </c>
      <c r="D51" s="18">
        <v>108</v>
      </c>
    </row>
    <row r="52" spans="1:4" ht="18" customHeight="1" x14ac:dyDescent="0.15">
      <c r="A52" s="5">
        <v>39</v>
      </c>
      <c r="B52" s="22">
        <v>59</v>
      </c>
      <c r="C52" s="14">
        <v>55</v>
      </c>
      <c r="D52" s="18">
        <v>114</v>
      </c>
    </row>
    <row r="53" spans="1:4" ht="18" customHeight="1" x14ac:dyDescent="0.15">
      <c r="A53" s="5" t="s">
        <v>18</v>
      </c>
      <c r="B53" s="22">
        <v>308</v>
      </c>
      <c r="C53" s="14">
        <v>261</v>
      </c>
      <c r="D53" s="18">
        <v>569</v>
      </c>
    </row>
    <row r="54" spans="1:4" ht="18" customHeight="1" x14ac:dyDescent="0.15">
      <c r="A54" s="5">
        <v>40</v>
      </c>
      <c r="B54" s="22">
        <v>64</v>
      </c>
      <c r="C54" s="14">
        <v>60</v>
      </c>
      <c r="D54" s="18">
        <v>124</v>
      </c>
    </row>
    <row r="55" spans="1:4" ht="18" customHeight="1" x14ac:dyDescent="0.15">
      <c r="A55" s="5">
        <v>41</v>
      </c>
      <c r="B55" s="22">
        <v>71</v>
      </c>
      <c r="C55" s="14">
        <v>50</v>
      </c>
      <c r="D55" s="18">
        <v>121</v>
      </c>
    </row>
    <row r="56" spans="1:4" ht="18" customHeight="1" x14ac:dyDescent="0.15">
      <c r="A56" s="5">
        <v>42</v>
      </c>
      <c r="B56" s="22">
        <v>63</v>
      </c>
      <c r="C56" s="14">
        <v>62</v>
      </c>
      <c r="D56" s="18">
        <v>125</v>
      </c>
    </row>
    <row r="57" spans="1:4" ht="18" customHeight="1" x14ac:dyDescent="0.15">
      <c r="A57" s="5">
        <v>43</v>
      </c>
      <c r="B57" s="22">
        <v>62</v>
      </c>
      <c r="C57" s="14">
        <v>58</v>
      </c>
      <c r="D57" s="18">
        <v>120</v>
      </c>
    </row>
    <row r="58" spans="1:4" ht="18" customHeight="1" x14ac:dyDescent="0.15">
      <c r="A58" s="5">
        <v>44</v>
      </c>
      <c r="B58" s="22">
        <v>62</v>
      </c>
      <c r="C58" s="14">
        <v>59</v>
      </c>
      <c r="D58" s="18">
        <v>121</v>
      </c>
    </row>
    <row r="59" spans="1:4" ht="18" customHeight="1" x14ac:dyDescent="0.15">
      <c r="A59" s="5" t="s">
        <v>21</v>
      </c>
      <c r="B59" s="22">
        <v>322</v>
      </c>
      <c r="C59" s="14">
        <v>289</v>
      </c>
      <c r="D59" s="18">
        <v>611</v>
      </c>
    </row>
    <row r="60" spans="1:4" ht="18" customHeight="1" x14ac:dyDescent="0.15">
      <c r="A60" s="5">
        <v>45</v>
      </c>
      <c r="B60" s="22">
        <v>61</v>
      </c>
      <c r="C60" s="14">
        <v>57</v>
      </c>
      <c r="D60" s="18">
        <v>118</v>
      </c>
    </row>
    <row r="61" spans="1:4" ht="18" customHeight="1" x14ac:dyDescent="0.15">
      <c r="A61" s="5">
        <v>46</v>
      </c>
      <c r="B61" s="22">
        <v>65</v>
      </c>
      <c r="C61" s="14">
        <v>65</v>
      </c>
      <c r="D61" s="18">
        <v>130</v>
      </c>
    </row>
    <row r="62" spans="1:4" ht="18" customHeight="1" x14ac:dyDescent="0.15">
      <c r="A62" s="5">
        <v>47</v>
      </c>
      <c r="B62" s="22">
        <v>67</v>
      </c>
      <c r="C62" s="14">
        <v>66</v>
      </c>
      <c r="D62" s="18">
        <v>133</v>
      </c>
    </row>
    <row r="63" spans="1:4" ht="18" customHeight="1" x14ac:dyDescent="0.15">
      <c r="A63" s="5">
        <v>48</v>
      </c>
      <c r="B63" s="22">
        <v>71</v>
      </c>
      <c r="C63" s="14">
        <v>80</v>
      </c>
      <c r="D63" s="18">
        <v>151</v>
      </c>
    </row>
    <row r="64" spans="1:4" ht="18" customHeight="1" x14ac:dyDescent="0.15">
      <c r="A64" s="5">
        <v>49</v>
      </c>
      <c r="B64" s="22">
        <v>63</v>
      </c>
      <c r="C64" s="14">
        <v>80</v>
      </c>
      <c r="D64" s="18">
        <v>143</v>
      </c>
    </row>
    <row r="65" spans="1:4" ht="18" customHeight="1" x14ac:dyDescent="0.15">
      <c r="A65" s="5" t="s">
        <v>17</v>
      </c>
      <c r="B65" s="22">
        <v>327</v>
      </c>
      <c r="C65" s="14">
        <v>348</v>
      </c>
      <c r="D65" s="18">
        <v>675</v>
      </c>
    </row>
    <row r="66" spans="1:4" ht="18" customHeight="1" x14ac:dyDescent="0.15">
      <c r="A66" s="5">
        <v>50</v>
      </c>
      <c r="B66" s="22">
        <v>66</v>
      </c>
      <c r="C66" s="14">
        <v>68</v>
      </c>
      <c r="D66" s="18">
        <v>134</v>
      </c>
    </row>
    <row r="67" spans="1:4" ht="18" customHeight="1" x14ac:dyDescent="0.15">
      <c r="A67" s="5">
        <v>51</v>
      </c>
      <c r="B67" s="22">
        <v>95</v>
      </c>
      <c r="C67" s="14">
        <v>91</v>
      </c>
      <c r="D67" s="18">
        <v>186</v>
      </c>
    </row>
    <row r="68" spans="1:4" ht="18" customHeight="1" x14ac:dyDescent="0.15">
      <c r="A68" s="5">
        <v>52</v>
      </c>
      <c r="B68" s="22">
        <v>90</v>
      </c>
      <c r="C68" s="14">
        <v>101</v>
      </c>
      <c r="D68" s="18">
        <v>191</v>
      </c>
    </row>
    <row r="69" spans="1:4" ht="18" customHeight="1" x14ac:dyDescent="0.15">
      <c r="A69" s="5">
        <v>53</v>
      </c>
      <c r="B69" s="22">
        <v>86</v>
      </c>
      <c r="C69" s="14">
        <v>70</v>
      </c>
      <c r="D69" s="18">
        <v>156</v>
      </c>
    </row>
    <row r="70" spans="1:4" ht="18" customHeight="1" x14ac:dyDescent="0.15">
      <c r="A70" s="5">
        <v>54</v>
      </c>
      <c r="B70" s="22">
        <v>86</v>
      </c>
      <c r="C70" s="14">
        <v>74</v>
      </c>
      <c r="D70" s="18">
        <v>160</v>
      </c>
    </row>
    <row r="71" spans="1:4" ht="18" customHeight="1" x14ac:dyDescent="0.15">
      <c r="A71" s="5" t="s">
        <v>22</v>
      </c>
      <c r="B71" s="22">
        <v>423</v>
      </c>
      <c r="C71" s="14">
        <v>404</v>
      </c>
      <c r="D71" s="18">
        <v>827</v>
      </c>
    </row>
    <row r="72" spans="1:4" ht="18" customHeight="1" x14ac:dyDescent="0.15">
      <c r="A72" s="5">
        <v>55</v>
      </c>
      <c r="B72" s="22">
        <v>84</v>
      </c>
      <c r="C72" s="14">
        <v>87</v>
      </c>
      <c r="D72" s="18">
        <v>171</v>
      </c>
    </row>
    <row r="73" spans="1:4" ht="18" customHeight="1" x14ac:dyDescent="0.15">
      <c r="A73" s="5">
        <v>56</v>
      </c>
      <c r="B73" s="22">
        <v>97</v>
      </c>
      <c r="C73" s="14">
        <v>100</v>
      </c>
      <c r="D73" s="18">
        <v>197</v>
      </c>
    </row>
    <row r="74" spans="1:4" ht="18" customHeight="1" x14ac:dyDescent="0.15">
      <c r="A74" s="5">
        <v>57</v>
      </c>
      <c r="B74" s="22">
        <v>80</v>
      </c>
      <c r="C74" s="14">
        <v>84</v>
      </c>
      <c r="D74" s="18">
        <v>164</v>
      </c>
    </row>
    <row r="75" spans="1:4" ht="18" customHeight="1" x14ac:dyDescent="0.15">
      <c r="A75" s="5">
        <v>58</v>
      </c>
      <c r="B75" s="22">
        <v>69</v>
      </c>
      <c r="C75" s="14">
        <v>70</v>
      </c>
      <c r="D75" s="18">
        <v>139</v>
      </c>
    </row>
    <row r="76" spans="1:4" ht="18" customHeight="1" x14ac:dyDescent="0.15">
      <c r="A76" s="5">
        <v>59</v>
      </c>
      <c r="B76" s="22">
        <v>65</v>
      </c>
      <c r="C76" s="14">
        <v>63</v>
      </c>
      <c r="D76" s="18">
        <v>128</v>
      </c>
    </row>
    <row r="77" spans="1:4" ht="18" customHeight="1" x14ac:dyDescent="0.15">
      <c r="A77" s="5" t="s">
        <v>27</v>
      </c>
      <c r="B77" s="22">
        <v>395</v>
      </c>
      <c r="C77" s="14">
        <v>404</v>
      </c>
      <c r="D77" s="18">
        <v>799</v>
      </c>
    </row>
    <row r="78" spans="1:4" ht="18" customHeight="1" x14ac:dyDescent="0.15">
      <c r="A78" s="5">
        <v>60</v>
      </c>
      <c r="B78" s="22">
        <v>65</v>
      </c>
      <c r="C78" s="14">
        <v>68</v>
      </c>
      <c r="D78" s="18">
        <v>133</v>
      </c>
    </row>
    <row r="79" spans="1:4" ht="18" customHeight="1" x14ac:dyDescent="0.15">
      <c r="A79" s="5">
        <v>61</v>
      </c>
      <c r="B79" s="22">
        <v>53</v>
      </c>
      <c r="C79" s="14">
        <v>70</v>
      </c>
      <c r="D79" s="18">
        <v>123</v>
      </c>
    </row>
    <row r="80" spans="1:4" ht="18" customHeight="1" x14ac:dyDescent="0.15">
      <c r="A80" s="5">
        <v>62</v>
      </c>
      <c r="B80" s="22">
        <v>60</v>
      </c>
      <c r="C80" s="14">
        <v>53</v>
      </c>
      <c r="D80" s="18">
        <v>113</v>
      </c>
    </row>
    <row r="81" spans="1:4" ht="18" customHeight="1" x14ac:dyDescent="0.15">
      <c r="A81" s="5">
        <v>63</v>
      </c>
      <c r="B81" s="22">
        <v>53</v>
      </c>
      <c r="C81" s="14">
        <v>59</v>
      </c>
      <c r="D81" s="18">
        <v>112</v>
      </c>
    </row>
    <row r="82" spans="1:4" ht="18" customHeight="1" x14ac:dyDescent="0.15">
      <c r="A82" s="5">
        <v>64</v>
      </c>
      <c r="B82" s="22">
        <v>48</v>
      </c>
      <c r="C82" s="14">
        <v>65</v>
      </c>
      <c r="D82" s="18">
        <v>113</v>
      </c>
    </row>
    <row r="83" spans="1:4" ht="18" customHeight="1" x14ac:dyDescent="0.15">
      <c r="A83" s="5" t="s">
        <v>28</v>
      </c>
      <c r="B83" s="22">
        <v>279</v>
      </c>
      <c r="C83" s="14">
        <v>315</v>
      </c>
      <c r="D83" s="18">
        <v>594</v>
      </c>
    </row>
    <row r="84" spans="1:4" ht="18" customHeight="1" x14ac:dyDescent="0.15">
      <c r="A84" s="5" t="s">
        <v>31</v>
      </c>
      <c r="B84" s="22">
        <v>3122</v>
      </c>
      <c r="C84" s="14">
        <v>2893</v>
      </c>
      <c r="D84" s="18">
        <v>6015</v>
      </c>
    </row>
    <row r="85" spans="1:4" ht="18" customHeight="1" x14ac:dyDescent="0.15">
      <c r="A85" s="5">
        <v>65</v>
      </c>
      <c r="B85" s="22">
        <v>53</v>
      </c>
      <c r="C85" s="14">
        <v>52</v>
      </c>
      <c r="D85" s="18">
        <v>105</v>
      </c>
    </row>
    <row r="86" spans="1:4" ht="18" customHeight="1" x14ac:dyDescent="0.15">
      <c r="A86" s="5">
        <v>66</v>
      </c>
      <c r="B86" s="22">
        <v>44</v>
      </c>
      <c r="C86" s="14">
        <v>53</v>
      </c>
      <c r="D86" s="18">
        <v>97</v>
      </c>
    </row>
    <row r="87" spans="1:4" ht="18" customHeight="1" x14ac:dyDescent="0.15">
      <c r="A87" s="5">
        <v>67</v>
      </c>
      <c r="B87" s="22">
        <v>47</v>
      </c>
      <c r="C87" s="14">
        <v>35</v>
      </c>
      <c r="D87" s="18">
        <v>82</v>
      </c>
    </row>
    <row r="88" spans="1:4" ht="18" customHeight="1" x14ac:dyDescent="0.15">
      <c r="A88" s="5">
        <v>68</v>
      </c>
      <c r="B88" s="22">
        <v>34</v>
      </c>
      <c r="C88" s="14">
        <v>37</v>
      </c>
      <c r="D88" s="18">
        <v>71</v>
      </c>
    </row>
    <row r="89" spans="1:4" ht="18" customHeight="1" x14ac:dyDescent="0.15">
      <c r="A89" s="5">
        <v>69</v>
      </c>
      <c r="B89" s="22">
        <v>25</v>
      </c>
      <c r="C89" s="14">
        <v>34</v>
      </c>
      <c r="D89" s="18">
        <v>59</v>
      </c>
    </row>
    <row r="90" spans="1:4" ht="18" customHeight="1" x14ac:dyDescent="0.15">
      <c r="A90" s="5" t="s">
        <v>20</v>
      </c>
      <c r="B90" s="22">
        <v>203</v>
      </c>
      <c r="C90" s="14">
        <v>211</v>
      </c>
      <c r="D90" s="18">
        <v>414</v>
      </c>
    </row>
    <row r="91" spans="1:4" ht="18" customHeight="1" x14ac:dyDescent="0.15">
      <c r="A91" s="5">
        <v>70</v>
      </c>
      <c r="B91" s="22">
        <v>35</v>
      </c>
      <c r="C91" s="14">
        <v>32</v>
      </c>
      <c r="D91" s="18">
        <v>67</v>
      </c>
    </row>
    <row r="92" spans="1:4" ht="18" customHeight="1" x14ac:dyDescent="0.15">
      <c r="A92" s="5">
        <v>71</v>
      </c>
      <c r="B92" s="22">
        <v>38</v>
      </c>
      <c r="C92" s="14">
        <v>37</v>
      </c>
      <c r="D92" s="18">
        <v>75</v>
      </c>
    </row>
    <row r="93" spans="1:4" ht="18" customHeight="1" x14ac:dyDescent="0.15">
      <c r="A93" s="5">
        <v>72</v>
      </c>
      <c r="B93" s="22">
        <v>34</v>
      </c>
      <c r="C93" s="14">
        <v>41</v>
      </c>
      <c r="D93" s="18">
        <v>75</v>
      </c>
    </row>
    <row r="94" spans="1:4" ht="18" customHeight="1" x14ac:dyDescent="0.15">
      <c r="A94" s="5">
        <v>73</v>
      </c>
      <c r="B94" s="22">
        <v>31</v>
      </c>
      <c r="C94" s="14">
        <v>39</v>
      </c>
      <c r="D94" s="18">
        <v>70</v>
      </c>
    </row>
    <row r="95" spans="1:4" ht="18" customHeight="1" x14ac:dyDescent="0.15">
      <c r="A95" s="5">
        <v>74</v>
      </c>
      <c r="B95" s="22">
        <v>22</v>
      </c>
      <c r="C95" s="14">
        <v>36</v>
      </c>
      <c r="D95" s="18">
        <v>58</v>
      </c>
    </row>
    <row r="96" spans="1:4" ht="18" customHeight="1" x14ac:dyDescent="0.15">
      <c r="A96" s="5" t="s">
        <v>33</v>
      </c>
      <c r="B96" s="22">
        <v>160</v>
      </c>
      <c r="C96" s="14">
        <v>185</v>
      </c>
      <c r="D96" s="18">
        <v>345</v>
      </c>
    </row>
    <row r="97" spans="1:4" ht="18" customHeight="1" x14ac:dyDescent="0.15">
      <c r="A97" s="5">
        <v>75</v>
      </c>
      <c r="B97" s="22">
        <v>40</v>
      </c>
      <c r="C97" s="14">
        <v>37</v>
      </c>
      <c r="D97" s="18">
        <v>77</v>
      </c>
    </row>
    <row r="98" spans="1:4" ht="18" customHeight="1" x14ac:dyDescent="0.15">
      <c r="A98" s="5">
        <v>76</v>
      </c>
      <c r="B98" s="22">
        <v>41</v>
      </c>
      <c r="C98" s="14">
        <v>45</v>
      </c>
      <c r="D98" s="18">
        <v>86</v>
      </c>
    </row>
    <row r="99" spans="1:4" ht="18" customHeight="1" x14ac:dyDescent="0.15">
      <c r="A99" s="5">
        <v>77</v>
      </c>
      <c r="B99" s="22">
        <v>37</v>
      </c>
      <c r="C99" s="14">
        <v>59</v>
      </c>
      <c r="D99" s="18">
        <v>96</v>
      </c>
    </row>
    <row r="100" spans="1:4" ht="18" customHeight="1" x14ac:dyDescent="0.15">
      <c r="A100" s="5">
        <v>78</v>
      </c>
      <c r="B100" s="22">
        <v>37</v>
      </c>
      <c r="C100" s="14">
        <v>54</v>
      </c>
      <c r="D100" s="18">
        <v>91</v>
      </c>
    </row>
    <row r="101" spans="1:4" ht="18" customHeight="1" x14ac:dyDescent="0.15">
      <c r="A101" s="5">
        <v>79</v>
      </c>
      <c r="B101" s="22">
        <v>23</v>
      </c>
      <c r="C101" s="14">
        <v>35</v>
      </c>
      <c r="D101" s="18">
        <v>58</v>
      </c>
    </row>
    <row r="102" spans="1:4" ht="18" customHeight="1" x14ac:dyDescent="0.15">
      <c r="A102" s="5" t="s">
        <v>0</v>
      </c>
      <c r="B102" s="22">
        <v>178</v>
      </c>
      <c r="C102" s="14">
        <v>230</v>
      </c>
      <c r="D102" s="18">
        <v>408</v>
      </c>
    </row>
    <row r="103" spans="1:4" ht="18" customHeight="1" x14ac:dyDescent="0.15">
      <c r="A103" s="5">
        <v>80</v>
      </c>
      <c r="B103" s="22">
        <v>14</v>
      </c>
      <c r="C103" s="14">
        <v>22</v>
      </c>
      <c r="D103" s="18">
        <v>36</v>
      </c>
    </row>
    <row r="104" spans="1:4" ht="18" customHeight="1" x14ac:dyDescent="0.15">
      <c r="A104" s="5">
        <v>81</v>
      </c>
      <c r="B104" s="22">
        <v>30</v>
      </c>
      <c r="C104" s="14">
        <v>39</v>
      </c>
      <c r="D104" s="18">
        <v>69</v>
      </c>
    </row>
    <row r="105" spans="1:4" ht="18" customHeight="1" x14ac:dyDescent="0.15">
      <c r="A105" s="5">
        <v>82</v>
      </c>
      <c r="B105" s="22">
        <v>19</v>
      </c>
      <c r="C105" s="14">
        <v>38</v>
      </c>
      <c r="D105" s="18">
        <v>57</v>
      </c>
    </row>
    <row r="106" spans="1:4" ht="18" customHeight="1" x14ac:dyDescent="0.15">
      <c r="A106" s="5">
        <v>83</v>
      </c>
      <c r="B106" s="22">
        <v>18</v>
      </c>
      <c r="C106" s="14">
        <v>40</v>
      </c>
      <c r="D106" s="18">
        <v>58</v>
      </c>
    </row>
    <row r="107" spans="1:4" ht="18" customHeight="1" x14ac:dyDescent="0.15">
      <c r="A107" s="5">
        <v>84</v>
      </c>
      <c r="B107" s="22">
        <v>24</v>
      </c>
      <c r="C107" s="14">
        <v>44</v>
      </c>
      <c r="D107" s="18">
        <v>68</v>
      </c>
    </row>
    <row r="108" spans="1:4" ht="18" customHeight="1" x14ac:dyDescent="0.15">
      <c r="A108" s="5" t="s">
        <v>35</v>
      </c>
      <c r="B108" s="22">
        <v>105</v>
      </c>
      <c r="C108" s="14">
        <v>183</v>
      </c>
      <c r="D108" s="18">
        <v>288</v>
      </c>
    </row>
    <row r="109" spans="1:4" ht="18" customHeight="1" x14ac:dyDescent="0.15">
      <c r="A109" s="5">
        <v>85</v>
      </c>
      <c r="B109" s="22">
        <v>19</v>
      </c>
      <c r="C109" s="14">
        <v>30</v>
      </c>
      <c r="D109" s="18">
        <v>49</v>
      </c>
    </row>
    <row r="110" spans="1:4" ht="18" customHeight="1" x14ac:dyDescent="0.15">
      <c r="A110" s="5">
        <v>86</v>
      </c>
      <c r="B110" s="22">
        <v>17</v>
      </c>
      <c r="C110" s="14">
        <v>22</v>
      </c>
      <c r="D110" s="18">
        <v>39</v>
      </c>
    </row>
    <row r="111" spans="1:4" ht="18" customHeight="1" x14ac:dyDescent="0.15">
      <c r="A111" s="5">
        <v>87</v>
      </c>
      <c r="B111" s="22">
        <v>17</v>
      </c>
      <c r="C111" s="14">
        <v>16</v>
      </c>
      <c r="D111" s="18">
        <v>33</v>
      </c>
    </row>
    <row r="112" spans="1:4" ht="18" customHeight="1" x14ac:dyDescent="0.15">
      <c r="A112" s="5">
        <v>88</v>
      </c>
      <c r="B112" s="22">
        <v>18</v>
      </c>
      <c r="C112" s="14">
        <v>17</v>
      </c>
      <c r="D112" s="18">
        <v>35</v>
      </c>
    </row>
    <row r="113" spans="1:4" ht="18" customHeight="1" x14ac:dyDescent="0.15">
      <c r="A113" s="5">
        <v>89</v>
      </c>
      <c r="B113" s="22">
        <v>10</v>
      </c>
      <c r="C113" s="14">
        <v>21</v>
      </c>
      <c r="D113" s="18">
        <v>31</v>
      </c>
    </row>
    <row r="114" spans="1:4" ht="18" customHeight="1" x14ac:dyDescent="0.15">
      <c r="A114" s="5" t="s">
        <v>37</v>
      </c>
      <c r="B114" s="22">
        <v>81</v>
      </c>
      <c r="C114" s="14">
        <v>106</v>
      </c>
      <c r="D114" s="18">
        <v>187</v>
      </c>
    </row>
    <row r="115" spans="1:4" ht="18" customHeight="1" x14ac:dyDescent="0.15">
      <c r="A115" s="5">
        <v>90</v>
      </c>
      <c r="B115" s="22">
        <v>11</v>
      </c>
      <c r="C115" s="14">
        <v>26</v>
      </c>
      <c r="D115" s="18">
        <v>37</v>
      </c>
    </row>
    <row r="116" spans="1:4" ht="18" customHeight="1" x14ac:dyDescent="0.15">
      <c r="A116" s="5">
        <v>91</v>
      </c>
      <c r="B116" s="22">
        <v>6</v>
      </c>
      <c r="C116" s="14">
        <v>18</v>
      </c>
      <c r="D116" s="18">
        <v>24</v>
      </c>
    </row>
    <row r="117" spans="1:4" ht="18" customHeight="1" x14ac:dyDescent="0.15">
      <c r="A117" s="5">
        <v>92</v>
      </c>
      <c r="B117" s="22">
        <v>5</v>
      </c>
      <c r="C117" s="14">
        <v>9</v>
      </c>
      <c r="D117" s="18">
        <v>14</v>
      </c>
    </row>
    <row r="118" spans="1:4" ht="18" customHeight="1" x14ac:dyDescent="0.15">
      <c r="A118" s="5">
        <v>93</v>
      </c>
      <c r="B118" s="22">
        <v>9</v>
      </c>
      <c r="C118" s="14">
        <v>15</v>
      </c>
      <c r="D118" s="18">
        <v>24</v>
      </c>
    </row>
    <row r="119" spans="1:4" ht="18" customHeight="1" x14ac:dyDescent="0.15">
      <c r="A119" s="5">
        <v>94</v>
      </c>
      <c r="B119" s="22">
        <v>1</v>
      </c>
      <c r="C119" s="14">
        <v>10</v>
      </c>
      <c r="D119" s="18">
        <v>11</v>
      </c>
    </row>
    <row r="120" spans="1:4" ht="18" customHeight="1" x14ac:dyDescent="0.15">
      <c r="A120" s="5" t="s">
        <v>39</v>
      </c>
      <c r="B120" s="22">
        <v>32</v>
      </c>
      <c r="C120" s="14">
        <v>78</v>
      </c>
      <c r="D120" s="18">
        <v>110</v>
      </c>
    </row>
    <row r="121" spans="1:4" ht="18" customHeight="1" x14ac:dyDescent="0.15">
      <c r="A121" s="5">
        <v>95</v>
      </c>
      <c r="B121" s="22">
        <v>2</v>
      </c>
      <c r="C121" s="14">
        <v>12</v>
      </c>
      <c r="D121" s="18">
        <v>14</v>
      </c>
    </row>
    <row r="122" spans="1:4" ht="18" customHeight="1" x14ac:dyDescent="0.15">
      <c r="A122" s="5">
        <v>96</v>
      </c>
      <c r="B122" s="22">
        <v>0</v>
      </c>
      <c r="C122" s="14">
        <v>7</v>
      </c>
      <c r="D122" s="18">
        <v>7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0</v>
      </c>
      <c r="D125" s="18">
        <v>1</v>
      </c>
    </row>
    <row r="126" spans="1:4" ht="18" customHeight="1" x14ac:dyDescent="0.15">
      <c r="A126" s="5" t="s">
        <v>40</v>
      </c>
      <c r="B126" s="22">
        <v>5</v>
      </c>
      <c r="C126" s="14">
        <v>24</v>
      </c>
      <c r="D126" s="18">
        <v>29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764</v>
      </c>
      <c r="C130" s="14">
        <v>1020</v>
      </c>
      <c r="D130" s="18">
        <v>1784</v>
      </c>
    </row>
    <row r="131" spans="1:4" ht="18" customHeight="1" x14ac:dyDescent="0.15">
      <c r="A131" s="7" t="s">
        <v>45</v>
      </c>
      <c r="B131" s="23">
        <v>4407</v>
      </c>
      <c r="C131" s="15">
        <v>4422</v>
      </c>
      <c r="D131" s="19">
        <v>882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6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7" t="s">
        <v>49</v>
      </c>
      <c r="C3" s="47"/>
      <c r="D3" s="47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46</v>
      </c>
      <c r="C5" s="13">
        <v>45</v>
      </c>
      <c r="D5" s="17">
        <v>91</v>
      </c>
    </row>
    <row r="6" spans="1:4" ht="18" customHeight="1" x14ac:dyDescent="0.15">
      <c r="A6" s="5">
        <v>1</v>
      </c>
      <c r="B6" s="22">
        <v>41</v>
      </c>
      <c r="C6" s="14">
        <v>33</v>
      </c>
      <c r="D6" s="18">
        <v>74</v>
      </c>
    </row>
    <row r="7" spans="1:4" ht="18" customHeight="1" x14ac:dyDescent="0.15">
      <c r="A7" s="5">
        <v>2</v>
      </c>
      <c r="B7" s="22">
        <v>36</v>
      </c>
      <c r="C7" s="14">
        <v>28</v>
      </c>
      <c r="D7" s="18">
        <v>64</v>
      </c>
    </row>
    <row r="8" spans="1:4" ht="18" customHeight="1" x14ac:dyDescent="0.15">
      <c r="A8" s="5">
        <v>3</v>
      </c>
      <c r="B8" s="22">
        <v>38</v>
      </c>
      <c r="C8" s="14">
        <v>35</v>
      </c>
      <c r="D8" s="18">
        <v>73</v>
      </c>
    </row>
    <row r="9" spans="1:4" ht="18" customHeight="1" x14ac:dyDescent="0.15">
      <c r="A9" s="5">
        <v>4</v>
      </c>
      <c r="B9" s="22">
        <v>35</v>
      </c>
      <c r="C9" s="14">
        <v>48</v>
      </c>
      <c r="D9" s="18">
        <v>83</v>
      </c>
    </row>
    <row r="10" spans="1:4" ht="18" customHeight="1" x14ac:dyDescent="0.15">
      <c r="A10" s="5" t="s">
        <v>7</v>
      </c>
      <c r="B10" s="22">
        <v>196</v>
      </c>
      <c r="C10" s="14">
        <v>189</v>
      </c>
      <c r="D10" s="18">
        <v>385</v>
      </c>
    </row>
    <row r="11" spans="1:4" ht="18" customHeight="1" x14ac:dyDescent="0.15">
      <c r="A11" s="5">
        <v>5</v>
      </c>
      <c r="B11" s="22">
        <v>28</v>
      </c>
      <c r="C11" s="14">
        <v>51</v>
      </c>
      <c r="D11" s="18">
        <v>79</v>
      </c>
    </row>
    <row r="12" spans="1:4" ht="18" customHeight="1" x14ac:dyDescent="0.15">
      <c r="A12" s="5">
        <v>6</v>
      </c>
      <c r="B12" s="22">
        <v>48</v>
      </c>
      <c r="C12" s="14">
        <v>37</v>
      </c>
      <c r="D12" s="18">
        <v>85</v>
      </c>
    </row>
    <row r="13" spans="1:4" ht="18" customHeight="1" x14ac:dyDescent="0.15">
      <c r="A13" s="5">
        <v>7</v>
      </c>
      <c r="B13" s="22">
        <v>54</v>
      </c>
      <c r="C13" s="14">
        <v>42</v>
      </c>
      <c r="D13" s="18">
        <v>96</v>
      </c>
    </row>
    <row r="14" spans="1:4" ht="18" customHeight="1" x14ac:dyDescent="0.15">
      <c r="A14" s="5">
        <v>8</v>
      </c>
      <c r="B14" s="22">
        <v>46</v>
      </c>
      <c r="C14" s="14">
        <v>47</v>
      </c>
      <c r="D14" s="18">
        <v>93</v>
      </c>
    </row>
    <row r="15" spans="1:4" ht="18" customHeight="1" x14ac:dyDescent="0.15">
      <c r="A15" s="5">
        <v>9</v>
      </c>
      <c r="B15" s="22">
        <v>58</v>
      </c>
      <c r="C15" s="14">
        <v>47</v>
      </c>
      <c r="D15" s="18">
        <v>105</v>
      </c>
    </row>
    <row r="16" spans="1:4" ht="18" customHeight="1" x14ac:dyDescent="0.15">
      <c r="A16" s="5" t="s">
        <v>11</v>
      </c>
      <c r="B16" s="22">
        <v>234</v>
      </c>
      <c r="C16" s="14">
        <v>224</v>
      </c>
      <c r="D16" s="18">
        <v>458</v>
      </c>
    </row>
    <row r="17" spans="1:4" ht="18" customHeight="1" x14ac:dyDescent="0.15">
      <c r="A17" s="5">
        <v>10</v>
      </c>
      <c r="B17" s="22">
        <v>58</v>
      </c>
      <c r="C17" s="14">
        <v>52</v>
      </c>
      <c r="D17" s="18">
        <v>110</v>
      </c>
    </row>
    <row r="18" spans="1:4" ht="18" customHeight="1" x14ac:dyDescent="0.15">
      <c r="A18" s="5">
        <v>11</v>
      </c>
      <c r="B18" s="22">
        <v>55</v>
      </c>
      <c r="C18" s="14">
        <v>48</v>
      </c>
      <c r="D18" s="18">
        <v>103</v>
      </c>
    </row>
    <row r="19" spans="1:4" ht="18" customHeight="1" x14ac:dyDescent="0.15">
      <c r="A19" s="5">
        <v>12</v>
      </c>
      <c r="B19" s="22">
        <v>52</v>
      </c>
      <c r="C19" s="14">
        <v>52</v>
      </c>
      <c r="D19" s="18">
        <v>104</v>
      </c>
    </row>
    <row r="20" spans="1:4" ht="18" customHeight="1" x14ac:dyDescent="0.15">
      <c r="A20" s="5">
        <v>13</v>
      </c>
      <c r="B20" s="22">
        <v>52</v>
      </c>
      <c r="C20" s="14">
        <v>54</v>
      </c>
      <c r="D20" s="18">
        <v>106</v>
      </c>
    </row>
    <row r="21" spans="1:4" ht="18" customHeight="1" x14ac:dyDescent="0.15">
      <c r="A21" s="5">
        <v>14</v>
      </c>
      <c r="B21" s="22">
        <v>61</v>
      </c>
      <c r="C21" s="14">
        <v>46</v>
      </c>
      <c r="D21" s="18">
        <v>107</v>
      </c>
    </row>
    <row r="22" spans="1:4" ht="18" customHeight="1" x14ac:dyDescent="0.15">
      <c r="A22" s="5" t="s">
        <v>12</v>
      </c>
      <c r="B22" s="22">
        <v>278</v>
      </c>
      <c r="C22" s="14">
        <v>252</v>
      </c>
      <c r="D22" s="18">
        <v>530</v>
      </c>
    </row>
    <row r="23" spans="1:4" ht="18" customHeight="1" x14ac:dyDescent="0.15">
      <c r="A23" s="5" t="s">
        <v>6</v>
      </c>
      <c r="B23" s="22">
        <v>708</v>
      </c>
      <c r="C23" s="14">
        <v>665</v>
      </c>
      <c r="D23" s="18">
        <v>1373</v>
      </c>
    </row>
    <row r="24" spans="1:4" ht="18" customHeight="1" x14ac:dyDescent="0.15">
      <c r="A24" s="5">
        <v>15</v>
      </c>
      <c r="B24" s="22">
        <v>53</v>
      </c>
      <c r="C24" s="14">
        <v>42</v>
      </c>
      <c r="D24" s="18">
        <v>95</v>
      </c>
    </row>
    <row r="25" spans="1:4" ht="18" customHeight="1" x14ac:dyDescent="0.15">
      <c r="A25" s="5">
        <v>16</v>
      </c>
      <c r="B25" s="22">
        <v>51</v>
      </c>
      <c r="C25" s="14">
        <v>53</v>
      </c>
      <c r="D25" s="18">
        <v>104</v>
      </c>
    </row>
    <row r="26" spans="1:4" ht="18" customHeight="1" x14ac:dyDescent="0.15">
      <c r="A26" s="5">
        <v>17</v>
      </c>
      <c r="B26" s="22">
        <v>60</v>
      </c>
      <c r="C26" s="14">
        <v>51</v>
      </c>
      <c r="D26" s="18">
        <v>111</v>
      </c>
    </row>
    <row r="27" spans="1:4" ht="18" customHeight="1" x14ac:dyDescent="0.15">
      <c r="A27" s="5">
        <v>18</v>
      </c>
      <c r="B27" s="22">
        <v>65</v>
      </c>
      <c r="C27" s="14">
        <v>53</v>
      </c>
      <c r="D27" s="18">
        <v>118</v>
      </c>
    </row>
    <row r="28" spans="1:4" ht="18" customHeight="1" x14ac:dyDescent="0.15">
      <c r="A28" s="5">
        <v>19</v>
      </c>
      <c r="B28" s="22">
        <v>58</v>
      </c>
      <c r="C28" s="14">
        <v>44</v>
      </c>
      <c r="D28" s="18">
        <v>102</v>
      </c>
    </row>
    <row r="29" spans="1:4" ht="18" customHeight="1" x14ac:dyDescent="0.15">
      <c r="A29" s="5" t="s">
        <v>14</v>
      </c>
      <c r="B29" s="22">
        <v>287</v>
      </c>
      <c r="C29" s="14">
        <v>243</v>
      </c>
      <c r="D29" s="18">
        <v>530</v>
      </c>
    </row>
    <row r="30" spans="1:4" ht="18" customHeight="1" x14ac:dyDescent="0.15">
      <c r="A30" s="5">
        <v>20</v>
      </c>
      <c r="B30" s="22">
        <v>60</v>
      </c>
      <c r="C30" s="14">
        <v>58</v>
      </c>
      <c r="D30" s="18">
        <v>118</v>
      </c>
    </row>
    <row r="31" spans="1:4" ht="18" customHeight="1" x14ac:dyDescent="0.15">
      <c r="A31" s="5">
        <v>21</v>
      </c>
      <c r="B31" s="22">
        <v>69</v>
      </c>
      <c r="C31" s="14">
        <v>69</v>
      </c>
      <c r="D31" s="18">
        <v>138</v>
      </c>
    </row>
    <row r="32" spans="1:4" ht="18" customHeight="1" x14ac:dyDescent="0.15">
      <c r="A32" s="5">
        <v>22</v>
      </c>
      <c r="B32" s="22">
        <v>78</v>
      </c>
      <c r="C32" s="14">
        <v>56</v>
      </c>
      <c r="D32" s="18">
        <v>134</v>
      </c>
    </row>
    <row r="33" spans="1:4" ht="18" customHeight="1" x14ac:dyDescent="0.15">
      <c r="A33" s="5">
        <v>23</v>
      </c>
      <c r="B33" s="22">
        <v>68</v>
      </c>
      <c r="C33" s="14">
        <v>58</v>
      </c>
      <c r="D33" s="18">
        <v>126</v>
      </c>
    </row>
    <row r="34" spans="1:4" ht="18" customHeight="1" x14ac:dyDescent="0.15">
      <c r="A34" s="5">
        <v>24</v>
      </c>
      <c r="B34" s="22">
        <v>77</v>
      </c>
      <c r="C34" s="14">
        <v>71</v>
      </c>
      <c r="D34" s="18">
        <v>148</v>
      </c>
    </row>
    <row r="35" spans="1:4" ht="18" customHeight="1" x14ac:dyDescent="0.15">
      <c r="A35" s="5" t="s">
        <v>9</v>
      </c>
      <c r="B35" s="22">
        <v>352</v>
      </c>
      <c r="C35" s="14">
        <v>312</v>
      </c>
      <c r="D35" s="18">
        <v>664</v>
      </c>
    </row>
    <row r="36" spans="1:4" ht="18" customHeight="1" x14ac:dyDescent="0.15">
      <c r="A36" s="5">
        <v>25</v>
      </c>
      <c r="B36" s="22">
        <v>98</v>
      </c>
      <c r="C36" s="14">
        <v>70</v>
      </c>
      <c r="D36" s="18">
        <v>168</v>
      </c>
    </row>
    <row r="37" spans="1:4" ht="18" customHeight="1" x14ac:dyDescent="0.15">
      <c r="A37" s="5">
        <v>26</v>
      </c>
      <c r="B37" s="22">
        <v>82</v>
      </c>
      <c r="C37" s="14">
        <v>81</v>
      </c>
      <c r="D37" s="18">
        <v>163</v>
      </c>
    </row>
    <row r="38" spans="1:4" ht="18" customHeight="1" x14ac:dyDescent="0.15">
      <c r="A38" s="5">
        <v>27</v>
      </c>
      <c r="B38" s="22">
        <v>97</v>
      </c>
      <c r="C38" s="14">
        <v>86</v>
      </c>
      <c r="D38" s="18">
        <v>183</v>
      </c>
    </row>
    <row r="39" spans="1:4" ht="18" customHeight="1" x14ac:dyDescent="0.15">
      <c r="A39" s="5">
        <v>28</v>
      </c>
      <c r="B39" s="22">
        <v>103</v>
      </c>
      <c r="C39" s="14">
        <v>85</v>
      </c>
      <c r="D39" s="18">
        <v>188</v>
      </c>
    </row>
    <row r="40" spans="1:4" ht="18" customHeight="1" x14ac:dyDescent="0.15">
      <c r="A40" s="5">
        <v>29</v>
      </c>
      <c r="B40" s="22">
        <v>92</v>
      </c>
      <c r="C40" s="14">
        <v>93</v>
      </c>
      <c r="D40" s="18">
        <v>185</v>
      </c>
    </row>
    <row r="41" spans="1:4" ht="18" customHeight="1" x14ac:dyDescent="0.15">
      <c r="A41" s="5" t="s">
        <v>2</v>
      </c>
      <c r="B41" s="22">
        <v>472</v>
      </c>
      <c r="C41" s="14">
        <v>415</v>
      </c>
      <c r="D41" s="18">
        <v>887</v>
      </c>
    </row>
    <row r="42" spans="1:4" ht="18" customHeight="1" x14ac:dyDescent="0.15">
      <c r="A42" s="5">
        <v>30</v>
      </c>
      <c r="B42" s="22">
        <v>88</v>
      </c>
      <c r="C42" s="14">
        <v>74</v>
      </c>
      <c r="D42" s="18">
        <v>162</v>
      </c>
    </row>
    <row r="43" spans="1:4" ht="18" customHeight="1" x14ac:dyDescent="0.15">
      <c r="A43" s="5">
        <v>31</v>
      </c>
      <c r="B43" s="22">
        <v>83</v>
      </c>
      <c r="C43" s="14">
        <v>68</v>
      </c>
      <c r="D43" s="18">
        <v>151</v>
      </c>
    </row>
    <row r="44" spans="1:4" ht="18" customHeight="1" x14ac:dyDescent="0.15">
      <c r="A44" s="5">
        <v>32</v>
      </c>
      <c r="B44" s="22">
        <v>71</v>
      </c>
      <c r="C44" s="14">
        <v>67</v>
      </c>
      <c r="D44" s="18">
        <v>138</v>
      </c>
    </row>
    <row r="45" spans="1:4" ht="18" customHeight="1" x14ac:dyDescent="0.15">
      <c r="A45" s="5">
        <v>33</v>
      </c>
      <c r="B45" s="22">
        <v>80</v>
      </c>
      <c r="C45" s="14">
        <v>66</v>
      </c>
      <c r="D45" s="18">
        <v>146</v>
      </c>
    </row>
    <row r="46" spans="1:4" ht="18" customHeight="1" x14ac:dyDescent="0.15">
      <c r="A46" s="5">
        <v>34</v>
      </c>
      <c r="B46" s="22">
        <v>72</v>
      </c>
      <c r="C46" s="14">
        <v>64</v>
      </c>
      <c r="D46" s="18">
        <v>136</v>
      </c>
    </row>
    <row r="47" spans="1:4" ht="18" customHeight="1" x14ac:dyDescent="0.15">
      <c r="A47" s="5" t="s">
        <v>15</v>
      </c>
      <c r="B47" s="22">
        <v>394</v>
      </c>
      <c r="C47" s="14">
        <v>339</v>
      </c>
      <c r="D47" s="18">
        <v>733</v>
      </c>
    </row>
    <row r="48" spans="1:4" ht="18" customHeight="1" x14ac:dyDescent="0.15">
      <c r="A48" s="5">
        <v>35</v>
      </c>
      <c r="B48" s="22">
        <v>92</v>
      </c>
      <c r="C48" s="14">
        <v>51</v>
      </c>
      <c r="D48" s="18">
        <v>143</v>
      </c>
    </row>
    <row r="49" spans="1:4" ht="18" customHeight="1" x14ac:dyDescent="0.15">
      <c r="A49" s="5">
        <v>36</v>
      </c>
      <c r="B49" s="22">
        <v>69</v>
      </c>
      <c r="C49" s="14">
        <v>43</v>
      </c>
      <c r="D49" s="18">
        <v>112</v>
      </c>
    </row>
    <row r="50" spans="1:4" ht="18" customHeight="1" x14ac:dyDescent="0.15">
      <c r="A50" s="5">
        <v>37</v>
      </c>
      <c r="B50" s="22">
        <v>68</v>
      </c>
      <c r="C50" s="14">
        <v>60</v>
      </c>
      <c r="D50" s="18">
        <v>128</v>
      </c>
    </row>
    <row r="51" spans="1:4" ht="18" customHeight="1" x14ac:dyDescent="0.15">
      <c r="A51" s="5">
        <v>38</v>
      </c>
      <c r="B51" s="22">
        <v>74</v>
      </c>
      <c r="C51" s="14">
        <v>57</v>
      </c>
      <c r="D51" s="18">
        <v>131</v>
      </c>
    </row>
    <row r="52" spans="1:4" ht="18" customHeight="1" x14ac:dyDescent="0.15">
      <c r="A52" s="5">
        <v>39</v>
      </c>
      <c r="B52" s="22">
        <v>76</v>
      </c>
      <c r="C52" s="14">
        <v>89</v>
      </c>
      <c r="D52" s="18">
        <v>165</v>
      </c>
    </row>
    <row r="53" spans="1:4" ht="18" customHeight="1" x14ac:dyDescent="0.15">
      <c r="A53" s="5" t="s">
        <v>18</v>
      </c>
      <c r="B53" s="22">
        <v>379</v>
      </c>
      <c r="C53" s="14">
        <v>300</v>
      </c>
      <c r="D53" s="18">
        <v>679</v>
      </c>
    </row>
    <row r="54" spans="1:4" ht="18" customHeight="1" x14ac:dyDescent="0.15">
      <c r="A54" s="5">
        <v>40</v>
      </c>
      <c r="B54" s="22">
        <v>79</v>
      </c>
      <c r="C54" s="14">
        <v>72</v>
      </c>
      <c r="D54" s="18">
        <v>151</v>
      </c>
    </row>
    <row r="55" spans="1:4" ht="18" customHeight="1" x14ac:dyDescent="0.15">
      <c r="A55" s="5">
        <v>41</v>
      </c>
      <c r="B55" s="22">
        <v>91</v>
      </c>
      <c r="C55" s="14">
        <v>84</v>
      </c>
      <c r="D55" s="18">
        <v>175</v>
      </c>
    </row>
    <row r="56" spans="1:4" ht="18" customHeight="1" x14ac:dyDescent="0.15">
      <c r="A56" s="5">
        <v>42</v>
      </c>
      <c r="B56" s="22">
        <v>72</v>
      </c>
      <c r="C56" s="14">
        <v>72</v>
      </c>
      <c r="D56" s="18">
        <v>144</v>
      </c>
    </row>
    <row r="57" spans="1:4" ht="18" customHeight="1" x14ac:dyDescent="0.15">
      <c r="A57" s="5">
        <v>43</v>
      </c>
      <c r="B57" s="22">
        <v>69</v>
      </c>
      <c r="C57" s="14">
        <v>68</v>
      </c>
      <c r="D57" s="18">
        <v>137</v>
      </c>
    </row>
    <row r="58" spans="1:4" ht="18" customHeight="1" x14ac:dyDescent="0.15">
      <c r="A58" s="5">
        <v>44</v>
      </c>
      <c r="B58" s="22">
        <v>90</v>
      </c>
      <c r="C58" s="14">
        <v>73</v>
      </c>
      <c r="D58" s="18">
        <v>163</v>
      </c>
    </row>
    <row r="59" spans="1:4" ht="18" customHeight="1" x14ac:dyDescent="0.15">
      <c r="A59" s="5" t="s">
        <v>21</v>
      </c>
      <c r="B59" s="22">
        <v>401</v>
      </c>
      <c r="C59" s="14">
        <v>369</v>
      </c>
      <c r="D59" s="18">
        <v>770</v>
      </c>
    </row>
    <row r="60" spans="1:4" ht="18" customHeight="1" x14ac:dyDescent="0.15">
      <c r="A60" s="5">
        <v>45</v>
      </c>
      <c r="B60" s="22">
        <v>73</v>
      </c>
      <c r="C60" s="14">
        <v>66</v>
      </c>
      <c r="D60" s="18">
        <v>139</v>
      </c>
    </row>
    <row r="61" spans="1:4" ht="18" customHeight="1" x14ac:dyDescent="0.15">
      <c r="A61" s="5">
        <v>46</v>
      </c>
      <c r="B61" s="22">
        <v>93</v>
      </c>
      <c r="C61" s="14">
        <v>66</v>
      </c>
      <c r="D61" s="18">
        <v>159</v>
      </c>
    </row>
    <row r="62" spans="1:4" ht="18" customHeight="1" x14ac:dyDescent="0.15">
      <c r="A62" s="5">
        <v>47</v>
      </c>
      <c r="B62" s="22">
        <v>100</v>
      </c>
      <c r="C62" s="14">
        <v>83</v>
      </c>
      <c r="D62" s="18">
        <v>183</v>
      </c>
    </row>
    <row r="63" spans="1:4" ht="18" customHeight="1" x14ac:dyDescent="0.15">
      <c r="A63" s="5">
        <v>48</v>
      </c>
      <c r="B63" s="22">
        <v>119</v>
      </c>
      <c r="C63" s="14">
        <v>101</v>
      </c>
      <c r="D63" s="18">
        <v>220</v>
      </c>
    </row>
    <row r="64" spans="1:4" ht="18" customHeight="1" x14ac:dyDescent="0.15">
      <c r="A64" s="5">
        <v>49</v>
      </c>
      <c r="B64" s="22">
        <v>71</v>
      </c>
      <c r="C64" s="14">
        <v>91</v>
      </c>
      <c r="D64" s="18">
        <v>162</v>
      </c>
    </row>
    <row r="65" spans="1:4" ht="18" customHeight="1" x14ac:dyDescent="0.15">
      <c r="A65" s="5" t="s">
        <v>17</v>
      </c>
      <c r="B65" s="22">
        <v>456</v>
      </c>
      <c r="C65" s="14">
        <v>407</v>
      </c>
      <c r="D65" s="18">
        <v>863</v>
      </c>
    </row>
    <row r="66" spans="1:4" ht="18" customHeight="1" x14ac:dyDescent="0.15">
      <c r="A66" s="5">
        <v>50</v>
      </c>
      <c r="B66" s="22">
        <v>114</v>
      </c>
      <c r="C66" s="14">
        <v>130</v>
      </c>
      <c r="D66" s="18">
        <v>244</v>
      </c>
    </row>
    <row r="67" spans="1:4" ht="18" customHeight="1" x14ac:dyDescent="0.15">
      <c r="A67" s="5">
        <v>51</v>
      </c>
      <c r="B67" s="22">
        <v>116</v>
      </c>
      <c r="C67" s="14">
        <v>102</v>
      </c>
      <c r="D67" s="18">
        <v>218</v>
      </c>
    </row>
    <row r="68" spans="1:4" ht="18" customHeight="1" x14ac:dyDescent="0.15">
      <c r="A68" s="5">
        <v>52</v>
      </c>
      <c r="B68" s="22">
        <v>112</v>
      </c>
      <c r="C68" s="14">
        <v>107</v>
      </c>
      <c r="D68" s="18">
        <v>219</v>
      </c>
    </row>
    <row r="69" spans="1:4" ht="18" customHeight="1" x14ac:dyDescent="0.15">
      <c r="A69" s="5">
        <v>53</v>
      </c>
      <c r="B69" s="22">
        <v>103</v>
      </c>
      <c r="C69" s="14">
        <v>90</v>
      </c>
      <c r="D69" s="18">
        <v>193</v>
      </c>
    </row>
    <row r="70" spans="1:4" ht="18" customHeight="1" x14ac:dyDescent="0.15">
      <c r="A70" s="5">
        <v>54</v>
      </c>
      <c r="B70" s="22">
        <v>120</v>
      </c>
      <c r="C70" s="14">
        <v>104</v>
      </c>
      <c r="D70" s="18">
        <v>224</v>
      </c>
    </row>
    <row r="71" spans="1:4" ht="18" customHeight="1" x14ac:dyDescent="0.15">
      <c r="A71" s="5" t="s">
        <v>22</v>
      </c>
      <c r="B71" s="22">
        <v>565</v>
      </c>
      <c r="C71" s="14">
        <v>533</v>
      </c>
      <c r="D71" s="18">
        <v>1098</v>
      </c>
    </row>
    <row r="72" spans="1:4" ht="18" customHeight="1" x14ac:dyDescent="0.15">
      <c r="A72" s="5">
        <v>55</v>
      </c>
      <c r="B72" s="22">
        <v>100</v>
      </c>
      <c r="C72" s="14">
        <v>118</v>
      </c>
      <c r="D72" s="18">
        <v>218</v>
      </c>
    </row>
    <row r="73" spans="1:4" ht="18" customHeight="1" x14ac:dyDescent="0.15">
      <c r="A73" s="5">
        <v>56</v>
      </c>
      <c r="B73" s="22">
        <v>110</v>
      </c>
      <c r="C73" s="14">
        <v>114</v>
      </c>
      <c r="D73" s="18">
        <v>224</v>
      </c>
    </row>
    <row r="74" spans="1:4" ht="18" customHeight="1" x14ac:dyDescent="0.15">
      <c r="A74" s="5">
        <v>57</v>
      </c>
      <c r="B74" s="22">
        <v>74</v>
      </c>
      <c r="C74" s="14">
        <v>89</v>
      </c>
      <c r="D74" s="18">
        <v>163</v>
      </c>
    </row>
    <row r="75" spans="1:4" ht="18" customHeight="1" x14ac:dyDescent="0.15">
      <c r="A75" s="5">
        <v>58</v>
      </c>
      <c r="B75" s="22">
        <v>83</v>
      </c>
      <c r="C75" s="14">
        <v>96</v>
      </c>
      <c r="D75" s="18">
        <v>179</v>
      </c>
    </row>
    <row r="76" spans="1:4" ht="18" customHeight="1" x14ac:dyDescent="0.15">
      <c r="A76" s="5">
        <v>59</v>
      </c>
      <c r="B76" s="22">
        <v>70</v>
      </c>
      <c r="C76" s="14">
        <v>64</v>
      </c>
      <c r="D76" s="18">
        <v>134</v>
      </c>
    </row>
    <row r="77" spans="1:4" ht="18" customHeight="1" x14ac:dyDescent="0.15">
      <c r="A77" s="5" t="s">
        <v>27</v>
      </c>
      <c r="B77" s="22">
        <v>437</v>
      </c>
      <c r="C77" s="14">
        <v>481</v>
      </c>
      <c r="D77" s="18">
        <v>918</v>
      </c>
    </row>
    <row r="78" spans="1:4" ht="18" customHeight="1" x14ac:dyDescent="0.15">
      <c r="A78" s="5">
        <v>60</v>
      </c>
      <c r="B78" s="22">
        <v>94</v>
      </c>
      <c r="C78" s="14">
        <v>74</v>
      </c>
      <c r="D78" s="18">
        <v>168</v>
      </c>
    </row>
    <row r="79" spans="1:4" ht="18" customHeight="1" x14ac:dyDescent="0.15">
      <c r="A79" s="5">
        <v>61</v>
      </c>
      <c r="B79" s="22">
        <v>73</v>
      </c>
      <c r="C79" s="14">
        <v>62</v>
      </c>
      <c r="D79" s="18">
        <v>135</v>
      </c>
    </row>
    <row r="80" spans="1:4" ht="18" customHeight="1" x14ac:dyDescent="0.15">
      <c r="A80" s="5">
        <v>62</v>
      </c>
      <c r="B80" s="22">
        <v>75</v>
      </c>
      <c r="C80" s="14">
        <v>68</v>
      </c>
      <c r="D80" s="18">
        <v>143</v>
      </c>
    </row>
    <row r="81" spans="1:4" ht="18" customHeight="1" x14ac:dyDescent="0.15">
      <c r="A81" s="5">
        <v>63</v>
      </c>
      <c r="B81" s="22">
        <v>63</v>
      </c>
      <c r="C81" s="14">
        <v>68</v>
      </c>
      <c r="D81" s="18">
        <v>131</v>
      </c>
    </row>
    <row r="82" spans="1:4" ht="18" customHeight="1" x14ac:dyDescent="0.15">
      <c r="A82" s="5">
        <v>64</v>
      </c>
      <c r="B82" s="22">
        <v>62</v>
      </c>
      <c r="C82" s="14">
        <v>65</v>
      </c>
      <c r="D82" s="18">
        <v>127</v>
      </c>
    </row>
    <row r="83" spans="1:4" ht="18" customHeight="1" x14ac:dyDescent="0.15">
      <c r="A83" s="5" t="s">
        <v>28</v>
      </c>
      <c r="B83" s="22">
        <v>367</v>
      </c>
      <c r="C83" s="14">
        <v>337</v>
      </c>
      <c r="D83" s="18">
        <v>704</v>
      </c>
    </row>
    <row r="84" spans="1:4" ht="18" customHeight="1" x14ac:dyDescent="0.15">
      <c r="A84" s="5" t="s">
        <v>31</v>
      </c>
      <c r="B84" s="22">
        <v>4110</v>
      </c>
      <c r="C84" s="14">
        <v>3736</v>
      </c>
      <c r="D84" s="18">
        <v>7846</v>
      </c>
    </row>
    <row r="85" spans="1:4" ht="18" customHeight="1" x14ac:dyDescent="0.15">
      <c r="A85" s="5">
        <v>65</v>
      </c>
      <c r="B85" s="22">
        <v>69</v>
      </c>
      <c r="C85" s="14">
        <v>82</v>
      </c>
      <c r="D85" s="18">
        <v>151</v>
      </c>
    </row>
    <row r="86" spans="1:4" ht="18" customHeight="1" x14ac:dyDescent="0.15">
      <c r="A86" s="5">
        <v>66</v>
      </c>
      <c r="B86" s="22">
        <v>60</v>
      </c>
      <c r="C86" s="14">
        <v>62</v>
      </c>
      <c r="D86" s="18">
        <v>122</v>
      </c>
    </row>
    <row r="87" spans="1:4" ht="18" customHeight="1" x14ac:dyDescent="0.15">
      <c r="A87" s="5">
        <v>67</v>
      </c>
      <c r="B87" s="22">
        <v>66</v>
      </c>
      <c r="C87" s="14">
        <v>73</v>
      </c>
      <c r="D87" s="18">
        <v>139</v>
      </c>
    </row>
    <row r="88" spans="1:4" ht="18" customHeight="1" x14ac:dyDescent="0.15">
      <c r="A88" s="5">
        <v>68</v>
      </c>
      <c r="B88" s="22">
        <v>70</v>
      </c>
      <c r="C88" s="14">
        <v>58</v>
      </c>
      <c r="D88" s="18">
        <v>128</v>
      </c>
    </row>
    <row r="89" spans="1:4" ht="18" customHeight="1" x14ac:dyDescent="0.15">
      <c r="A89" s="5">
        <v>69</v>
      </c>
      <c r="B89" s="22">
        <v>66</v>
      </c>
      <c r="C89" s="14">
        <v>64</v>
      </c>
      <c r="D89" s="18">
        <v>130</v>
      </c>
    </row>
    <row r="90" spans="1:4" ht="18" customHeight="1" x14ac:dyDescent="0.15">
      <c r="A90" s="5" t="s">
        <v>20</v>
      </c>
      <c r="B90" s="22">
        <v>331</v>
      </c>
      <c r="C90" s="14">
        <v>339</v>
      </c>
      <c r="D90" s="18">
        <v>670</v>
      </c>
    </row>
    <row r="91" spans="1:4" ht="18" customHeight="1" x14ac:dyDescent="0.15">
      <c r="A91" s="5">
        <v>70</v>
      </c>
      <c r="B91" s="22">
        <v>59</v>
      </c>
      <c r="C91" s="14">
        <v>67</v>
      </c>
      <c r="D91" s="18">
        <v>126</v>
      </c>
    </row>
    <row r="92" spans="1:4" ht="18" customHeight="1" x14ac:dyDescent="0.15">
      <c r="A92" s="5">
        <v>71</v>
      </c>
      <c r="B92" s="22">
        <v>68</v>
      </c>
      <c r="C92" s="14">
        <v>72</v>
      </c>
      <c r="D92" s="18">
        <v>140</v>
      </c>
    </row>
    <row r="93" spans="1:4" ht="18" customHeight="1" x14ac:dyDescent="0.15">
      <c r="A93" s="5">
        <v>72</v>
      </c>
      <c r="B93" s="22">
        <v>86</v>
      </c>
      <c r="C93" s="14">
        <v>75</v>
      </c>
      <c r="D93" s="18">
        <v>161</v>
      </c>
    </row>
    <row r="94" spans="1:4" ht="18" customHeight="1" x14ac:dyDescent="0.15">
      <c r="A94" s="5">
        <v>73</v>
      </c>
      <c r="B94" s="22">
        <v>68</v>
      </c>
      <c r="C94" s="14">
        <v>67</v>
      </c>
      <c r="D94" s="18">
        <v>135</v>
      </c>
    </row>
    <row r="95" spans="1:4" ht="18" customHeight="1" x14ac:dyDescent="0.15">
      <c r="A95" s="5">
        <v>74</v>
      </c>
      <c r="B95" s="22">
        <v>68</v>
      </c>
      <c r="C95" s="14">
        <v>80</v>
      </c>
      <c r="D95" s="18">
        <v>148</v>
      </c>
    </row>
    <row r="96" spans="1:4" ht="18" customHeight="1" x14ac:dyDescent="0.15">
      <c r="A96" s="5" t="s">
        <v>33</v>
      </c>
      <c r="B96" s="22">
        <v>349</v>
      </c>
      <c r="C96" s="14">
        <v>361</v>
      </c>
      <c r="D96" s="18">
        <v>710</v>
      </c>
    </row>
    <row r="97" spans="1:4" ht="18" customHeight="1" x14ac:dyDescent="0.15">
      <c r="A97" s="5">
        <v>75</v>
      </c>
      <c r="B97" s="22">
        <v>72</v>
      </c>
      <c r="C97" s="14">
        <v>94</v>
      </c>
      <c r="D97" s="18">
        <v>166</v>
      </c>
    </row>
    <row r="98" spans="1:4" ht="18" customHeight="1" x14ac:dyDescent="0.15">
      <c r="A98" s="5">
        <v>76</v>
      </c>
      <c r="B98" s="22">
        <v>88</v>
      </c>
      <c r="C98" s="14">
        <v>83</v>
      </c>
      <c r="D98" s="18">
        <v>171</v>
      </c>
    </row>
    <row r="99" spans="1:4" ht="18" customHeight="1" x14ac:dyDescent="0.15">
      <c r="A99" s="5">
        <v>77</v>
      </c>
      <c r="B99" s="22">
        <v>73</v>
      </c>
      <c r="C99" s="14">
        <v>94</v>
      </c>
      <c r="D99" s="18">
        <v>167</v>
      </c>
    </row>
    <row r="100" spans="1:4" ht="18" customHeight="1" x14ac:dyDescent="0.15">
      <c r="A100" s="5">
        <v>78</v>
      </c>
      <c r="B100" s="22">
        <v>80</v>
      </c>
      <c r="C100" s="14">
        <v>130</v>
      </c>
      <c r="D100" s="18">
        <v>210</v>
      </c>
    </row>
    <row r="101" spans="1:4" ht="18" customHeight="1" x14ac:dyDescent="0.15">
      <c r="A101" s="5">
        <v>79</v>
      </c>
      <c r="B101" s="22">
        <v>61</v>
      </c>
      <c r="C101" s="14">
        <v>80</v>
      </c>
      <c r="D101" s="18">
        <v>141</v>
      </c>
    </row>
    <row r="102" spans="1:4" ht="18" customHeight="1" x14ac:dyDescent="0.15">
      <c r="A102" s="5" t="s">
        <v>0</v>
      </c>
      <c r="B102" s="22">
        <v>374</v>
      </c>
      <c r="C102" s="14">
        <v>481</v>
      </c>
      <c r="D102" s="18">
        <v>855</v>
      </c>
    </row>
    <row r="103" spans="1:4" ht="18" customHeight="1" x14ac:dyDescent="0.15">
      <c r="A103" s="5">
        <v>80</v>
      </c>
      <c r="B103" s="22">
        <v>36</v>
      </c>
      <c r="C103" s="14">
        <v>46</v>
      </c>
      <c r="D103" s="18">
        <v>82</v>
      </c>
    </row>
    <row r="104" spans="1:4" ht="18" customHeight="1" x14ac:dyDescent="0.15">
      <c r="A104" s="5">
        <v>81</v>
      </c>
      <c r="B104" s="22">
        <v>48</v>
      </c>
      <c r="C104" s="14">
        <v>76</v>
      </c>
      <c r="D104" s="18">
        <v>124</v>
      </c>
    </row>
    <row r="105" spans="1:4" ht="18" customHeight="1" x14ac:dyDescent="0.15">
      <c r="A105" s="5">
        <v>82</v>
      </c>
      <c r="B105" s="22">
        <v>47</v>
      </c>
      <c r="C105" s="14">
        <v>63</v>
      </c>
      <c r="D105" s="18">
        <v>110</v>
      </c>
    </row>
    <row r="106" spans="1:4" ht="18" customHeight="1" x14ac:dyDescent="0.15">
      <c r="A106" s="5">
        <v>83</v>
      </c>
      <c r="B106" s="22">
        <v>64</v>
      </c>
      <c r="C106" s="14">
        <v>60</v>
      </c>
      <c r="D106" s="18">
        <v>124</v>
      </c>
    </row>
    <row r="107" spans="1:4" ht="18" customHeight="1" x14ac:dyDescent="0.15">
      <c r="A107" s="5">
        <v>84</v>
      </c>
      <c r="B107" s="22">
        <v>43</v>
      </c>
      <c r="C107" s="14">
        <v>60</v>
      </c>
      <c r="D107" s="18">
        <v>103</v>
      </c>
    </row>
    <row r="108" spans="1:4" ht="18" customHeight="1" x14ac:dyDescent="0.15">
      <c r="A108" s="5" t="s">
        <v>35</v>
      </c>
      <c r="B108" s="22">
        <v>238</v>
      </c>
      <c r="C108" s="14">
        <v>305</v>
      </c>
      <c r="D108" s="18">
        <v>543</v>
      </c>
    </row>
    <row r="109" spans="1:4" ht="18" customHeight="1" x14ac:dyDescent="0.15">
      <c r="A109" s="5">
        <v>85</v>
      </c>
      <c r="B109" s="22">
        <v>40</v>
      </c>
      <c r="C109" s="14">
        <v>52</v>
      </c>
      <c r="D109" s="18">
        <v>92</v>
      </c>
    </row>
    <row r="110" spans="1:4" ht="18" customHeight="1" x14ac:dyDescent="0.15">
      <c r="A110" s="5">
        <v>86</v>
      </c>
      <c r="B110" s="22">
        <v>30</v>
      </c>
      <c r="C110" s="14">
        <v>50</v>
      </c>
      <c r="D110" s="18">
        <v>80</v>
      </c>
    </row>
    <row r="111" spans="1:4" ht="18" customHeight="1" x14ac:dyDescent="0.15">
      <c r="A111" s="5">
        <v>87</v>
      </c>
      <c r="B111" s="22">
        <v>23</v>
      </c>
      <c r="C111" s="14">
        <v>38</v>
      </c>
      <c r="D111" s="18">
        <v>61</v>
      </c>
    </row>
    <row r="112" spans="1:4" ht="18" customHeight="1" x14ac:dyDescent="0.15">
      <c r="A112" s="5">
        <v>88</v>
      </c>
      <c r="B112" s="22">
        <v>22</v>
      </c>
      <c r="C112" s="14">
        <v>36</v>
      </c>
      <c r="D112" s="18">
        <v>58</v>
      </c>
    </row>
    <row r="113" spans="1:4" ht="18" customHeight="1" x14ac:dyDescent="0.15">
      <c r="A113" s="5">
        <v>89</v>
      </c>
      <c r="B113" s="22">
        <v>19</v>
      </c>
      <c r="C113" s="14">
        <v>41</v>
      </c>
      <c r="D113" s="18">
        <v>60</v>
      </c>
    </row>
    <row r="114" spans="1:4" ht="18" customHeight="1" x14ac:dyDescent="0.15">
      <c r="A114" s="5" t="s">
        <v>37</v>
      </c>
      <c r="B114" s="22">
        <v>134</v>
      </c>
      <c r="C114" s="14">
        <v>217</v>
      </c>
      <c r="D114" s="18">
        <v>351</v>
      </c>
    </row>
    <row r="115" spans="1:4" ht="18" customHeight="1" x14ac:dyDescent="0.15">
      <c r="A115" s="5">
        <v>90</v>
      </c>
      <c r="B115" s="22">
        <v>13</v>
      </c>
      <c r="C115" s="14">
        <v>36</v>
      </c>
      <c r="D115" s="18">
        <v>49</v>
      </c>
    </row>
    <row r="116" spans="1:4" ht="18" customHeight="1" x14ac:dyDescent="0.15">
      <c r="A116" s="5">
        <v>91</v>
      </c>
      <c r="B116" s="22">
        <v>13</v>
      </c>
      <c r="C116" s="14">
        <v>27</v>
      </c>
      <c r="D116" s="18">
        <v>40</v>
      </c>
    </row>
    <row r="117" spans="1:4" ht="18" customHeight="1" x14ac:dyDescent="0.15">
      <c r="A117" s="5">
        <v>92</v>
      </c>
      <c r="B117" s="22">
        <v>6</v>
      </c>
      <c r="C117" s="14">
        <v>15</v>
      </c>
      <c r="D117" s="18">
        <v>21</v>
      </c>
    </row>
    <row r="118" spans="1:4" ht="18" customHeight="1" x14ac:dyDescent="0.15">
      <c r="A118" s="5">
        <v>93</v>
      </c>
      <c r="B118" s="22">
        <v>4</v>
      </c>
      <c r="C118" s="14">
        <v>21</v>
      </c>
      <c r="D118" s="18">
        <v>25</v>
      </c>
    </row>
    <row r="119" spans="1:4" ht="18" customHeight="1" x14ac:dyDescent="0.15">
      <c r="A119" s="5">
        <v>94</v>
      </c>
      <c r="B119" s="22">
        <v>2</v>
      </c>
      <c r="C119" s="14">
        <v>18</v>
      </c>
      <c r="D119" s="18">
        <v>20</v>
      </c>
    </row>
    <row r="120" spans="1:4" ht="18" customHeight="1" x14ac:dyDescent="0.15">
      <c r="A120" s="5" t="s">
        <v>39</v>
      </c>
      <c r="B120" s="22">
        <v>38</v>
      </c>
      <c r="C120" s="14">
        <v>117</v>
      </c>
      <c r="D120" s="18">
        <v>155</v>
      </c>
    </row>
    <row r="121" spans="1:4" ht="18" customHeight="1" x14ac:dyDescent="0.15">
      <c r="A121" s="5">
        <v>95</v>
      </c>
      <c r="B121" s="22">
        <v>5</v>
      </c>
      <c r="C121" s="14">
        <v>11</v>
      </c>
      <c r="D121" s="18">
        <v>16</v>
      </c>
    </row>
    <row r="122" spans="1:4" ht="18" customHeight="1" x14ac:dyDescent="0.15">
      <c r="A122" s="5">
        <v>96</v>
      </c>
      <c r="B122" s="22">
        <v>3</v>
      </c>
      <c r="C122" s="14">
        <v>5</v>
      </c>
      <c r="D122" s="18">
        <v>8</v>
      </c>
    </row>
    <row r="123" spans="1:4" ht="18" customHeight="1" x14ac:dyDescent="0.15">
      <c r="A123" s="5">
        <v>97</v>
      </c>
      <c r="B123" s="22">
        <v>0</v>
      </c>
      <c r="C123" s="14">
        <v>11</v>
      </c>
      <c r="D123" s="18">
        <v>11</v>
      </c>
    </row>
    <row r="124" spans="1:4" ht="18" customHeight="1" x14ac:dyDescent="0.15">
      <c r="A124" s="5">
        <v>98</v>
      </c>
      <c r="B124" s="22">
        <v>2</v>
      </c>
      <c r="C124" s="14">
        <v>5</v>
      </c>
      <c r="D124" s="18">
        <v>7</v>
      </c>
    </row>
    <row r="125" spans="1:4" ht="18" customHeight="1" x14ac:dyDescent="0.15">
      <c r="A125" s="5">
        <v>99</v>
      </c>
      <c r="B125" s="22">
        <v>0</v>
      </c>
      <c r="C125" s="14">
        <v>7</v>
      </c>
      <c r="D125" s="18">
        <v>7</v>
      </c>
    </row>
    <row r="126" spans="1:4" ht="18" customHeight="1" x14ac:dyDescent="0.15">
      <c r="A126" s="5" t="s">
        <v>40</v>
      </c>
      <c r="B126" s="22">
        <v>10</v>
      </c>
      <c r="C126" s="14">
        <v>39</v>
      </c>
      <c r="D126" s="18">
        <v>49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474</v>
      </c>
      <c r="C130" s="14">
        <v>1864</v>
      </c>
      <c r="D130" s="18">
        <v>3338</v>
      </c>
    </row>
    <row r="131" spans="1:4" ht="18" customHeight="1" x14ac:dyDescent="0.15">
      <c r="A131" s="7" t="s">
        <v>45</v>
      </c>
      <c r="B131" s="23">
        <v>6292</v>
      </c>
      <c r="C131" s="15">
        <v>6265</v>
      </c>
      <c r="D131" s="19">
        <v>1255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6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938</v>
      </c>
      <c r="C5" s="29">
        <v>915</v>
      </c>
      <c r="D5" s="31">
        <v>1853</v>
      </c>
    </row>
    <row r="6" spans="1:4" ht="18" customHeight="1" x14ac:dyDescent="0.15">
      <c r="A6" s="5">
        <v>1</v>
      </c>
      <c r="B6" s="27">
        <v>928</v>
      </c>
      <c r="C6" s="14">
        <v>937</v>
      </c>
      <c r="D6" s="18">
        <v>1865</v>
      </c>
    </row>
    <row r="7" spans="1:4" ht="18" customHeight="1" x14ac:dyDescent="0.15">
      <c r="A7" s="5">
        <v>2</v>
      </c>
      <c r="B7" s="27">
        <v>1020</v>
      </c>
      <c r="C7" s="14">
        <v>938</v>
      </c>
      <c r="D7" s="18">
        <v>1958</v>
      </c>
    </row>
    <row r="8" spans="1:4" ht="18" customHeight="1" x14ac:dyDescent="0.15">
      <c r="A8" s="5">
        <v>3</v>
      </c>
      <c r="B8" s="27">
        <v>1043</v>
      </c>
      <c r="C8" s="14">
        <v>1026</v>
      </c>
      <c r="D8" s="18">
        <v>2069</v>
      </c>
    </row>
    <row r="9" spans="1:4" ht="18" customHeight="1" x14ac:dyDescent="0.15">
      <c r="A9" s="5">
        <v>4</v>
      </c>
      <c r="B9" s="28">
        <v>1091</v>
      </c>
      <c r="C9" s="30">
        <v>1029</v>
      </c>
      <c r="D9" s="32">
        <v>2120</v>
      </c>
    </row>
    <row r="10" spans="1:4" ht="18" customHeight="1" x14ac:dyDescent="0.15">
      <c r="A10" s="5" t="s">
        <v>7</v>
      </c>
      <c r="B10" s="22">
        <v>5020</v>
      </c>
      <c r="C10" s="14">
        <v>4845</v>
      </c>
      <c r="D10" s="18">
        <v>9865</v>
      </c>
    </row>
    <row r="11" spans="1:4" ht="18" customHeight="1" x14ac:dyDescent="0.15">
      <c r="A11" s="5">
        <v>5</v>
      </c>
      <c r="B11" s="27">
        <v>1112</v>
      </c>
      <c r="C11" s="14">
        <v>1038</v>
      </c>
      <c r="D11" s="18">
        <v>2150</v>
      </c>
    </row>
    <row r="12" spans="1:4" ht="18" customHeight="1" x14ac:dyDescent="0.15">
      <c r="A12" s="5">
        <v>6</v>
      </c>
      <c r="B12" s="27">
        <v>1140</v>
      </c>
      <c r="C12" s="14">
        <v>1098</v>
      </c>
      <c r="D12" s="18">
        <v>2238</v>
      </c>
    </row>
    <row r="13" spans="1:4" ht="18" customHeight="1" x14ac:dyDescent="0.15">
      <c r="A13" s="5">
        <v>7</v>
      </c>
      <c r="B13" s="27">
        <v>1177</v>
      </c>
      <c r="C13" s="14">
        <v>1130</v>
      </c>
      <c r="D13" s="18">
        <v>2307</v>
      </c>
    </row>
    <row r="14" spans="1:4" ht="18" customHeight="1" x14ac:dyDescent="0.15">
      <c r="A14" s="5">
        <v>8</v>
      </c>
      <c r="B14" s="27">
        <v>1199</v>
      </c>
      <c r="C14" s="14">
        <v>1159</v>
      </c>
      <c r="D14" s="18">
        <v>2358</v>
      </c>
    </row>
    <row r="15" spans="1:4" ht="18" customHeight="1" x14ac:dyDescent="0.15">
      <c r="A15" s="5">
        <v>9</v>
      </c>
      <c r="B15" s="27">
        <v>1263</v>
      </c>
      <c r="C15" s="14">
        <v>1232</v>
      </c>
      <c r="D15" s="18">
        <v>2495</v>
      </c>
    </row>
    <row r="16" spans="1:4" ht="18" customHeight="1" x14ac:dyDescent="0.15">
      <c r="A16" s="5" t="s">
        <v>11</v>
      </c>
      <c r="B16" s="22">
        <v>5891</v>
      </c>
      <c r="C16" s="14">
        <v>5657</v>
      </c>
      <c r="D16" s="18">
        <v>11548</v>
      </c>
    </row>
    <row r="17" spans="1:4" ht="18" customHeight="1" x14ac:dyDescent="0.15">
      <c r="A17" s="5">
        <v>10</v>
      </c>
      <c r="B17" s="22">
        <v>1251</v>
      </c>
      <c r="C17" s="14">
        <v>1213</v>
      </c>
      <c r="D17" s="18">
        <v>2464</v>
      </c>
    </row>
    <row r="18" spans="1:4" ht="18" customHeight="1" x14ac:dyDescent="0.15">
      <c r="A18" s="5">
        <v>11</v>
      </c>
      <c r="B18" s="22">
        <v>1248</v>
      </c>
      <c r="C18" s="14">
        <v>1236</v>
      </c>
      <c r="D18" s="18">
        <v>2484</v>
      </c>
    </row>
    <row r="19" spans="1:4" ht="18" customHeight="1" x14ac:dyDescent="0.15">
      <c r="A19" s="5">
        <v>12</v>
      </c>
      <c r="B19" s="22">
        <v>1277</v>
      </c>
      <c r="C19" s="14">
        <v>1240</v>
      </c>
      <c r="D19" s="18">
        <v>2517</v>
      </c>
    </row>
    <row r="20" spans="1:4" ht="18" customHeight="1" x14ac:dyDescent="0.15">
      <c r="A20" s="5">
        <v>13</v>
      </c>
      <c r="B20" s="22">
        <v>1303</v>
      </c>
      <c r="C20" s="14">
        <v>1233</v>
      </c>
      <c r="D20" s="18">
        <v>2536</v>
      </c>
    </row>
    <row r="21" spans="1:4" ht="18" customHeight="1" x14ac:dyDescent="0.15">
      <c r="A21" s="5">
        <v>14</v>
      </c>
      <c r="B21" s="22">
        <v>1296</v>
      </c>
      <c r="C21" s="14">
        <v>1293</v>
      </c>
      <c r="D21" s="18">
        <v>2589</v>
      </c>
    </row>
    <row r="22" spans="1:4" ht="18" customHeight="1" x14ac:dyDescent="0.15">
      <c r="A22" s="5" t="s">
        <v>12</v>
      </c>
      <c r="B22" s="22">
        <v>6375</v>
      </c>
      <c r="C22" s="14">
        <v>6215</v>
      </c>
      <c r="D22" s="18">
        <v>12590</v>
      </c>
    </row>
    <row r="23" spans="1:4" ht="18" customHeight="1" x14ac:dyDescent="0.15">
      <c r="A23" s="5" t="s">
        <v>6</v>
      </c>
      <c r="B23" s="22">
        <v>17286</v>
      </c>
      <c r="C23" s="14">
        <v>16717</v>
      </c>
      <c r="D23" s="18">
        <v>34003</v>
      </c>
    </row>
    <row r="24" spans="1:4" ht="18" customHeight="1" x14ac:dyDescent="0.15">
      <c r="A24" s="5">
        <v>15</v>
      </c>
      <c r="B24" s="22">
        <v>1397</v>
      </c>
      <c r="C24" s="14">
        <v>1228</v>
      </c>
      <c r="D24" s="18">
        <v>2625</v>
      </c>
    </row>
    <row r="25" spans="1:4" ht="18" customHeight="1" x14ac:dyDescent="0.15">
      <c r="A25" s="5">
        <v>16</v>
      </c>
      <c r="B25" s="22">
        <v>1309</v>
      </c>
      <c r="C25" s="14">
        <v>1286</v>
      </c>
      <c r="D25" s="18">
        <v>2595</v>
      </c>
    </row>
    <row r="26" spans="1:4" ht="18" customHeight="1" x14ac:dyDescent="0.15">
      <c r="A26" s="5">
        <v>17</v>
      </c>
      <c r="B26" s="22">
        <v>1388</v>
      </c>
      <c r="C26" s="14">
        <v>1304</v>
      </c>
      <c r="D26" s="18">
        <v>2692</v>
      </c>
    </row>
    <row r="27" spans="1:4" ht="18" customHeight="1" x14ac:dyDescent="0.15">
      <c r="A27" s="5">
        <v>18</v>
      </c>
      <c r="B27" s="22">
        <v>1369</v>
      </c>
      <c r="C27" s="14">
        <v>1370</v>
      </c>
      <c r="D27" s="18">
        <v>2739</v>
      </c>
    </row>
    <row r="28" spans="1:4" ht="18" customHeight="1" x14ac:dyDescent="0.15">
      <c r="A28" s="5">
        <v>19</v>
      </c>
      <c r="B28" s="22">
        <v>1506</v>
      </c>
      <c r="C28" s="14">
        <v>1381</v>
      </c>
      <c r="D28" s="18">
        <v>2887</v>
      </c>
    </row>
    <row r="29" spans="1:4" ht="18" customHeight="1" x14ac:dyDescent="0.15">
      <c r="A29" s="5" t="s">
        <v>14</v>
      </c>
      <c r="B29" s="22">
        <v>6969</v>
      </c>
      <c r="C29" s="14">
        <v>6569</v>
      </c>
      <c r="D29" s="18">
        <v>13538</v>
      </c>
    </row>
    <row r="30" spans="1:4" ht="18" customHeight="1" x14ac:dyDescent="0.15">
      <c r="A30" s="5">
        <v>20</v>
      </c>
      <c r="B30" s="22">
        <v>1505</v>
      </c>
      <c r="C30" s="14">
        <v>1389</v>
      </c>
      <c r="D30" s="18">
        <v>2894</v>
      </c>
    </row>
    <row r="31" spans="1:4" ht="18" customHeight="1" x14ac:dyDescent="0.15">
      <c r="A31" s="5">
        <v>21</v>
      </c>
      <c r="B31" s="22">
        <v>1627</v>
      </c>
      <c r="C31" s="14">
        <v>1486</v>
      </c>
      <c r="D31" s="18">
        <v>3113</v>
      </c>
    </row>
    <row r="32" spans="1:4" ht="18" customHeight="1" x14ac:dyDescent="0.15">
      <c r="A32" s="5">
        <v>22</v>
      </c>
      <c r="B32" s="22">
        <v>1621</v>
      </c>
      <c r="C32" s="14">
        <v>1442</v>
      </c>
      <c r="D32" s="18">
        <v>3063</v>
      </c>
    </row>
    <row r="33" spans="1:4" ht="18" customHeight="1" x14ac:dyDescent="0.15">
      <c r="A33" s="5">
        <v>23</v>
      </c>
      <c r="B33" s="22">
        <v>1718</v>
      </c>
      <c r="C33" s="14">
        <v>1455</v>
      </c>
      <c r="D33" s="18">
        <v>3173</v>
      </c>
    </row>
    <row r="34" spans="1:4" ht="18" customHeight="1" x14ac:dyDescent="0.15">
      <c r="A34" s="5">
        <v>24</v>
      </c>
      <c r="B34" s="22">
        <v>1765</v>
      </c>
      <c r="C34" s="14">
        <v>1493</v>
      </c>
      <c r="D34" s="18">
        <v>3258</v>
      </c>
    </row>
    <row r="35" spans="1:4" ht="18" customHeight="1" x14ac:dyDescent="0.15">
      <c r="A35" s="5" t="s">
        <v>9</v>
      </c>
      <c r="B35" s="22">
        <v>8236</v>
      </c>
      <c r="C35" s="14">
        <v>7265</v>
      </c>
      <c r="D35" s="18">
        <v>15501</v>
      </c>
    </row>
    <row r="36" spans="1:4" ht="18" customHeight="1" x14ac:dyDescent="0.15">
      <c r="A36" s="5">
        <v>25</v>
      </c>
      <c r="B36" s="22">
        <v>1766</v>
      </c>
      <c r="C36" s="14">
        <v>1496</v>
      </c>
      <c r="D36" s="18">
        <v>3262</v>
      </c>
    </row>
    <row r="37" spans="1:4" ht="18" customHeight="1" x14ac:dyDescent="0.15">
      <c r="A37" s="5">
        <v>26</v>
      </c>
      <c r="B37" s="22">
        <v>1724</v>
      </c>
      <c r="C37" s="14">
        <v>1547</v>
      </c>
      <c r="D37" s="18">
        <v>3271</v>
      </c>
    </row>
    <row r="38" spans="1:4" ht="18" customHeight="1" x14ac:dyDescent="0.15">
      <c r="A38" s="5">
        <v>27</v>
      </c>
      <c r="B38" s="22">
        <v>1640</v>
      </c>
      <c r="C38" s="14">
        <v>1451</v>
      </c>
      <c r="D38" s="18">
        <v>3091</v>
      </c>
    </row>
    <row r="39" spans="1:4" ht="18" customHeight="1" x14ac:dyDescent="0.15">
      <c r="A39" s="5">
        <v>28</v>
      </c>
      <c r="B39" s="22">
        <v>1781</v>
      </c>
      <c r="C39" s="14">
        <v>1545</v>
      </c>
      <c r="D39" s="18">
        <v>3326</v>
      </c>
    </row>
    <row r="40" spans="1:4" ht="18" customHeight="1" x14ac:dyDescent="0.15">
      <c r="A40" s="5">
        <v>29</v>
      </c>
      <c r="B40" s="22">
        <v>1722</v>
      </c>
      <c r="C40" s="14">
        <v>1608</v>
      </c>
      <c r="D40" s="18">
        <v>3330</v>
      </c>
    </row>
    <row r="41" spans="1:4" ht="18" customHeight="1" x14ac:dyDescent="0.15">
      <c r="A41" s="5" t="s">
        <v>2</v>
      </c>
      <c r="B41" s="22">
        <v>8633</v>
      </c>
      <c r="C41" s="14">
        <v>7647</v>
      </c>
      <c r="D41" s="18">
        <v>16280</v>
      </c>
    </row>
    <row r="42" spans="1:4" ht="18" customHeight="1" x14ac:dyDescent="0.15">
      <c r="A42" s="5">
        <v>30</v>
      </c>
      <c r="B42" s="22">
        <v>1751</v>
      </c>
      <c r="C42" s="14">
        <v>1479</v>
      </c>
      <c r="D42" s="18">
        <v>3230</v>
      </c>
    </row>
    <row r="43" spans="1:4" ht="18" customHeight="1" x14ac:dyDescent="0.15">
      <c r="A43" s="5">
        <v>31</v>
      </c>
      <c r="B43" s="22">
        <v>1774</v>
      </c>
      <c r="C43" s="14">
        <v>1523</v>
      </c>
      <c r="D43" s="18">
        <v>3297</v>
      </c>
    </row>
    <row r="44" spans="1:4" ht="18" customHeight="1" x14ac:dyDescent="0.15">
      <c r="A44" s="5">
        <v>32</v>
      </c>
      <c r="B44" s="22">
        <v>1669</v>
      </c>
      <c r="C44" s="14">
        <v>1458</v>
      </c>
      <c r="D44" s="18">
        <v>3127</v>
      </c>
    </row>
    <row r="45" spans="1:4" ht="18" customHeight="1" x14ac:dyDescent="0.15">
      <c r="A45" s="5">
        <v>33</v>
      </c>
      <c r="B45" s="22">
        <v>1555</v>
      </c>
      <c r="C45" s="14">
        <v>1456</v>
      </c>
      <c r="D45" s="18">
        <v>3011</v>
      </c>
    </row>
    <row r="46" spans="1:4" ht="18" customHeight="1" x14ac:dyDescent="0.15">
      <c r="A46" s="5">
        <v>34</v>
      </c>
      <c r="B46" s="22">
        <v>1623</v>
      </c>
      <c r="C46" s="14">
        <v>1511</v>
      </c>
      <c r="D46" s="18">
        <v>3134</v>
      </c>
    </row>
    <row r="47" spans="1:4" ht="18" customHeight="1" x14ac:dyDescent="0.15">
      <c r="A47" s="5" t="s">
        <v>15</v>
      </c>
      <c r="B47" s="22">
        <v>8372</v>
      </c>
      <c r="C47" s="14">
        <v>7427</v>
      </c>
      <c r="D47" s="18">
        <v>15799</v>
      </c>
    </row>
    <row r="48" spans="1:4" ht="18" customHeight="1" x14ac:dyDescent="0.15">
      <c r="A48" s="5">
        <v>35</v>
      </c>
      <c r="B48" s="22">
        <v>1681</v>
      </c>
      <c r="C48" s="14">
        <v>1451</v>
      </c>
      <c r="D48" s="18">
        <v>3132</v>
      </c>
    </row>
    <row r="49" spans="1:4" ht="18" customHeight="1" x14ac:dyDescent="0.15">
      <c r="A49" s="5">
        <v>36</v>
      </c>
      <c r="B49" s="22">
        <v>1652</v>
      </c>
      <c r="C49" s="14">
        <v>1458</v>
      </c>
      <c r="D49" s="18">
        <v>3110</v>
      </c>
    </row>
    <row r="50" spans="1:4" ht="18" customHeight="1" x14ac:dyDescent="0.15">
      <c r="A50" s="5">
        <v>37</v>
      </c>
      <c r="B50" s="22">
        <v>1718</v>
      </c>
      <c r="C50" s="14">
        <v>1536</v>
      </c>
      <c r="D50" s="18">
        <v>3254</v>
      </c>
    </row>
    <row r="51" spans="1:4" ht="18" customHeight="1" x14ac:dyDescent="0.15">
      <c r="A51" s="5">
        <v>38</v>
      </c>
      <c r="B51" s="22">
        <v>1668</v>
      </c>
      <c r="C51" s="14">
        <v>1530</v>
      </c>
      <c r="D51" s="18">
        <v>3198</v>
      </c>
    </row>
    <row r="52" spans="1:4" ht="18" customHeight="1" x14ac:dyDescent="0.15">
      <c r="A52" s="5">
        <v>39</v>
      </c>
      <c r="B52" s="22">
        <v>1794</v>
      </c>
      <c r="C52" s="14">
        <v>1677</v>
      </c>
      <c r="D52" s="18">
        <v>3471</v>
      </c>
    </row>
    <row r="53" spans="1:4" ht="18" customHeight="1" x14ac:dyDescent="0.15">
      <c r="A53" s="5" t="s">
        <v>18</v>
      </c>
      <c r="B53" s="22">
        <v>8513</v>
      </c>
      <c r="C53" s="14">
        <v>7652</v>
      </c>
      <c r="D53" s="18">
        <v>16165</v>
      </c>
    </row>
    <row r="54" spans="1:4" ht="18" customHeight="1" x14ac:dyDescent="0.15">
      <c r="A54" s="5">
        <v>40</v>
      </c>
      <c r="B54" s="22">
        <v>1856</v>
      </c>
      <c r="C54" s="14">
        <v>1758</v>
      </c>
      <c r="D54" s="18">
        <v>3614</v>
      </c>
    </row>
    <row r="55" spans="1:4" ht="18" customHeight="1" x14ac:dyDescent="0.15">
      <c r="A55" s="5">
        <v>41</v>
      </c>
      <c r="B55" s="22">
        <v>1946</v>
      </c>
      <c r="C55" s="14">
        <v>1746</v>
      </c>
      <c r="D55" s="18">
        <v>3692</v>
      </c>
    </row>
    <row r="56" spans="1:4" ht="18" customHeight="1" x14ac:dyDescent="0.15">
      <c r="A56" s="5">
        <v>42</v>
      </c>
      <c r="B56" s="22">
        <v>1869</v>
      </c>
      <c r="C56" s="14">
        <v>1711</v>
      </c>
      <c r="D56" s="18">
        <v>3580</v>
      </c>
    </row>
    <row r="57" spans="1:4" ht="18" customHeight="1" x14ac:dyDescent="0.15">
      <c r="A57" s="5">
        <v>43</v>
      </c>
      <c r="B57" s="22">
        <v>1953</v>
      </c>
      <c r="C57" s="14">
        <v>1716</v>
      </c>
      <c r="D57" s="18">
        <v>3669</v>
      </c>
    </row>
    <row r="58" spans="1:4" ht="18" customHeight="1" x14ac:dyDescent="0.15">
      <c r="A58" s="5">
        <v>44</v>
      </c>
      <c r="B58" s="22">
        <v>1908</v>
      </c>
      <c r="C58" s="14">
        <v>1928</v>
      </c>
      <c r="D58" s="18">
        <v>3836</v>
      </c>
    </row>
    <row r="59" spans="1:4" ht="18" customHeight="1" x14ac:dyDescent="0.15">
      <c r="A59" s="5" t="s">
        <v>21</v>
      </c>
      <c r="B59" s="22">
        <v>9532</v>
      </c>
      <c r="C59" s="14">
        <v>8859</v>
      </c>
      <c r="D59" s="18">
        <v>18391</v>
      </c>
    </row>
    <row r="60" spans="1:4" ht="18" customHeight="1" x14ac:dyDescent="0.15">
      <c r="A60" s="5">
        <v>45</v>
      </c>
      <c r="B60" s="22">
        <v>1938</v>
      </c>
      <c r="C60" s="14">
        <v>1811</v>
      </c>
      <c r="D60" s="18">
        <v>3749</v>
      </c>
    </row>
    <row r="61" spans="1:4" ht="18" customHeight="1" x14ac:dyDescent="0.15">
      <c r="A61" s="5">
        <v>46</v>
      </c>
      <c r="B61" s="22">
        <v>2065</v>
      </c>
      <c r="C61" s="14">
        <v>1914</v>
      </c>
      <c r="D61" s="18">
        <v>3979</v>
      </c>
    </row>
    <row r="62" spans="1:4" ht="18" customHeight="1" x14ac:dyDescent="0.15">
      <c r="A62" s="5">
        <v>47</v>
      </c>
      <c r="B62" s="22">
        <v>2170</v>
      </c>
      <c r="C62" s="14">
        <v>2123</v>
      </c>
      <c r="D62" s="18">
        <v>4293</v>
      </c>
    </row>
    <row r="63" spans="1:4" ht="18" customHeight="1" x14ac:dyDescent="0.15">
      <c r="A63" s="5">
        <v>48</v>
      </c>
      <c r="B63" s="22">
        <v>2319</v>
      </c>
      <c r="C63" s="14">
        <v>2099</v>
      </c>
      <c r="D63" s="18">
        <v>4418</v>
      </c>
    </row>
    <row r="64" spans="1:4" ht="18" customHeight="1" x14ac:dyDescent="0.15">
      <c r="A64" s="5">
        <v>49</v>
      </c>
      <c r="B64" s="22">
        <v>2357</v>
      </c>
      <c r="C64" s="14">
        <v>2217</v>
      </c>
      <c r="D64" s="18">
        <v>4574</v>
      </c>
    </row>
    <row r="65" spans="1:4" ht="18" customHeight="1" x14ac:dyDescent="0.15">
      <c r="A65" s="5" t="s">
        <v>17</v>
      </c>
      <c r="B65" s="22">
        <v>10849</v>
      </c>
      <c r="C65" s="14">
        <v>10164</v>
      </c>
      <c r="D65" s="18">
        <v>21013</v>
      </c>
    </row>
    <row r="66" spans="1:4" ht="18" customHeight="1" x14ac:dyDescent="0.15">
      <c r="A66" s="5">
        <v>50</v>
      </c>
      <c r="B66" s="22">
        <v>2550</v>
      </c>
      <c r="C66" s="14">
        <v>2357</v>
      </c>
      <c r="D66" s="18">
        <v>4907</v>
      </c>
    </row>
    <row r="67" spans="1:4" ht="18" customHeight="1" x14ac:dyDescent="0.15">
      <c r="A67" s="5">
        <v>51</v>
      </c>
      <c r="B67" s="22">
        <v>2676</v>
      </c>
      <c r="C67" s="14">
        <v>2609</v>
      </c>
      <c r="D67" s="18">
        <v>5285</v>
      </c>
    </row>
    <row r="68" spans="1:4" ht="18" customHeight="1" x14ac:dyDescent="0.15">
      <c r="A68" s="5">
        <v>52</v>
      </c>
      <c r="B68" s="22">
        <v>2755</v>
      </c>
      <c r="C68" s="14">
        <v>2718</v>
      </c>
      <c r="D68" s="18">
        <v>5473</v>
      </c>
    </row>
    <row r="69" spans="1:4" ht="18" customHeight="1" x14ac:dyDescent="0.15">
      <c r="A69" s="5">
        <v>53</v>
      </c>
      <c r="B69" s="22">
        <v>2719</v>
      </c>
      <c r="C69" s="14">
        <v>2631</v>
      </c>
      <c r="D69" s="18">
        <v>5350</v>
      </c>
    </row>
    <row r="70" spans="1:4" ht="18" customHeight="1" x14ac:dyDescent="0.15">
      <c r="A70" s="5">
        <v>54</v>
      </c>
      <c r="B70" s="22">
        <v>2642</v>
      </c>
      <c r="C70" s="14">
        <v>2508</v>
      </c>
      <c r="D70" s="18">
        <v>5150</v>
      </c>
    </row>
    <row r="71" spans="1:4" ht="18" customHeight="1" x14ac:dyDescent="0.15">
      <c r="A71" s="5" t="s">
        <v>22</v>
      </c>
      <c r="B71" s="22">
        <v>13342</v>
      </c>
      <c r="C71" s="14">
        <v>12823</v>
      </c>
      <c r="D71" s="18">
        <v>26165</v>
      </c>
    </row>
    <row r="72" spans="1:4" ht="18" customHeight="1" x14ac:dyDescent="0.15">
      <c r="A72" s="5">
        <v>55</v>
      </c>
      <c r="B72" s="22">
        <v>2507</v>
      </c>
      <c r="C72" s="14">
        <v>2395</v>
      </c>
      <c r="D72" s="18">
        <v>4902</v>
      </c>
    </row>
    <row r="73" spans="1:4" ht="18" customHeight="1" x14ac:dyDescent="0.15">
      <c r="A73" s="5">
        <v>56</v>
      </c>
      <c r="B73" s="22">
        <v>2407</v>
      </c>
      <c r="C73" s="14">
        <v>2251</v>
      </c>
      <c r="D73" s="18">
        <v>4658</v>
      </c>
    </row>
    <row r="74" spans="1:4" ht="18" customHeight="1" x14ac:dyDescent="0.15">
      <c r="A74" s="5">
        <v>57</v>
      </c>
      <c r="B74" s="22">
        <v>2335</v>
      </c>
      <c r="C74" s="14">
        <v>2286</v>
      </c>
      <c r="D74" s="18">
        <v>4621</v>
      </c>
    </row>
    <row r="75" spans="1:4" ht="18" customHeight="1" x14ac:dyDescent="0.15">
      <c r="A75" s="5">
        <v>58</v>
      </c>
      <c r="B75" s="22">
        <v>2327</v>
      </c>
      <c r="C75" s="14">
        <v>2209</v>
      </c>
      <c r="D75" s="18">
        <v>4536</v>
      </c>
    </row>
    <row r="76" spans="1:4" ht="18" customHeight="1" x14ac:dyDescent="0.15">
      <c r="A76" s="5">
        <v>59</v>
      </c>
      <c r="B76" s="22">
        <v>1734</v>
      </c>
      <c r="C76" s="14">
        <v>1767</v>
      </c>
      <c r="D76" s="18">
        <v>3501</v>
      </c>
    </row>
    <row r="77" spans="1:4" ht="18" customHeight="1" x14ac:dyDescent="0.15">
      <c r="A77" s="5" t="s">
        <v>27</v>
      </c>
      <c r="B77" s="22">
        <v>11310</v>
      </c>
      <c r="C77" s="14">
        <v>10908</v>
      </c>
      <c r="D77" s="18">
        <v>22218</v>
      </c>
    </row>
    <row r="78" spans="1:4" ht="18" customHeight="1" x14ac:dyDescent="0.15">
      <c r="A78" s="5">
        <v>60</v>
      </c>
      <c r="B78" s="22">
        <v>2013</v>
      </c>
      <c r="C78" s="14">
        <v>2050</v>
      </c>
      <c r="D78" s="18">
        <v>4063</v>
      </c>
    </row>
    <row r="79" spans="1:4" ht="18" customHeight="1" x14ac:dyDescent="0.15">
      <c r="A79" s="5">
        <v>61</v>
      </c>
      <c r="B79" s="22">
        <v>1947</v>
      </c>
      <c r="C79" s="14">
        <v>2004</v>
      </c>
      <c r="D79" s="18">
        <v>3951</v>
      </c>
    </row>
    <row r="80" spans="1:4" ht="18" customHeight="1" x14ac:dyDescent="0.15">
      <c r="A80" s="5">
        <v>62</v>
      </c>
      <c r="B80" s="22">
        <v>1895</v>
      </c>
      <c r="C80" s="14">
        <v>1920</v>
      </c>
      <c r="D80" s="18">
        <v>3815</v>
      </c>
    </row>
    <row r="81" spans="1:4" ht="18" customHeight="1" x14ac:dyDescent="0.15">
      <c r="A81" s="5">
        <v>63</v>
      </c>
      <c r="B81" s="22">
        <v>1828</v>
      </c>
      <c r="C81" s="14">
        <v>1869</v>
      </c>
      <c r="D81" s="18">
        <v>3697</v>
      </c>
    </row>
    <row r="82" spans="1:4" ht="18" customHeight="1" x14ac:dyDescent="0.15">
      <c r="A82" s="5">
        <v>64</v>
      </c>
      <c r="B82" s="22">
        <v>1707</v>
      </c>
      <c r="C82" s="14">
        <v>1782</v>
      </c>
      <c r="D82" s="18">
        <v>3489</v>
      </c>
    </row>
    <row r="83" spans="1:4" ht="18" customHeight="1" x14ac:dyDescent="0.15">
      <c r="A83" s="5" t="s">
        <v>28</v>
      </c>
      <c r="B83" s="22">
        <v>9390</v>
      </c>
      <c r="C83" s="14">
        <v>9625</v>
      </c>
      <c r="D83" s="18">
        <v>19015</v>
      </c>
    </row>
    <row r="84" spans="1:4" ht="18" customHeight="1" x14ac:dyDescent="0.15">
      <c r="A84" s="5" t="s">
        <v>31</v>
      </c>
      <c r="B84" s="22">
        <v>95146</v>
      </c>
      <c r="C84" s="14">
        <v>88939</v>
      </c>
      <c r="D84" s="18">
        <v>184085</v>
      </c>
    </row>
    <row r="85" spans="1:4" ht="18" customHeight="1" x14ac:dyDescent="0.15">
      <c r="A85" s="5">
        <v>65</v>
      </c>
      <c r="B85" s="22">
        <v>1716</v>
      </c>
      <c r="C85" s="14">
        <v>1848</v>
      </c>
      <c r="D85" s="18">
        <v>3564</v>
      </c>
    </row>
    <row r="86" spans="1:4" ht="18" customHeight="1" x14ac:dyDescent="0.15">
      <c r="A86" s="5">
        <v>66</v>
      </c>
      <c r="B86" s="22">
        <v>1708</v>
      </c>
      <c r="C86" s="14">
        <v>1794</v>
      </c>
      <c r="D86" s="18">
        <v>3502</v>
      </c>
    </row>
    <row r="87" spans="1:4" ht="18" customHeight="1" x14ac:dyDescent="0.15">
      <c r="A87" s="5">
        <v>67</v>
      </c>
      <c r="B87" s="22">
        <v>1665</v>
      </c>
      <c r="C87" s="14">
        <v>1874</v>
      </c>
      <c r="D87" s="18">
        <v>3539</v>
      </c>
    </row>
    <row r="88" spans="1:4" ht="18" customHeight="1" x14ac:dyDescent="0.15">
      <c r="A88" s="5">
        <v>68</v>
      </c>
      <c r="B88" s="22">
        <v>1611</v>
      </c>
      <c r="C88" s="14">
        <v>1657</v>
      </c>
      <c r="D88" s="18">
        <v>3268</v>
      </c>
    </row>
    <row r="89" spans="1:4" ht="18" customHeight="1" x14ac:dyDescent="0.15">
      <c r="A89" s="5">
        <v>69</v>
      </c>
      <c r="B89" s="22">
        <v>1530</v>
      </c>
      <c r="C89" s="14">
        <v>1754</v>
      </c>
      <c r="D89" s="18">
        <v>3284</v>
      </c>
    </row>
    <row r="90" spans="1:4" ht="18" customHeight="1" x14ac:dyDescent="0.15">
      <c r="A90" s="5" t="s">
        <v>20</v>
      </c>
      <c r="B90" s="22">
        <v>8230</v>
      </c>
      <c r="C90" s="14">
        <v>8927</v>
      </c>
      <c r="D90" s="18">
        <v>17157</v>
      </c>
    </row>
    <row r="91" spans="1:4" ht="18" customHeight="1" x14ac:dyDescent="0.15">
      <c r="A91" s="5">
        <v>70</v>
      </c>
      <c r="B91" s="22">
        <v>1740</v>
      </c>
      <c r="C91" s="14">
        <v>1905</v>
      </c>
      <c r="D91" s="18">
        <v>3645</v>
      </c>
    </row>
    <row r="92" spans="1:4" ht="18" customHeight="1" x14ac:dyDescent="0.15">
      <c r="A92" s="5">
        <v>71</v>
      </c>
      <c r="B92" s="22">
        <v>1671</v>
      </c>
      <c r="C92" s="14">
        <v>1863</v>
      </c>
      <c r="D92" s="18">
        <v>3534</v>
      </c>
    </row>
    <row r="93" spans="1:4" ht="18" customHeight="1" x14ac:dyDescent="0.15">
      <c r="A93" s="5">
        <v>72</v>
      </c>
      <c r="B93" s="22">
        <v>1763</v>
      </c>
      <c r="C93" s="14">
        <v>2038</v>
      </c>
      <c r="D93" s="18">
        <v>3801</v>
      </c>
    </row>
    <row r="94" spans="1:4" ht="18" customHeight="1" x14ac:dyDescent="0.15">
      <c r="A94" s="5">
        <v>73</v>
      </c>
      <c r="B94" s="22">
        <v>1867</v>
      </c>
      <c r="C94" s="14">
        <v>2038</v>
      </c>
      <c r="D94" s="18">
        <v>3905</v>
      </c>
    </row>
    <row r="95" spans="1:4" ht="18" customHeight="1" x14ac:dyDescent="0.15">
      <c r="A95" s="5">
        <v>74</v>
      </c>
      <c r="B95" s="22">
        <v>1728</v>
      </c>
      <c r="C95" s="14">
        <v>2155</v>
      </c>
      <c r="D95" s="18">
        <v>3883</v>
      </c>
    </row>
    <row r="96" spans="1:4" ht="18" customHeight="1" x14ac:dyDescent="0.15">
      <c r="A96" s="5" t="s">
        <v>33</v>
      </c>
      <c r="B96" s="22">
        <v>8769</v>
      </c>
      <c r="C96" s="14">
        <v>9999</v>
      </c>
      <c r="D96" s="18">
        <v>18768</v>
      </c>
    </row>
    <row r="97" spans="1:4" ht="18" customHeight="1" x14ac:dyDescent="0.15">
      <c r="A97" s="5">
        <v>75</v>
      </c>
      <c r="B97" s="22">
        <v>1967</v>
      </c>
      <c r="C97" s="14">
        <v>2382</v>
      </c>
      <c r="D97" s="18">
        <v>4349</v>
      </c>
    </row>
    <row r="98" spans="1:4" ht="18" customHeight="1" x14ac:dyDescent="0.15">
      <c r="A98" s="5">
        <v>76</v>
      </c>
      <c r="B98" s="22">
        <v>2213</v>
      </c>
      <c r="C98" s="14">
        <v>2734</v>
      </c>
      <c r="D98" s="18">
        <v>4947</v>
      </c>
    </row>
    <row r="99" spans="1:4" ht="18" customHeight="1" x14ac:dyDescent="0.15">
      <c r="A99" s="5">
        <v>77</v>
      </c>
      <c r="B99" s="22">
        <v>2304</v>
      </c>
      <c r="C99" s="14">
        <v>2830</v>
      </c>
      <c r="D99" s="18">
        <v>5134</v>
      </c>
    </row>
    <row r="100" spans="1:4" ht="18" customHeight="1" x14ac:dyDescent="0.15">
      <c r="A100" s="5">
        <v>78</v>
      </c>
      <c r="B100" s="22">
        <v>2271</v>
      </c>
      <c r="C100" s="14">
        <v>2947</v>
      </c>
      <c r="D100" s="18">
        <v>5218</v>
      </c>
    </row>
    <row r="101" spans="1:4" ht="18" customHeight="1" x14ac:dyDescent="0.15">
      <c r="A101" s="5">
        <v>79</v>
      </c>
      <c r="B101" s="22">
        <v>1597</v>
      </c>
      <c r="C101" s="14">
        <v>2109</v>
      </c>
      <c r="D101" s="18">
        <v>3706</v>
      </c>
    </row>
    <row r="102" spans="1:4" ht="18" customHeight="1" x14ac:dyDescent="0.15">
      <c r="A102" s="5" t="s">
        <v>0</v>
      </c>
      <c r="B102" s="22">
        <v>10352</v>
      </c>
      <c r="C102" s="14">
        <v>13002</v>
      </c>
      <c r="D102" s="18">
        <v>23354</v>
      </c>
    </row>
    <row r="103" spans="1:4" ht="18" customHeight="1" x14ac:dyDescent="0.15">
      <c r="A103" s="5">
        <v>80</v>
      </c>
      <c r="B103" s="22">
        <v>1142</v>
      </c>
      <c r="C103" s="14">
        <v>1548</v>
      </c>
      <c r="D103" s="18">
        <v>2690</v>
      </c>
    </row>
    <row r="104" spans="1:4" ht="18" customHeight="1" x14ac:dyDescent="0.15">
      <c r="A104" s="5">
        <v>81</v>
      </c>
      <c r="B104" s="22">
        <v>1478</v>
      </c>
      <c r="C104" s="14">
        <v>2087</v>
      </c>
      <c r="D104" s="18">
        <v>3565</v>
      </c>
    </row>
    <row r="105" spans="1:4" ht="18" customHeight="1" x14ac:dyDescent="0.15">
      <c r="A105" s="5">
        <v>82</v>
      </c>
      <c r="B105" s="22">
        <v>1381</v>
      </c>
      <c r="C105" s="14">
        <v>2104</v>
      </c>
      <c r="D105" s="18">
        <v>3485</v>
      </c>
    </row>
    <row r="106" spans="1:4" ht="18" customHeight="1" x14ac:dyDescent="0.15">
      <c r="A106" s="5">
        <v>83</v>
      </c>
      <c r="B106" s="22">
        <v>1285</v>
      </c>
      <c r="C106" s="14">
        <v>1887</v>
      </c>
      <c r="D106" s="18">
        <v>3172</v>
      </c>
    </row>
    <row r="107" spans="1:4" ht="18" customHeight="1" x14ac:dyDescent="0.15">
      <c r="A107" s="5">
        <v>84</v>
      </c>
      <c r="B107" s="22">
        <v>1321</v>
      </c>
      <c r="C107" s="14">
        <v>2008</v>
      </c>
      <c r="D107" s="18">
        <v>3329</v>
      </c>
    </row>
    <row r="108" spans="1:4" ht="18" customHeight="1" x14ac:dyDescent="0.15">
      <c r="A108" s="5" t="s">
        <v>35</v>
      </c>
      <c r="B108" s="22">
        <v>6607</v>
      </c>
      <c r="C108" s="14">
        <v>9634</v>
      </c>
      <c r="D108" s="18">
        <v>16241</v>
      </c>
    </row>
    <row r="109" spans="1:4" ht="18" customHeight="1" x14ac:dyDescent="0.15">
      <c r="A109" s="5">
        <v>85</v>
      </c>
      <c r="B109" s="22">
        <v>1071</v>
      </c>
      <c r="C109" s="14">
        <v>1667</v>
      </c>
      <c r="D109" s="18">
        <v>2738</v>
      </c>
    </row>
    <row r="110" spans="1:4" ht="18" customHeight="1" x14ac:dyDescent="0.15">
      <c r="A110" s="5">
        <v>86</v>
      </c>
      <c r="B110" s="22">
        <v>850</v>
      </c>
      <c r="C110" s="14">
        <v>1327</v>
      </c>
      <c r="D110" s="18">
        <v>2177</v>
      </c>
    </row>
    <row r="111" spans="1:4" ht="18" customHeight="1" x14ac:dyDescent="0.15">
      <c r="A111" s="5">
        <v>87</v>
      </c>
      <c r="B111" s="22">
        <v>636</v>
      </c>
      <c r="C111" s="14">
        <v>1154</v>
      </c>
      <c r="D111" s="18">
        <v>1790</v>
      </c>
    </row>
    <row r="112" spans="1:4" ht="18" customHeight="1" x14ac:dyDescent="0.15">
      <c r="A112" s="5">
        <v>88</v>
      </c>
      <c r="B112" s="22">
        <v>668</v>
      </c>
      <c r="C112" s="14">
        <v>1262</v>
      </c>
      <c r="D112" s="18">
        <v>1930</v>
      </c>
    </row>
    <row r="113" spans="1:4" ht="18" customHeight="1" x14ac:dyDescent="0.15">
      <c r="A113" s="5">
        <v>89</v>
      </c>
      <c r="B113" s="22">
        <v>588</v>
      </c>
      <c r="C113" s="14">
        <v>1195</v>
      </c>
      <c r="D113" s="18">
        <v>1783</v>
      </c>
    </row>
    <row r="114" spans="1:4" ht="18" customHeight="1" x14ac:dyDescent="0.15">
      <c r="A114" s="5" t="s">
        <v>37</v>
      </c>
      <c r="B114" s="22">
        <v>3813</v>
      </c>
      <c r="C114" s="14">
        <v>6605</v>
      </c>
      <c r="D114" s="18">
        <v>10418</v>
      </c>
    </row>
    <row r="115" spans="1:4" ht="18" customHeight="1" x14ac:dyDescent="0.15">
      <c r="A115" s="5">
        <v>90</v>
      </c>
      <c r="B115" s="22">
        <v>485</v>
      </c>
      <c r="C115" s="14">
        <v>1125</v>
      </c>
      <c r="D115" s="18">
        <v>1610</v>
      </c>
    </row>
    <row r="116" spans="1:4" ht="18" customHeight="1" x14ac:dyDescent="0.15">
      <c r="A116" s="5">
        <v>91</v>
      </c>
      <c r="B116" s="22">
        <v>339</v>
      </c>
      <c r="C116" s="14">
        <v>856</v>
      </c>
      <c r="D116" s="18">
        <v>1195</v>
      </c>
    </row>
    <row r="117" spans="1:4" ht="18" customHeight="1" x14ac:dyDescent="0.15">
      <c r="A117" s="5">
        <v>92</v>
      </c>
      <c r="B117" s="22">
        <v>311</v>
      </c>
      <c r="C117" s="14">
        <v>843</v>
      </c>
      <c r="D117" s="18">
        <v>1154</v>
      </c>
    </row>
    <row r="118" spans="1:4" ht="18" customHeight="1" x14ac:dyDescent="0.15">
      <c r="A118" s="5">
        <v>93</v>
      </c>
      <c r="B118" s="22">
        <v>213</v>
      </c>
      <c r="C118" s="14">
        <v>832</v>
      </c>
      <c r="D118" s="18">
        <v>1045</v>
      </c>
    </row>
    <row r="119" spans="1:4" ht="18" customHeight="1" x14ac:dyDescent="0.15">
      <c r="A119" s="5">
        <v>94</v>
      </c>
      <c r="B119" s="22">
        <v>175</v>
      </c>
      <c r="C119" s="14">
        <v>546</v>
      </c>
      <c r="D119" s="18">
        <v>721</v>
      </c>
    </row>
    <row r="120" spans="1:4" ht="18" customHeight="1" x14ac:dyDescent="0.15">
      <c r="A120" s="5" t="s">
        <v>39</v>
      </c>
      <c r="B120" s="22">
        <v>1523</v>
      </c>
      <c r="C120" s="14">
        <v>4202</v>
      </c>
      <c r="D120" s="18">
        <v>5725</v>
      </c>
    </row>
    <row r="121" spans="1:4" ht="18" customHeight="1" x14ac:dyDescent="0.15">
      <c r="A121" s="5">
        <v>95</v>
      </c>
      <c r="B121" s="22">
        <v>108</v>
      </c>
      <c r="C121" s="14">
        <v>432</v>
      </c>
      <c r="D121" s="18">
        <v>540</v>
      </c>
    </row>
    <row r="122" spans="1:4" ht="18" customHeight="1" x14ac:dyDescent="0.15">
      <c r="A122" s="5">
        <v>96</v>
      </c>
      <c r="B122" s="22">
        <v>87</v>
      </c>
      <c r="C122" s="14">
        <v>340</v>
      </c>
      <c r="D122" s="18">
        <v>427</v>
      </c>
    </row>
    <row r="123" spans="1:4" ht="18" customHeight="1" x14ac:dyDescent="0.15">
      <c r="A123" s="5">
        <v>97</v>
      </c>
      <c r="B123" s="22">
        <v>51</v>
      </c>
      <c r="C123" s="14">
        <v>272</v>
      </c>
      <c r="D123" s="18">
        <v>323</v>
      </c>
    </row>
    <row r="124" spans="1:4" ht="18" customHeight="1" x14ac:dyDescent="0.15">
      <c r="A124" s="5">
        <v>98</v>
      </c>
      <c r="B124" s="22">
        <v>36</v>
      </c>
      <c r="C124" s="14">
        <v>188</v>
      </c>
      <c r="D124" s="18">
        <v>224</v>
      </c>
    </row>
    <row r="125" spans="1:4" ht="18" customHeight="1" x14ac:dyDescent="0.15">
      <c r="A125" s="5">
        <v>99</v>
      </c>
      <c r="B125" s="22">
        <v>23</v>
      </c>
      <c r="C125" s="14">
        <v>155</v>
      </c>
      <c r="D125" s="18">
        <v>178</v>
      </c>
    </row>
    <row r="126" spans="1:4" ht="18" customHeight="1" x14ac:dyDescent="0.15">
      <c r="A126" s="5" t="s">
        <v>40</v>
      </c>
      <c r="B126" s="22">
        <v>305</v>
      </c>
      <c r="C126" s="14">
        <v>1387</v>
      </c>
      <c r="D126" s="18">
        <v>1692</v>
      </c>
    </row>
    <row r="127" spans="1:4" ht="18" customHeight="1" x14ac:dyDescent="0.15">
      <c r="A127" s="5">
        <v>100</v>
      </c>
      <c r="B127" s="22">
        <v>13</v>
      </c>
      <c r="C127" s="14">
        <v>113</v>
      </c>
      <c r="D127" s="18">
        <v>126</v>
      </c>
    </row>
    <row r="128" spans="1:4" ht="18" customHeight="1" x14ac:dyDescent="0.15">
      <c r="A128" s="6" t="s">
        <v>43</v>
      </c>
      <c r="B128" s="22">
        <v>13</v>
      </c>
      <c r="C128" s="14">
        <v>147</v>
      </c>
      <c r="D128" s="18">
        <v>160</v>
      </c>
    </row>
    <row r="129" spans="1:4" ht="18" customHeight="1" x14ac:dyDescent="0.15">
      <c r="A129" s="5" t="s">
        <v>44</v>
      </c>
      <c r="B129" s="22">
        <v>26</v>
      </c>
      <c r="C129" s="14">
        <v>260</v>
      </c>
      <c r="D129" s="18">
        <v>286</v>
      </c>
    </row>
    <row r="130" spans="1:4" ht="18" customHeight="1" x14ac:dyDescent="0.15">
      <c r="A130" s="5" t="s">
        <v>46</v>
      </c>
      <c r="B130" s="22">
        <v>39625</v>
      </c>
      <c r="C130" s="14">
        <v>54016</v>
      </c>
      <c r="D130" s="18">
        <v>93641</v>
      </c>
    </row>
    <row r="131" spans="1:4" ht="18" customHeight="1" x14ac:dyDescent="0.15">
      <c r="A131" s="7" t="s">
        <v>45</v>
      </c>
      <c r="B131" s="23">
        <v>152057</v>
      </c>
      <c r="C131" s="15">
        <v>159672</v>
      </c>
      <c r="D131" s="19">
        <v>31172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6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1</v>
      </c>
      <c r="C10" s="14">
        <v>0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1</v>
      </c>
      <c r="C13" s="14">
        <v>0</v>
      </c>
      <c r="D13" s="18">
        <v>1</v>
      </c>
    </row>
    <row r="14" spans="1:4" ht="18" customHeight="1" x14ac:dyDescent="0.15">
      <c r="A14" s="5">
        <v>8</v>
      </c>
      <c r="B14" s="27">
        <v>2</v>
      </c>
      <c r="C14" s="14">
        <v>0</v>
      </c>
      <c r="D14" s="18">
        <v>2</v>
      </c>
    </row>
    <row r="15" spans="1:4" ht="18" customHeight="1" x14ac:dyDescent="0.15">
      <c r="A15" s="5">
        <v>9</v>
      </c>
      <c r="B15" s="27">
        <v>0</v>
      </c>
      <c r="C15" s="14">
        <v>1</v>
      </c>
      <c r="D15" s="18">
        <v>1</v>
      </c>
    </row>
    <row r="16" spans="1:4" ht="18" customHeight="1" x14ac:dyDescent="0.15">
      <c r="A16" s="5" t="s">
        <v>11</v>
      </c>
      <c r="B16" s="22">
        <v>3</v>
      </c>
      <c r="C16" s="14">
        <v>1</v>
      </c>
      <c r="D16" s="18">
        <v>4</v>
      </c>
    </row>
    <row r="17" spans="1:4" ht="18" customHeight="1" x14ac:dyDescent="0.15">
      <c r="A17" s="5">
        <v>10</v>
      </c>
      <c r="B17" s="22">
        <v>2</v>
      </c>
      <c r="C17" s="14">
        <v>0</v>
      </c>
      <c r="D17" s="18">
        <v>2</v>
      </c>
    </row>
    <row r="18" spans="1:4" ht="18" customHeight="1" x14ac:dyDescent="0.15">
      <c r="A18" s="5">
        <v>11</v>
      </c>
      <c r="B18" s="22">
        <v>3</v>
      </c>
      <c r="C18" s="14">
        <v>1</v>
      </c>
      <c r="D18" s="18">
        <v>4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1</v>
      </c>
      <c r="D20" s="18">
        <v>1</v>
      </c>
    </row>
    <row r="21" spans="1:4" ht="18" customHeight="1" x14ac:dyDescent="0.15">
      <c r="A21" s="5">
        <v>14</v>
      </c>
      <c r="B21" s="22">
        <v>2</v>
      </c>
      <c r="C21" s="14">
        <v>1</v>
      </c>
      <c r="D21" s="18">
        <v>3</v>
      </c>
    </row>
    <row r="22" spans="1:4" ht="18" customHeight="1" x14ac:dyDescent="0.15">
      <c r="A22" s="5" t="s">
        <v>12</v>
      </c>
      <c r="B22" s="22">
        <v>8</v>
      </c>
      <c r="C22" s="14">
        <v>3</v>
      </c>
      <c r="D22" s="18">
        <v>11</v>
      </c>
    </row>
    <row r="23" spans="1:4" ht="18" customHeight="1" x14ac:dyDescent="0.15">
      <c r="A23" s="5" t="s">
        <v>6</v>
      </c>
      <c r="B23" s="22">
        <v>12</v>
      </c>
      <c r="C23" s="14">
        <v>4</v>
      </c>
      <c r="D23" s="18">
        <v>16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2</v>
      </c>
      <c r="C25" s="14">
        <v>2</v>
      </c>
      <c r="D25" s="18">
        <v>4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3</v>
      </c>
      <c r="C29" s="14">
        <v>3</v>
      </c>
      <c r="D29" s="18">
        <v>6</v>
      </c>
    </row>
    <row r="30" spans="1:4" ht="18" customHeight="1" x14ac:dyDescent="0.15">
      <c r="A30" s="5">
        <v>20</v>
      </c>
      <c r="B30" s="22">
        <v>0</v>
      </c>
      <c r="C30" s="14">
        <v>0</v>
      </c>
      <c r="D30" s="18">
        <v>0</v>
      </c>
    </row>
    <row r="31" spans="1:4" ht="18" customHeight="1" x14ac:dyDescent="0.15">
      <c r="A31" s="5">
        <v>21</v>
      </c>
      <c r="B31" s="22">
        <v>1</v>
      </c>
      <c r="C31" s="14">
        <v>0</v>
      </c>
      <c r="D31" s="18">
        <v>1</v>
      </c>
    </row>
    <row r="32" spans="1:4" ht="18" customHeight="1" x14ac:dyDescent="0.15">
      <c r="A32" s="5">
        <v>22</v>
      </c>
      <c r="B32" s="22">
        <v>1</v>
      </c>
      <c r="C32" s="14">
        <v>3</v>
      </c>
      <c r="D32" s="18">
        <v>4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2</v>
      </c>
      <c r="C34" s="14">
        <v>1</v>
      </c>
      <c r="D34" s="18">
        <v>3</v>
      </c>
    </row>
    <row r="35" spans="1:4" ht="18" customHeight="1" x14ac:dyDescent="0.15">
      <c r="A35" s="5" t="s">
        <v>9</v>
      </c>
      <c r="B35" s="22">
        <v>4</v>
      </c>
      <c r="C35" s="14">
        <v>4</v>
      </c>
      <c r="D35" s="18">
        <v>8</v>
      </c>
    </row>
    <row r="36" spans="1:4" ht="18" customHeight="1" x14ac:dyDescent="0.15">
      <c r="A36" s="5">
        <v>25</v>
      </c>
      <c r="B36" s="22">
        <v>2</v>
      </c>
      <c r="C36" s="14">
        <v>0</v>
      </c>
      <c r="D36" s="18">
        <v>2</v>
      </c>
    </row>
    <row r="37" spans="1:4" ht="18" customHeight="1" x14ac:dyDescent="0.15">
      <c r="A37" s="5">
        <v>26</v>
      </c>
      <c r="B37" s="22">
        <v>0</v>
      </c>
      <c r="C37" s="14">
        <v>2</v>
      </c>
      <c r="D37" s="18">
        <v>2</v>
      </c>
    </row>
    <row r="38" spans="1:4" ht="18" customHeight="1" x14ac:dyDescent="0.15">
      <c r="A38" s="5">
        <v>27</v>
      </c>
      <c r="B38" s="22">
        <v>1</v>
      </c>
      <c r="C38" s="14">
        <v>0</v>
      </c>
      <c r="D38" s="18">
        <v>1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2</v>
      </c>
      <c r="C40" s="14">
        <v>0</v>
      </c>
      <c r="D40" s="18">
        <v>2</v>
      </c>
    </row>
    <row r="41" spans="1:4" ht="18" customHeight="1" x14ac:dyDescent="0.15">
      <c r="A41" s="5" t="s">
        <v>2</v>
      </c>
      <c r="B41" s="22">
        <v>5</v>
      </c>
      <c r="C41" s="14">
        <v>2</v>
      </c>
      <c r="D41" s="18">
        <v>7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1</v>
      </c>
      <c r="C44" s="14">
        <v>1</v>
      </c>
      <c r="D44" s="18">
        <v>2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3</v>
      </c>
      <c r="C47" s="14">
        <v>1</v>
      </c>
      <c r="D47" s="18">
        <v>4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1</v>
      </c>
      <c r="C49" s="14">
        <v>0</v>
      </c>
      <c r="D49" s="18">
        <v>1</v>
      </c>
    </row>
    <row r="50" spans="1:4" ht="18" customHeight="1" x14ac:dyDescent="0.15">
      <c r="A50" s="5">
        <v>37</v>
      </c>
      <c r="B50" s="22">
        <v>0</v>
      </c>
      <c r="C50" s="14">
        <v>0</v>
      </c>
      <c r="D50" s="18">
        <v>0</v>
      </c>
    </row>
    <row r="51" spans="1:4" ht="18" customHeight="1" x14ac:dyDescent="0.15">
      <c r="A51" s="5">
        <v>38</v>
      </c>
      <c r="B51" s="22">
        <v>0</v>
      </c>
      <c r="C51" s="14">
        <v>1</v>
      </c>
      <c r="D51" s="18">
        <v>1</v>
      </c>
    </row>
    <row r="52" spans="1:4" ht="18" customHeight="1" x14ac:dyDescent="0.15">
      <c r="A52" s="5">
        <v>39</v>
      </c>
      <c r="B52" s="22">
        <v>0</v>
      </c>
      <c r="C52" s="14">
        <v>1</v>
      </c>
      <c r="D52" s="18">
        <v>1</v>
      </c>
    </row>
    <row r="53" spans="1:4" ht="18" customHeight="1" x14ac:dyDescent="0.15">
      <c r="A53" s="5" t="s">
        <v>18</v>
      </c>
      <c r="B53" s="22">
        <v>1</v>
      </c>
      <c r="C53" s="14">
        <v>2</v>
      </c>
      <c r="D53" s="18">
        <v>3</v>
      </c>
    </row>
    <row r="54" spans="1:4" ht="18" customHeight="1" x14ac:dyDescent="0.15">
      <c r="A54" s="5">
        <v>40</v>
      </c>
      <c r="B54" s="22">
        <v>2</v>
      </c>
      <c r="C54" s="14">
        <v>1</v>
      </c>
      <c r="D54" s="18">
        <v>3</v>
      </c>
    </row>
    <row r="55" spans="1:4" ht="18" customHeight="1" x14ac:dyDescent="0.15">
      <c r="A55" s="5">
        <v>41</v>
      </c>
      <c r="B55" s="22">
        <v>3</v>
      </c>
      <c r="C55" s="14">
        <v>0</v>
      </c>
      <c r="D55" s="18">
        <v>3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2</v>
      </c>
      <c r="C57" s="14">
        <v>1</v>
      </c>
      <c r="D57" s="18">
        <v>3</v>
      </c>
    </row>
    <row r="58" spans="1:4" ht="18" customHeight="1" x14ac:dyDescent="0.15">
      <c r="A58" s="5">
        <v>44</v>
      </c>
      <c r="B58" s="22">
        <v>0</v>
      </c>
      <c r="C58" s="14">
        <v>2</v>
      </c>
      <c r="D58" s="18">
        <v>2</v>
      </c>
    </row>
    <row r="59" spans="1:4" ht="18" customHeight="1" x14ac:dyDescent="0.15">
      <c r="A59" s="5" t="s">
        <v>21</v>
      </c>
      <c r="B59" s="22">
        <v>8</v>
      </c>
      <c r="C59" s="14">
        <v>4</v>
      </c>
      <c r="D59" s="18">
        <v>12</v>
      </c>
    </row>
    <row r="60" spans="1:4" ht="18" customHeight="1" x14ac:dyDescent="0.15">
      <c r="A60" s="5">
        <v>45</v>
      </c>
      <c r="B60" s="22">
        <v>1</v>
      </c>
      <c r="C60" s="14">
        <v>1</v>
      </c>
      <c r="D60" s="18">
        <v>2</v>
      </c>
    </row>
    <row r="61" spans="1:4" ht="18" customHeight="1" x14ac:dyDescent="0.15">
      <c r="A61" s="5">
        <v>46</v>
      </c>
      <c r="B61" s="22">
        <v>2</v>
      </c>
      <c r="C61" s="14">
        <v>1</v>
      </c>
      <c r="D61" s="18">
        <v>3</v>
      </c>
    </row>
    <row r="62" spans="1:4" ht="18" customHeight="1" x14ac:dyDescent="0.15">
      <c r="A62" s="5">
        <v>47</v>
      </c>
      <c r="B62" s="22">
        <v>0</v>
      </c>
      <c r="C62" s="14">
        <v>1</v>
      </c>
      <c r="D62" s="18">
        <v>1</v>
      </c>
    </row>
    <row r="63" spans="1:4" ht="18" customHeight="1" x14ac:dyDescent="0.15">
      <c r="A63" s="5">
        <v>48</v>
      </c>
      <c r="B63" s="22">
        <v>3</v>
      </c>
      <c r="C63" s="14">
        <v>2</v>
      </c>
      <c r="D63" s="18">
        <v>5</v>
      </c>
    </row>
    <row r="64" spans="1:4" ht="18" customHeight="1" x14ac:dyDescent="0.15">
      <c r="A64" s="5">
        <v>49</v>
      </c>
      <c r="B64" s="22">
        <v>1</v>
      </c>
      <c r="C64" s="14">
        <v>4</v>
      </c>
      <c r="D64" s="18">
        <v>5</v>
      </c>
    </row>
    <row r="65" spans="1:4" ht="18" customHeight="1" x14ac:dyDescent="0.15">
      <c r="A65" s="5" t="s">
        <v>17</v>
      </c>
      <c r="B65" s="22">
        <v>7</v>
      </c>
      <c r="C65" s="14">
        <v>9</v>
      </c>
      <c r="D65" s="18">
        <v>16</v>
      </c>
    </row>
    <row r="66" spans="1:4" ht="18" customHeight="1" x14ac:dyDescent="0.15">
      <c r="A66" s="5">
        <v>50</v>
      </c>
      <c r="B66" s="22">
        <v>3</v>
      </c>
      <c r="C66" s="14">
        <v>1</v>
      </c>
      <c r="D66" s="18">
        <v>4</v>
      </c>
    </row>
    <row r="67" spans="1:4" ht="18" customHeight="1" x14ac:dyDescent="0.15">
      <c r="A67" s="5">
        <v>51</v>
      </c>
      <c r="B67" s="22">
        <v>3</v>
      </c>
      <c r="C67" s="14">
        <v>0</v>
      </c>
      <c r="D67" s="18">
        <v>3</v>
      </c>
    </row>
    <row r="68" spans="1:4" ht="18" customHeight="1" x14ac:dyDescent="0.15">
      <c r="A68" s="5">
        <v>52</v>
      </c>
      <c r="B68" s="22">
        <v>1</v>
      </c>
      <c r="C68" s="14">
        <v>1</v>
      </c>
      <c r="D68" s="18">
        <v>2</v>
      </c>
    </row>
    <row r="69" spans="1:4" ht="18" customHeight="1" x14ac:dyDescent="0.15">
      <c r="A69" s="5">
        <v>53</v>
      </c>
      <c r="B69" s="22">
        <v>0</v>
      </c>
      <c r="C69" s="14">
        <v>0</v>
      </c>
      <c r="D69" s="18">
        <v>0</v>
      </c>
    </row>
    <row r="70" spans="1:4" ht="18" customHeight="1" x14ac:dyDescent="0.15">
      <c r="A70" s="5">
        <v>54</v>
      </c>
      <c r="B70" s="22">
        <v>2</v>
      </c>
      <c r="C70" s="14">
        <v>1</v>
      </c>
      <c r="D70" s="18">
        <v>3</v>
      </c>
    </row>
    <row r="71" spans="1:4" ht="18" customHeight="1" x14ac:dyDescent="0.15">
      <c r="A71" s="5" t="s">
        <v>22</v>
      </c>
      <c r="B71" s="22">
        <v>9</v>
      </c>
      <c r="C71" s="14">
        <v>3</v>
      </c>
      <c r="D71" s="18">
        <v>12</v>
      </c>
    </row>
    <row r="72" spans="1:4" ht="18" customHeight="1" x14ac:dyDescent="0.15">
      <c r="A72" s="5">
        <v>55</v>
      </c>
      <c r="B72" s="22">
        <v>0</v>
      </c>
      <c r="C72" s="14">
        <v>0</v>
      </c>
      <c r="D72" s="18">
        <v>0</v>
      </c>
    </row>
    <row r="73" spans="1:4" ht="18" customHeight="1" x14ac:dyDescent="0.15">
      <c r="A73" s="5">
        <v>56</v>
      </c>
      <c r="B73" s="22">
        <v>0</v>
      </c>
      <c r="C73" s="14">
        <v>2</v>
      </c>
      <c r="D73" s="18">
        <v>2</v>
      </c>
    </row>
    <row r="74" spans="1:4" ht="18" customHeight="1" x14ac:dyDescent="0.15">
      <c r="A74" s="5">
        <v>57</v>
      </c>
      <c r="B74" s="22">
        <v>4</v>
      </c>
      <c r="C74" s="14">
        <v>2</v>
      </c>
      <c r="D74" s="18">
        <v>6</v>
      </c>
    </row>
    <row r="75" spans="1:4" ht="18" customHeight="1" x14ac:dyDescent="0.15">
      <c r="A75" s="5">
        <v>58</v>
      </c>
      <c r="B75" s="22">
        <v>0</v>
      </c>
      <c r="C75" s="14">
        <v>0</v>
      </c>
      <c r="D75" s="18">
        <v>0</v>
      </c>
    </row>
    <row r="76" spans="1:4" ht="18" customHeight="1" x14ac:dyDescent="0.15">
      <c r="A76" s="5">
        <v>59</v>
      </c>
      <c r="B76" s="22">
        <v>2</v>
      </c>
      <c r="C76" s="14">
        <v>1</v>
      </c>
      <c r="D76" s="18">
        <v>3</v>
      </c>
    </row>
    <row r="77" spans="1:4" ht="18" customHeight="1" x14ac:dyDescent="0.15">
      <c r="A77" s="5" t="s">
        <v>27</v>
      </c>
      <c r="B77" s="22">
        <v>6</v>
      </c>
      <c r="C77" s="14">
        <v>5</v>
      </c>
      <c r="D77" s="18">
        <v>11</v>
      </c>
    </row>
    <row r="78" spans="1:4" ht="18" customHeight="1" x14ac:dyDescent="0.15">
      <c r="A78" s="5">
        <v>60</v>
      </c>
      <c r="B78" s="22">
        <v>2</v>
      </c>
      <c r="C78" s="14">
        <v>0</v>
      </c>
      <c r="D78" s="18">
        <v>2</v>
      </c>
    </row>
    <row r="79" spans="1:4" ht="18" customHeight="1" x14ac:dyDescent="0.15">
      <c r="A79" s="5">
        <v>61</v>
      </c>
      <c r="B79" s="22">
        <v>1</v>
      </c>
      <c r="C79" s="14">
        <v>3</v>
      </c>
      <c r="D79" s="18">
        <v>4</v>
      </c>
    </row>
    <row r="80" spans="1:4" ht="18" customHeight="1" x14ac:dyDescent="0.15">
      <c r="A80" s="5">
        <v>62</v>
      </c>
      <c r="B80" s="22">
        <v>2</v>
      </c>
      <c r="C80" s="14">
        <v>1</v>
      </c>
      <c r="D80" s="18">
        <v>3</v>
      </c>
    </row>
    <row r="81" spans="1:4" ht="18" customHeight="1" x14ac:dyDescent="0.15">
      <c r="A81" s="5">
        <v>63</v>
      </c>
      <c r="B81" s="22">
        <v>4</v>
      </c>
      <c r="C81" s="14">
        <v>2</v>
      </c>
      <c r="D81" s="18">
        <v>6</v>
      </c>
    </row>
    <row r="82" spans="1:4" ht="18" customHeight="1" x14ac:dyDescent="0.15">
      <c r="A82" s="5">
        <v>64</v>
      </c>
      <c r="B82" s="22">
        <v>3</v>
      </c>
      <c r="C82" s="14">
        <v>2</v>
      </c>
      <c r="D82" s="18">
        <v>5</v>
      </c>
    </row>
    <row r="83" spans="1:4" ht="18" customHeight="1" x14ac:dyDescent="0.15">
      <c r="A83" s="5" t="s">
        <v>28</v>
      </c>
      <c r="B83" s="22">
        <v>12</v>
      </c>
      <c r="C83" s="14">
        <v>8</v>
      </c>
      <c r="D83" s="18">
        <v>20</v>
      </c>
    </row>
    <row r="84" spans="1:4" ht="18" customHeight="1" x14ac:dyDescent="0.15">
      <c r="A84" s="5" t="s">
        <v>31</v>
      </c>
      <c r="B84" s="22">
        <v>58</v>
      </c>
      <c r="C84" s="14">
        <v>41</v>
      </c>
      <c r="D84" s="18">
        <v>99</v>
      </c>
    </row>
    <row r="85" spans="1:4" ht="18" customHeight="1" x14ac:dyDescent="0.15">
      <c r="A85" s="5">
        <v>65</v>
      </c>
      <c r="B85" s="22">
        <v>3</v>
      </c>
      <c r="C85" s="14">
        <v>2</v>
      </c>
      <c r="D85" s="18">
        <v>5</v>
      </c>
    </row>
    <row r="86" spans="1:4" ht="18" customHeight="1" x14ac:dyDescent="0.15">
      <c r="A86" s="5">
        <v>66</v>
      </c>
      <c r="B86" s="22">
        <v>0</v>
      </c>
      <c r="C86" s="14">
        <v>1</v>
      </c>
      <c r="D86" s="18">
        <v>1</v>
      </c>
    </row>
    <row r="87" spans="1:4" ht="18" customHeight="1" x14ac:dyDescent="0.15">
      <c r="A87" s="5">
        <v>67</v>
      </c>
      <c r="B87" s="22">
        <v>2</v>
      </c>
      <c r="C87" s="14">
        <v>1</v>
      </c>
      <c r="D87" s="18">
        <v>3</v>
      </c>
    </row>
    <row r="88" spans="1:4" ht="18" customHeight="1" x14ac:dyDescent="0.15">
      <c r="A88" s="5">
        <v>68</v>
      </c>
      <c r="B88" s="22">
        <v>2</v>
      </c>
      <c r="C88" s="14">
        <v>0</v>
      </c>
      <c r="D88" s="18">
        <v>2</v>
      </c>
    </row>
    <row r="89" spans="1:4" ht="18" customHeight="1" x14ac:dyDescent="0.15">
      <c r="A89" s="5">
        <v>69</v>
      </c>
      <c r="B89" s="22">
        <v>0</v>
      </c>
      <c r="C89" s="14">
        <v>1</v>
      </c>
      <c r="D89" s="18">
        <v>1</v>
      </c>
    </row>
    <row r="90" spans="1:4" ht="18" customHeight="1" x14ac:dyDescent="0.15">
      <c r="A90" s="5" t="s">
        <v>20</v>
      </c>
      <c r="B90" s="22">
        <v>7</v>
      </c>
      <c r="C90" s="14">
        <v>5</v>
      </c>
      <c r="D90" s="18">
        <v>12</v>
      </c>
    </row>
    <row r="91" spans="1:4" ht="18" customHeight="1" x14ac:dyDescent="0.15">
      <c r="A91" s="5">
        <v>70</v>
      </c>
      <c r="B91" s="22">
        <v>1</v>
      </c>
      <c r="C91" s="14">
        <v>3</v>
      </c>
      <c r="D91" s="18">
        <v>4</v>
      </c>
    </row>
    <row r="92" spans="1:4" ht="18" customHeight="1" x14ac:dyDescent="0.15">
      <c r="A92" s="5">
        <v>71</v>
      </c>
      <c r="B92" s="22">
        <v>3</v>
      </c>
      <c r="C92" s="14">
        <v>4</v>
      </c>
      <c r="D92" s="18">
        <v>7</v>
      </c>
    </row>
    <row r="93" spans="1:4" ht="18" customHeight="1" x14ac:dyDescent="0.15">
      <c r="A93" s="5">
        <v>72</v>
      </c>
      <c r="B93" s="22">
        <v>3</v>
      </c>
      <c r="C93" s="14">
        <v>2</v>
      </c>
      <c r="D93" s="18">
        <v>5</v>
      </c>
    </row>
    <row r="94" spans="1:4" ht="18" customHeight="1" x14ac:dyDescent="0.15">
      <c r="A94" s="5">
        <v>73</v>
      </c>
      <c r="B94" s="22">
        <v>2</v>
      </c>
      <c r="C94" s="14">
        <v>4</v>
      </c>
      <c r="D94" s="18">
        <v>6</v>
      </c>
    </row>
    <row r="95" spans="1:4" ht="18" customHeight="1" x14ac:dyDescent="0.15">
      <c r="A95" s="5">
        <v>74</v>
      </c>
      <c r="B95" s="22">
        <v>3</v>
      </c>
      <c r="C95" s="14">
        <v>3</v>
      </c>
      <c r="D95" s="18">
        <v>6</v>
      </c>
    </row>
    <row r="96" spans="1:4" ht="18" customHeight="1" x14ac:dyDescent="0.15">
      <c r="A96" s="5" t="s">
        <v>33</v>
      </c>
      <c r="B96" s="22">
        <v>12</v>
      </c>
      <c r="C96" s="14">
        <v>16</v>
      </c>
      <c r="D96" s="18">
        <v>28</v>
      </c>
    </row>
    <row r="97" spans="1:4" ht="18" customHeight="1" x14ac:dyDescent="0.15">
      <c r="A97" s="5">
        <v>75</v>
      </c>
      <c r="B97" s="22">
        <v>3</v>
      </c>
      <c r="C97" s="14">
        <v>3</v>
      </c>
      <c r="D97" s="18">
        <v>6</v>
      </c>
    </row>
    <row r="98" spans="1:4" ht="18" customHeight="1" x14ac:dyDescent="0.15">
      <c r="A98" s="5">
        <v>76</v>
      </c>
      <c r="B98" s="22">
        <v>2</v>
      </c>
      <c r="C98" s="14">
        <v>2</v>
      </c>
      <c r="D98" s="18">
        <v>4</v>
      </c>
    </row>
    <row r="99" spans="1:4" ht="18" customHeight="1" x14ac:dyDescent="0.15">
      <c r="A99" s="5">
        <v>77</v>
      </c>
      <c r="B99" s="22">
        <v>3</v>
      </c>
      <c r="C99" s="14">
        <v>4</v>
      </c>
      <c r="D99" s="18">
        <v>7</v>
      </c>
    </row>
    <row r="100" spans="1:4" ht="18" customHeight="1" x14ac:dyDescent="0.15">
      <c r="A100" s="5">
        <v>78</v>
      </c>
      <c r="B100" s="22">
        <v>6</v>
      </c>
      <c r="C100" s="14">
        <v>6</v>
      </c>
      <c r="D100" s="18">
        <v>12</v>
      </c>
    </row>
    <row r="101" spans="1:4" ht="18" customHeight="1" x14ac:dyDescent="0.15">
      <c r="A101" s="5">
        <v>79</v>
      </c>
      <c r="B101" s="22">
        <v>3</v>
      </c>
      <c r="C101" s="14">
        <v>3</v>
      </c>
      <c r="D101" s="18">
        <v>6</v>
      </c>
    </row>
    <row r="102" spans="1:4" ht="18" customHeight="1" x14ac:dyDescent="0.15">
      <c r="A102" s="5" t="s">
        <v>0</v>
      </c>
      <c r="B102" s="22">
        <v>17</v>
      </c>
      <c r="C102" s="14">
        <v>18</v>
      </c>
      <c r="D102" s="18">
        <v>35</v>
      </c>
    </row>
    <row r="103" spans="1:4" ht="18" customHeight="1" x14ac:dyDescent="0.15">
      <c r="A103" s="5">
        <v>80</v>
      </c>
      <c r="B103" s="22">
        <v>2</v>
      </c>
      <c r="C103" s="14">
        <v>1</v>
      </c>
      <c r="D103" s="18">
        <v>3</v>
      </c>
    </row>
    <row r="104" spans="1:4" ht="18" customHeight="1" x14ac:dyDescent="0.15">
      <c r="A104" s="5">
        <v>81</v>
      </c>
      <c r="B104" s="22">
        <v>2</v>
      </c>
      <c r="C104" s="14">
        <v>3</v>
      </c>
      <c r="D104" s="18">
        <v>5</v>
      </c>
    </row>
    <row r="105" spans="1:4" ht="18" customHeight="1" x14ac:dyDescent="0.15">
      <c r="A105" s="5">
        <v>82</v>
      </c>
      <c r="B105" s="22">
        <v>0</v>
      </c>
      <c r="C105" s="14">
        <v>2</v>
      </c>
      <c r="D105" s="18">
        <v>2</v>
      </c>
    </row>
    <row r="106" spans="1:4" ht="18" customHeight="1" x14ac:dyDescent="0.15">
      <c r="A106" s="5">
        <v>83</v>
      </c>
      <c r="B106" s="22">
        <v>1</v>
      </c>
      <c r="C106" s="14">
        <v>3</v>
      </c>
      <c r="D106" s="18">
        <v>4</v>
      </c>
    </row>
    <row r="107" spans="1:4" ht="18" customHeight="1" x14ac:dyDescent="0.15">
      <c r="A107" s="5">
        <v>84</v>
      </c>
      <c r="B107" s="22">
        <v>2</v>
      </c>
      <c r="C107" s="14">
        <v>1</v>
      </c>
      <c r="D107" s="18">
        <v>3</v>
      </c>
    </row>
    <row r="108" spans="1:4" ht="18" customHeight="1" x14ac:dyDescent="0.15">
      <c r="A108" s="5" t="s">
        <v>35</v>
      </c>
      <c r="B108" s="22">
        <v>7</v>
      </c>
      <c r="C108" s="14">
        <v>10</v>
      </c>
      <c r="D108" s="18">
        <v>17</v>
      </c>
    </row>
    <row r="109" spans="1:4" ht="18" customHeight="1" x14ac:dyDescent="0.15">
      <c r="A109" s="5">
        <v>85</v>
      </c>
      <c r="B109" s="22">
        <v>1</v>
      </c>
      <c r="C109" s="14">
        <v>1</v>
      </c>
      <c r="D109" s="18">
        <v>2</v>
      </c>
    </row>
    <row r="110" spans="1:4" ht="18" customHeight="1" x14ac:dyDescent="0.15">
      <c r="A110" s="5">
        <v>86</v>
      </c>
      <c r="B110" s="22">
        <v>2</v>
      </c>
      <c r="C110" s="14">
        <v>2</v>
      </c>
      <c r="D110" s="18">
        <v>4</v>
      </c>
    </row>
    <row r="111" spans="1:4" ht="18" customHeight="1" x14ac:dyDescent="0.15">
      <c r="A111" s="5">
        <v>87</v>
      </c>
      <c r="B111" s="22">
        <v>0</v>
      </c>
      <c r="C111" s="14">
        <v>1</v>
      </c>
      <c r="D111" s="18">
        <v>1</v>
      </c>
    </row>
    <row r="112" spans="1:4" ht="18" customHeight="1" x14ac:dyDescent="0.15">
      <c r="A112" s="5">
        <v>88</v>
      </c>
      <c r="B112" s="22">
        <v>0</v>
      </c>
      <c r="C112" s="14">
        <v>4</v>
      </c>
      <c r="D112" s="18">
        <v>4</v>
      </c>
    </row>
    <row r="113" spans="1:4" ht="18" customHeight="1" x14ac:dyDescent="0.15">
      <c r="A113" s="5">
        <v>89</v>
      </c>
      <c r="B113" s="22">
        <v>1</v>
      </c>
      <c r="C113" s="14">
        <v>6</v>
      </c>
      <c r="D113" s="18">
        <v>7</v>
      </c>
    </row>
    <row r="114" spans="1:4" ht="18" customHeight="1" x14ac:dyDescent="0.15">
      <c r="A114" s="5" t="s">
        <v>37</v>
      </c>
      <c r="B114" s="22">
        <v>4</v>
      </c>
      <c r="C114" s="14">
        <v>14</v>
      </c>
      <c r="D114" s="18">
        <v>18</v>
      </c>
    </row>
    <row r="115" spans="1:4" ht="18" customHeight="1" x14ac:dyDescent="0.15">
      <c r="A115" s="5">
        <v>90</v>
      </c>
      <c r="B115" s="22">
        <v>1</v>
      </c>
      <c r="C115" s="14">
        <v>3</v>
      </c>
      <c r="D115" s="18">
        <v>4</v>
      </c>
    </row>
    <row r="116" spans="1:4" ht="18" customHeight="1" x14ac:dyDescent="0.15">
      <c r="A116" s="5">
        <v>91</v>
      </c>
      <c r="B116" s="22">
        <v>1</v>
      </c>
      <c r="C116" s="14">
        <v>4</v>
      </c>
      <c r="D116" s="18">
        <v>5</v>
      </c>
    </row>
    <row r="117" spans="1:4" ht="18" customHeight="1" x14ac:dyDescent="0.15">
      <c r="A117" s="5">
        <v>92</v>
      </c>
      <c r="B117" s="22">
        <v>1</v>
      </c>
      <c r="C117" s="14">
        <v>0</v>
      </c>
      <c r="D117" s="18">
        <v>1</v>
      </c>
    </row>
    <row r="118" spans="1:4" ht="18" customHeight="1" x14ac:dyDescent="0.15">
      <c r="A118" s="5">
        <v>93</v>
      </c>
      <c r="B118" s="22">
        <v>0</v>
      </c>
      <c r="C118" s="14">
        <v>3</v>
      </c>
      <c r="D118" s="18">
        <v>3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3</v>
      </c>
      <c r="C120" s="14">
        <v>10</v>
      </c>
      <c r="D120" s="18">
        <v>13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5</v>
      </c>
      <c r="D126" s="18">
        <v>5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50</v>
      </c>
      <c r="C130" s="14">
        <v>78</v>
      </c>
      <c r="D130" s="18">
        <v>128</v>
      </c>
    </row>
    <row r="131" spans="1:4" ht="18" customHeight="1" x14ac:dyDescent="0.15">
      <c r="A131" s="7" t="s">
        <v>45</v>
      </c>
      <c r="B131" s="23">
        <v>120</v>
      </c>
      <c r="C131" s="15">
        <v>123</v>
      </c>
      <c r="D131" s="19">
        <v>24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6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2</v>
      </c>
      <c r="C7" s="14">
        <v>0</v>
      </c>
      <c r="D7" s="18">
        <v>2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2</v>
      </c>
      <c r="C9" s="30">
        <v>0</v>
      </c>
      <c r="D9" s="32">
        <v>2</v>
      </c>
    </row>
    <row r="10" spans="1:4" ht="18" customHeight="1" x14ac:dyDescent="0.15">
      <c r="A10" s="5" t="s">
        <v>7</v>
      </c>
      <c r="B10" s="22">
        <v>4</v>
      </c>
      <c r="C10" s="14">
        <v>2</v>
      </c>
      <c r="D10" s="18">
        <v>6</v>
      </c>
    </row>
    <row r="11" spans="1:4" ht="18" customHeight="1" x14ac:dyDescent="0.15">
      <c r="A11" s="5">
        <v>5</v>
      </c>
      <c r="B11" s="27">
        <v>1</v>
      </c>
      <c r="C11" s="14">
        <v>1</v>
      </c>
      <c r="D11" s="18">
        <v>2</v>
      </c>
    </row>
    <row r="12" spans="1:4" ht="18" customHeight="1" x14ac:dyDescent="0.15">
      <c r="A12" s="5">
        <v>6</v>
      </c>
      <c r="B12" s="27">
        <v>1</v>
      </c>
      <c r="C12" s="14">
        <v>1</v>
      </c>
      <c r="D12" s="18">
        <v>2</v>
      </c>
    </row>
    <row r="13" spans="1:4" ht="18" customHeight="1" x14ac:dyDescent="0.15">
      <c r="A13" s="5">
        <v>7</v>
      </c>
      <c r="B13" s="27">
        <v>2</v>
      </c>
      <c r="C13" s="14">
        <v>1</v>
      </c>
      <c r="D13" s="18">
        <v>3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1</v>
      </c>
      <c r="C15" s="14">
        <v>0</v>
      </c>
      <c r="D15" s="18">
        <v>1</v>
      </c>
    </row>
    <row r="16" spans="1:4" ht="18" customHeight="1" x14ac:dyDescent="0.15">
      <c r="A16" s="5" t="s">
        <v>11</v>
      </c>
      <c r="B16" s="22">
        <v>5</v>
      </c>
      <c r="C16" s="14">
        <v>4</v>
      </c>
      <c r="D16" s="18">
        <v>9</v>
      </c>
    </row>
    <row r="17" spans="1:4" ht="18" customHeight="1" x14ac:dyDescent="0.15">
      <c r="A17" s="5">
        <v>10</v>
      </c>
      <c r="B17" s="22">
        <v>1</v>
      </c>
      <c r="C17" s="14">
        <v>1</v>
      </c>
      <c r="D17" s="18">
        <v>2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1</v>
      </c>
      <c r="C20" s="14">
        <v>0</v>
      </c>
      <c r="D20" s="18">
        <v>1</v>
      </c>
    </row>
    <row r="21" spans="1:4" ht="18" customHeight="1" x14ac:dyDescent="0.15">
      <c r="A21" s="5">
        <v>14</v>
      </c>
      <c r="B21" s="22">
        <v>0</v>
      </c>
      <c r="C21" s="14">
        <v>1</v>
      </c>
      <c r="D21" s="18">
        <v>1</v>
      </c>
    </row>
    <row r="22" spans="1:4" ht="18" customHeight="1" x14ac:dyDescent="0.15">
      <c r="A22" s="5" t="s">
        <v>12</v>
      </c>
      <c r="B22" s="22">
        <v>2</v>
      </c>
      <c r="C22" s="14">
        <v>3</v>
      </c>
      <c r="D22" s="18">
        <v>5</v>
      </c>
    </row>
    <row r="23" spans="1:4" ht="18" customHeight="1" x14ac:dyDescent="0.15">
      <c r="A23" s="5" t="s">
        <v>6</v>
      </c>
      <c r="B23" s="22">
        <v>11</v>
      </c>
      <c r="C23" s="14">
        <v>9</v>
      </c>
      <c r="D23" s="18">
        <v>20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3</v>
      </c>
      <c r="C25" s="14">
        <v>0</v>
      </c>
      <c r="D25" s="18">
        <v>3</v>
      </c>
    </row>
    <row r="26" spans="1:4" ht="18" customHeight="1" x14ac:dyDescent="0.15">
      <c r="A26" s="5">
        <v>17</v>
      </c>
      <c r="B26" s="22">
        <v>0</v>
      </c>
      <c r="C26" s="14">
        <v>1</v>
      </c>
      <c r="D26" s="18">
        <v>1</v>
      </c>
    </row>
    <row r="27" spans="1:4" ht="18" customHeight="1" x14ac:dyDescent="0.15">
      <c r="A27" s="5">
        <v>18</v>
      </c>
      <c r="B27" s="22">
        <v>1</v>
      </c>
      <c r="C27" s="14">
        <v>4</v>
      </c>
      <c r="D27" s="18">
        <v>5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5</v>
      </c>
      <c r="C29" s="14">
        <v>5</v>
      </c>
      <c r="D29" s="18">
        <v>10</v>
      </c>
    </row>
    <row r="30" spans="1:4" ht="18" customHeight="1" x14ac:dyDescent="0.15">
      <c r="A30" s="5">
        <v>20</v>
      </c>
      <c r="B30" s="22">
        <v>1</v>
      </c>
      <c r="C30" s="14">
        <v>0</v>
      </c>
      <c r="D30" s="18">
        <v>1</v>
      </c>
    </row>
    <row r="31" spans="1:4" ht="18" customHeight="1" x14ac:dyDescent="0.15">
      <c r="A31" s="5">
        <v>21</v>
      </c>
      <c r="B31" s="22">
        <v>1</v>
      </c>
      <c r="C31" s="14">
        <v>1</v>
      </c>
      <c r="D31" s="18">
        <v>2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1</v>
      </c>
      <c r="D33" s="18">
        <v>1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2</v>
      </c>
      <c r="C35" s="14">
        <v>2</v>
      </c>
      <c r="D35" s="18">
        <v>4</v>
      </c>
    </row>
    <row r="36" spans="1:4" ht="18" customHeight="1" x14ac:dyDescent="0.15">
      <c r="A36" s="5">
        <v>25</v>
      </c>
      <c r="B36" s="22">
        <v>0</v>
      </c>
      <c r="C36" s="14">
        <v>1</v>
      </c>
      <c r="D36" s="18">
        <v>1</v>
      </c>
    </row>
    <row r="37" spans="1:4" ht="18" customHeight="1" x14ac:dyDescent="0.15">
      <c r="A37" s="5">
        <v>26</v>
      </c>
      <c r="B37" s="22">
        <v>1</v>
      </c>
      <c r="C37" s="14">
        <v>0</v>
      </c>
      <c r="D37" s="18">
        <v>1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2</v>
      </c>
      <c r="C40" s="14">
        <v>0</v>
      </c>
      <c r="D40" s="18">
        <v>2</v>
      </c>
    </row>
    <row r="41" spans="1:4" ht="18" customHeight="1" x14ac:dyDescent="0.15">
      <c r="A41" s="5" t="s">
        <v>2</v>
      </c>
      <c r="B41" s="22">
        <v>3</v>
      </c>
      <c r="C41" s="14">
        <v>1</v>
      </c>
      <c r="D41" s="18">
        <v>4</v>
      </c>
    </row>
    <row r="42" spans="1:4" ht="18" customHeight="1" x14ac:dyDescent="0.15">
      <c r="A42" s="5">
        <v>30</v>
      </c>
      <c r="B42" s="22">
        <v>5</v>
      </c>
      <c r="C42" s="14">
        <v>0</v>
      </c>
      <c r="D42" s="18">
        <v>5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1</v>
      </c>
      <c r="C44" s="14">
        <v>0</v>
      </c>
      <c r="D44" s="18">
        <v>1</v>
      </c>
    </row>
    <row r="45" spans="1:4" ht="18" customHeight="1" x14ac:dyDescent="0.15">
      <c r="A45" s="5">
        <v>33</v>
      </c>
      <c r="B45" s="22">
        <v>0</v>
      </c>
      <c r="C45" s="14">
        <v>1</v>
      </c>
      <c r="D45" s="18">
        <v>1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8</v>
      </c>
      <c r="C47" s="14">
        <v>1</v>
      </c>
      <c r="D47" s="18">
        <v>9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2</v>
      </c>
      <c r="D49" s="18">
        <v>2</v>
      </c>
    </row>
    <row r="50" spans="1:4" ht="18" customHeight="1" x14ac:dyDescent="0.15">
      <c r="A50" s="5">
        <v>37</v>
      </c>
      <c r="B50" s="22">
        <v>4</v>
      </c>
      <c r="C50" s="14">
        <v>1</v>
      </c>
      <c r="D50" s="18">
        <v>5</v>
      </c>
    </row>
    <row r="51" spans="1:4" ht="18" customHeight="1" x14ac:dyDescent="0.15">
      <c r="A51" s="5">
        <v>38</v>
      </c>
      <c r="B51" s="22">
        <v>2</v>
      </c>
      <c r="C51" s="14">
        <v>2</v>
      </c>
      <c r="D51" s="18">
        <v>4</v>
      </c>
    </row>
    <row r="52" spans="1:4" ht="18" customHeight="1" x14ac:dyDescent="0.15">
      <c r="A52" s="5">
        <v>39</v>
      </c>
      <c r="B52" s="22">
        <v>3</v>
      </c>
      <c r="C52" s="14">
        <v>2</v>
      </c>
      <c r="D52" s="18">
        <v>5</v>
      </c>
    </row>
    <row r="53" spans="1:4" ht="18" customHeight="1" x14ac:dyDescent="0.15">
      <c r="A53" s="5" t="s">
        <v>18</v>
      </c>
      <c r="B53" s="22">
        <v>9</v>
      </c>
      <c r="C53" s="14">
        <v>7</v>
      </c>
      <c r="D53" s="18">
        <v>16</v>
      </c>
    </row>
    <row r="54" spans="1:4" ht="18" customHeight="1" x14ac:dyDescent="0.15">
      <c r="A54" s="5">
        <v>40</v>
      </c>
      <c r="B54" s="22">
        <v>1</v>
      </c>
      <c r="C54" s="14">
        <v>2</v>
      </c>
      <c r="D54" s="18">
        <v>3</v>
      </c>
    </row>
    <row r="55" spans="1:4" ht="18" customHeight="1" x14ac:dyDescent="0.15">
      <c r="A55" s="5">
        <v>41</v>
      </c>
      <c r="B55" s="22">
        <v>2</v>
      </c>
      <c r="C55" s="14">
        <v>1</v>
      </c>
      <c r="D55" s="18">
        <v>3</v>
      </c>
    </row>
    <row r="56" spans="1:4" ht="18" customHeight="1" x14ac:dyDescent="0.15">
      <c r="A56" s="5">
        <v>42</v>
      </c>
      <c r="B56" s="22">
        <v>0</v>
      </c>
      <c r="C56" s="14">
        <v>3</v>
      </c>
      <c r="D56" s="18">
        <v>3</v>
      </c>
    </row>
    <row r="57" spans="1:4" ht="18" customHeight="1" x14ac:dyDescent="0.15">
      <c r="A57" s="5">
        <v>43</v>
      </c>
      <c r="B57" s="22">
        <v>1</v>
      </c>
      <c r="C57" s="14">
        <v>1</v>
      </c>
      <c r="D57" s="18">
        <v>2</v>
      </c>
    </row>
    <row r="58" spans="1:4" ht="18" customHeight="1" x14ac:dyDescent="0.15">
      <c r="A58" s="5">
        <v>44</v>
      </c>
      <c r="B58" s="22">
        <v>1</v>
      </c>
      <c r="C58" s="14">
        <v>0</v>
      </c>
      <c r="D58" s="18">
        <v>1</v>
      </c>
    </row>
    <row r="59" spans="1:4" ht="18" customHeight="1" x14ac:dyDescent="0.15">
      <c r="A59" s="5" t="s">
        <v>21</v>
      </c>
      <c r="B59" s="22">
        <v>5</v>
      </c>
      <c r="C59" s="14">
        <v>7</v>
      </c>
      <c r="D59" s="18">
        <v>12</v>
      </c>
    </row>
    <row r="60" spans="1:4" ht="18" customHeight="1" x14ac:dyDescent="0.15">
      <c r="A60" s="5">
        <v>45</v>
      </c>
      <c r="B60" s="22">
        <v>1</v>
      </c>
      <c r="C60" s="14">
        <v>0</v>
      </c>
      <c r="D60" s="18">
        <v>1</v>
      </c>
    </row>
    <row r="61" spans="1:4" ht="18" customHeight="1" x14ac:dyDescent="0.15">
      <c r="A61" s="5">
        <v>46</v>
      </c>
      <c r="B61" s="22">
        <v>3</v>
      </c>
      <c r="C61" s="14">
        <v>1</v>
      </c>
      <c r="D61" s="18">
        <v>4</v>
      </c>
    </row>
    <row r="62" spans="1:4" ht="18" customHeight="1" x14ac:dyDescent="0.15">
      <c r="A62" s="5">
        <v>47</v>
      </c>
      <c r="B62" s="22">
        <v>2</v>
      </c>
      <c r="C62" s="14">
        <v>1</v>
      </c>
      <c r="D62" s="18">
        <v>3</v>
      </c>
    </row>
    <row r="63" spans="1:4" ht="18" customHeight="1" x14ac:dyDescent="0.15">
      <c r="A63" s="5">
        <v>48</v>
      </c>
      <c r="B63" s="22">
        <v>0</v>
      </c>
      <c r="C63" s="14">
        <v>2</v>
      </c>
      <c r="D63" s="18">
        <v>2</v>
      </c>
    </row>
    <row r="64" spans="1:4" ht="18" customHeight="1" x14ac:dyDescent="0.15">
      <c r="A64" s="5">
        <v>49</v>
      </c>
      <c r="B64" s="22">
        <v>2</v>
      </c>
      <c r="C64" s="14">
        <v>0</v>
      </c>
      <c r="D64" s="18">
        <v>2</v>
      </c>
    </row>
    <row r="65" spans="1:4" ht="18" customHeight="1" x14ac:dyDescent="0.15">
      <c r="A65" s="5" t="s">
        <v>17</v>
      </c>
      <c r="B65" s="22">
        <v>8</v>
      </c>
      <c r="C65" s="14">
        <v>4</v>
      </c>
      <c r="D65" s="18">
        <v>12</v>
      </c>
    </row>
    <row r="66" spans="1:4" ht="18" customHeight="1" x14ac:dyDescent="0.15">
      <c r="A66" s="5">
        <v>50</v>
      </c>
      <c r="B66" s="22">
        <v>1</v>
      </c>
      <c r="C66" s="14">
        <v>1</v>
      </c>
      <c r="D66" s="18">
        <v>2</v>
      </c>
    </row>
    <row r="67" spans="1:4" ht="18" customHeight="1" x14ac:dyDescent="0.15">
      <c r="A67" s="5">
        <v>51</v>
      </c>
      <c r="B67" s="22">
        <v>1</v>
      </c>
      <c r="C67" s="14">
        <v>1</v>
      </c>
      <c r="D67" s="18">
        <v>2</v>
      </c>
    </row>
    <row r="68" spans="1:4" ht="18" customHeight="1" x14ac:dyDescent="0.15">
      <c r="A68" s="5">
        <v>52</v>
      </c>
      <c r="B68" s="22">
        <v>1</v>
      </c>
      <c r="C68" s="14">
        <v>0</v>
      </c>
      <c r="D68" s="18">
        <v>1</v>
      </c>
    </row>
    <row r="69" spans="1:4" ht="18" customHeight="1" x14ac:dyDescent="0.15">
      <c r="A69" s="5">
        <v>53</v>
      </c>
      <c r="B69" s="22">
        <v>1</v>
      </c>
      <c r="C69" s="14">
        <v>2</v>
      </c>
      <c r="D69" s="18">
        <v>3</v>
      </c>
    </row>
    <row r="70" spans="1:4" ht="18" customHeight="1" x14ac:dyDescent="0.15">
      <c r="A70" s="5">
        <v>54</v>
      </c>
      <c r="B70" s="22">
        <v>2</v>
      </c>
      <c r="C70" s="14">
        <v>2</v>
      </c>
      <c r="D70" s="18">
        <v>4</v>
      </c>
    </row>
    <row r="71" spans="1:4" ht="18" customHeight="1" x14ac:dyDescent="0.15">
      <c r="A71" s="5" t="s">
        <v>22</v>
      </c>
      <c r="B71" s="22">
        <v>6</v>
      </c>
      <c r="C71" s="14">
        <v>6</v>
      </c>
      <c r="D71" s="18">
        <v>12</v>
      </c>
    </row>
    <row r="72" spans="1:4" ht="18" customHeight="1" x14ac:dyDescent="0.15">
      <c r="A72" s="5">
        <v>55</v>
      </c>
      <c r="B72" s="22">
        <v>1</v>
      </c>
      <c r="C72" s="14">
        <v>1</v>
      </c>
      <c r="D72" s="18">
        <v>2</v>
      </c>
    </row>
    <row r="73" spans="1:4" ht="18" customHeight="1" x14ac:dyDescent="0.15">
      <c r="A73" s="5">
        <v>56</v>
      </c>
      <c r="B73" s="22">
        <v>1</v>
      </c>
      <c r="C73" s="14">
        <v>1</v>
      </c>
      <c r="D73" s="18">
        <v>2</v>
      </c>
    </row>
    <row r="74" spans="1:4" ht="18" customHeight="1" x14ac:dyDescent="0.15">
      <c r="A74" s="5">
        <v>57</v>
      </c>
      <c r="B74" s="22">
        <v>0</v>
      </c>
      <c r="C74" s="14">
        <v>2</v>
      </c>
      <c r="D74" s="18">
        <v>2</v>
      </c>
    </row>
    <row r="75" spans="1:4" ht="18" customHeight="1" x14ac:dyDescent="0.15">
      <c r="A75" s="5">
        <v>58</v>
      </c>
      <c r="B75" s="22">
        <v>0</v>
      </c>
      <c r="C75" s="14">
        <v>1</v>
      </c>
      <c r="D75" s="18">
        <v>1</v>
      </c>
    </row>
    <row r="76" spans="1:4" ht="18" customHeight="1" x14ac:dyDescent="0.15">
      <c r="A76" s="5">
        <v>59</v>
      </c>
      <c r="B76" s="22">
        <v>0</v>
      </c>
      <c r="C76" s="14">
        <v>1</v>
      </c>
      <c r="D76" s="18">
        <v>1</v>
      </c>
    </row>
    <row r="77" spans="1:4" ht="18" customHeight="1" x14ac:dyDescent="0.15">
      <c r="A77" s="5" t="s">
        <v>27</v>
      </c>
      <c r="B77" s="22">
        <v>2</v>
      </c>
      <c r="C77" s="14">
        <v>6</v>
      </c>
      <c r="D77" s="18">
        <v>8</v>
      </c>
    </row>
    <row r="78" spans="1:4" ht="18" customHeight="1" x14ac:dyDescent="0.15">
      <c r="A78" s="5">
        <v>60</v>
      </c>
      <c r="B78" s="22">
        <v>0</v>
      </c>
      <c r="C78" s="14">
        <v>0</v>
      </c>
      <c r="D78" s="18">
        <v>0</v>
      </c>
    </row>
    <row r="79" spans="1:4" ht="18" customHeight="1" x14ac:dyDescent="0.15">
      <c r="A79" s="5">
        <v>61</v>
      </c>
      <c r="B79" s="22">
        <v>2</v>
      </c>
      <c r="C79" s="14">
        <v>2</v>
      </c>
      <c r="D79" s="18">
        <v>4</v>
      </c>
    </row>
    <row r="80" spans="1:4" ht="18" customHeight="1" x14ac:dyDescent="0.15">
      <c r="A80" s="5">
        <v>62</v>
      </c>
      <c r="B80" s="22">
        <v>1</v>
      </c>
      <c r="C80" s="14">
        <v>1</v>
      </c>
      <c r="D80" s="18">
        <v>2</v>
      </c>
    </row>
    <row r="81" spans="1:4" ht="18" customHeight="1" x14ac:dyDescent="0.15">
      <c r="A81" s="5">
        <v>63</v>
      </c>
      <c r="B81" s="22">
        <v>1</v>
      </c>
      <c r="C81" s="14">
        <v>2</v>
      </c>
      <c r="D81" s="18">
        <v>3</v>
      </c>
    </row>
    <row r="82" spans="1:4" ht="18" customHeight="1" x14ac:dyDescent="0.15">
      <c r="A82" s="5">
        <v>64</v>
      </c>
      <c r="B82" s="22">
        <v>6</v>
      </c>
      <c r="C82" s="14">
        <v>4</v>
      </c>
      <c r="D82" s="18">
        <v>10</v>
      </c>
    </row>
    <row r="83" spans="1:4" ht="18" customHeight="1" x14ac:dyDescent="0.15">
      <c r="A83" s="5" t="s">
        <v>28</v>
      </c>
      <c r="B83" s="22">
        <v>10</v>
      </c>
      <c r="C83" s="14">
        <v>9</v>
      </c>
      <c r="D83" s="18">
        <v>19</v>
      </c>
    </row>
    <row r="84" spans="1:4" ht="18" customHeight="1" x14ac:dyDescent="0.15">
      <c r="A84" s="5" t="s">
        <v>31</v>
      </c>
      <c r="B84" s="22">
        <v>58</v>
      </c>
      <c r="C84" s="14">
        <v>48</v>
      </c>
      <c r="D84" s="18">
        <v>106</v>
      </c>
    </row>
    <row r="85" spans="1:4" ht="18" customHeight="1" x14ac:dyDescent="0.15">
      <c r="A85" s="5">
        <v>65</v>
      </c>
      <c r="B85" s="22">
        <v>0</v>
      </c>
      <c r="C85" s="14">
        <v>2</v>
      </c>
      <c r="D85" s="18">
        <v>2</v>
      </c>
    </row>
    <row r="86" spans="1:4" ht="18" customHeight="1" x14ac:dyDescent="0.15">
      <c r="A86" s="5">
        <v>66</v>
      </c>
      <c r="B86" s="22">
        <v>6</v>
      </c>
      <c r="C86" s="14">
        <v>2</v>
      </c>
      <c r="D86" s="18">
        <v>8</v>
      </c>
    </row>
    <row r="87" spans="1:4" ht="18" customHeight="1" x14ac:dyDescent="0.15">
      <c r="A87" s="5">
        <v>67</v>
      </c>
      <c r="B87" s="22">
        <v>2</v>
      </c>
      <c r="C87" s="14">
        <v>3</v>
      </c>
      <c r="D87" s="18">
        <v>5</v>
      </c>
    </row>
    <row r="88" spans="1:4" ht="18" customHeight="1" x14ac:dyDescent="0.15">
      <c r="A88" s="5">
        <v>68</v>
      </c>
      <c r="B88" s="22">
        <v>2</v>
      </c>
      <c r="C88" s="14">
        <v>0</v>
      </c>
      <c r="D88" s="18">
        <v>2</v>
      </c>
    </row>
    <row r="89" spans="1:4" ht="18" customHeight="1" x14ac:dyDescent="0.15">
      <c r="A89" s="5">
        <v>69</v>
      </c>
      <c r="B89" s="22">
        <v>2</v>
      </c>
      <c r="C89" s="14">
        <v>1</v>
      </c>
      <c r="D89" s="18">
        <v>3</v>
      </c>
    </row>
    <row r="90" spans="1:4" ht="18" customHeight="1" x14ac:dyDescent="0.15">
      <c r="A90" s="5" t="s">
        <v>20</v>
      </c>
      <c r="B90" s="22">
        <v>12</v>
      </c>
      <c r="C90" s="14">
        <v>8</v>
      </c>
      <c r="D90" s="18">
        <v>20</v>
      </c>
    </row>
    <row r="91" spans="1:4" ht="18" customHeight="1" x14ac:dyDescent="0.15">
      <c r="A91" s="5">
        <v>70</v>
      </c>
      <c r="B91" s="22">
        <v>0</v>
      </c>
      <c r="C91" s="14">
        <v>5</v>
      </c>
      <c r="D91" s="18">
        <v>5</v>
      </c>
    </row>
    <row r="92" spans="1:4" ht="18" customHeight="1" x14ac:dyDescent="0.15">
      <c r="A92" s="5">
        <v>71</v>
      </c>
      <c r="B92" s="22">
        <v>1</v>
      </c>
      <c r="C92" s="14">
        <v>1</v>
      </c>
      <c r="D92" s="18">
        <v>2</v>
      </c>
    </row>
    <row r="93" spans="1:4" ht="18" customHeight="1" x14ac:dyDescent="0.15">
      <c r="A93" s="5">
        <v>72</v>
      </c>
      <c r="B93" s="22">
        <v>4</v>
      </c>
      <c r="C93" s="14">
        <v>1</v>
      </c>
      <c r="D93" s="18">
        <v>5</v>
      </c>
    </row>
    <row r="94" spans="1:4" ht="18" customHeight="1" x14ac:dyDescent="0.15">
      <c r="A94" s="5">
        <v>73</v>
      </c>
      <c r="B94" s="22">
        <v>2</v>
      </c>
      <c r="C94" s="14">
        <v>1</v>
      </c>
      <c r="D94" s="18">
        <v>3</v>
      </c>
    </row>
    <row r="95" spans="1:4" ht="18" customHeight="1" x14ac:dyDescent="0.15">
      <c r="A95" s="5">
        <v>74</v>
      </c>
      <c r="B95" s="22">
        <v>1</v>
      </c>
      <c r="C95" s="14">
        <v>2</v>
      </c>
      <c r="D95" s="18">
        <v>3</v>
      </c>
    </row>
    <row r="96" spans="1:4" ht="18" customHeight="1" x14ac:dyDescent="0.15">
      <c r="A96" s="5" t="s">
        <v>33</v>
      </c>
      <c r="B96" s="22">
        <v>8</v>
      </c>
      <c r="C96" s="14">
        <v>10</v>
      </c>
      <c r="D96" s="18">
        <v>18</v>
      </c>
    </row>
    <row r="97" spans="1:4" ht="18" customHeight="1" x14ac:dyDescent="0.15">
      <c r="A97" s="5">
        <v>75</v>
      </c>
      <c r="B97" s="22">
        <v>3</v>
      </c>
      <c r="C97" s="14">
        <v>1</v>
      </c>
      <c r="D97" s="18">
        <v>4</v>
      </c>
    </row>
    <row r="98" spans="1:4" ht="18" customHeight="1" x14ac:dyDescent="0.15">
      <c r="A98" s="5">
        <v>76</v>
      </c>
      <c r="B98" s="22">
        <v>5</v>
      </c>
      <c r="C98" s="14">
        <v>3</v>
      </c>
      <c r="D98" s="18">
        <v>8</v>
      </c>
    </row>
    <row r="99" spans="1:4" ht="18" customHeight="1" x14ac:dyDescent="0.15">
      <c r="A99" s="5">
        <v>77</v>
      </c>
      <c r="B99" s="22">
        <v>3</v>
      </c>
      <c r="C99" s="14">
        <v>1</v>
      </c>
      <c r="D99" s="18">
        <v>4</v>
      </c>
    </row>
    <row r="100" spans="1:4" ht="18" customHeight="1" x14ac:dyDescent="0.15">
      <c r="A100" s="5">
        <v>78</v>
      </c>
      <c r="B100" s="22">
        <v>3</v>
      </c>
      <c r="C100" s="14">
        <v>1</v>
      </c>
      <c r="D100" s="18">
        <v>4</v>
      </c>
    </row>
    <row r="101" spans="1:4" ht="18" customHeight="1" x14ac:dyDescent="0.15">
      <c r="A101" s="5">
        <v>79</v>
      </c>
      <c r="B101" s="22">
        <v>2</v>
      </c>
      <c r="C101" s="14">
        <v>1</v>
      </c>
      <c r="D101" s="18">
        <v>3</v>
      </c>
    </row>
    <row r="102" spans="1:4" ht="18" customHeight="1" x14ac:dyDescent="0.15">
      <c r="A102" s="5" t="s">
        <v>0</v>
      </c>
      <c r="B102" s="22">
        <v>16</v>
      </c>
      <c r="C102" s="14">
        <v>7</v>
      </c>
      <c r="D102" s="18">
        <v>23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1</v>
      </c>
      <c r="C104" s="14">
        <v>3</v>
      </c>
      <c r="D104" s="18">
        <v>4</v>
      </c>
    </row>
    <row r="105" spans="1:4" ht="18" customHeight="1" x14ac:dyDescent="0.15">
      <c r="A105" s="5">
        <v>82</v>
      </c>
      <c r="B105" s="22">
        <v>0</v>
      </c>
      <c r="C105" s="14">
        <v>2</v>
      </c>
      <c r="D105" s="18">
        <v>2</v>
      </c>
    </row>
    <row r="106" spans="1:4" ht="18" customHeight="1" x14ac:dyDescent="0.15">
      <c r="A106" s="5">
        <v>83</v>
      </c>
      <c r="B106" s="22">
        <v>2</v>
      </c>
      <c r="C106" s="14">
        <v>4</v>
      </c>
      <c r="D106" s="18">
        <v>6</v>
      </c>
    </row>
    <row r="107" spans="1:4" ht="18" customHeight="1" x14ac:dyDescent="0.15">
      <c r="A107" s="5">
        <v>84</v>
      </c>
      <c r="B107" s="22">
        <v>2</v>
      </c>
      <c r="C107" s="14">
        <v>0</v>
      </c>
      <c r="D107" s="18">
        <v>2</v>
      </c>
    </row>
    <row r="108" spans="1:4" ht="18" customHeight="1" x14ac:dyDescent="0.15">
      <c r="A108" s="5" t="s">
        <v>35</v>
      </c>
      <c r="B108" s="22">
        <v>6</v>
      </c>
      <c r="C108" s="14">
        <v>9</v>
      </c>
      <c r="D108" s="18">
        <v>15</v>
      </c>
    </row>
    <row r="109" spans="1:4" ht="18" customHeight="1" x14ac:dyDescent="0.15">
      <c r="A109" s="5">
        <v>85</v>
      </c>
      <c r="B109" s="22">
        <v>0</v>
      </c>
      <c r="C109" s="14">
        <v>1</v>
      </c>
      <c r="D109" s="18">
        <v>1</v>
      </c>
    </row>
    <row r="110" spans="1:4" ht="18" customHeight="1" x14ac:dyDescent="0.15">
      <c r="A110" s="5">
        <v>86</v>
      </c>
      <c r="B110" s="22">
        <v>0</v>
      </c>
      <c r="C110" s="14">
        <v>1</v>
      </c>
      <c r="D110" s="18">
        <v>1</v>
      </c>
    </row>
    <row r="111" spans="1:4" ht="18" customHeight="1" x14ac:dyDescent="0.15">
      <c r="A111" s="5">
        <v>87</v>
      </c>
      <c r="B111" s="22">
        <v>1</v>
      </c>
      <c r="C111" s="14">
        <v>1</v>
      </c>
      <c r="D111" s="18">
        <v>2</v>
      </c>
    </row>
    <row r="112" spans="1:4" ht="18" customHeight="1" x14ac:dyDescent="0.15">
      <c r="A112" s="5">
        <v>88</v>
      </c>
      <c r="B112" s="22">
        <v>0</v>
      </c>
      <c r="C112" s="14">
        <v>4</v>
      </c>
      <c r="D112" s="18">
        <v>4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3</v>
      </c>
      <c r="C114" s="14">
        <v>9</v>
      </c>
      <c r="D114" s="18">
        <v>12</v>
      </c>
    </row>
    <row r="115" spans="1:4" ht="18" customHeight="1" x14ac:dyDescent="0.15">
      <c r="A115" s="5">
        <v>90</v>
      </c>
      <c r="B115" s="22">
        <v>0</v>
      </c>
      <c r="C115" s="14">
        <v>0</v>
      </c>
      <c r="D115" s="18">
        <v>0</v>
      </c>
    </row>
    <row r="116" spans="1:4" ht="18" customHeight="1" x14ac:dyDescent="0.15">
      <c r="A116" s="5">
        <v>91</v>
      </c>
      <c r="B116" s="22">
        <v>0</v>
      </c>
      <c r="C116" s="14">
        <v>1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1</v>
      </c>
      <c r="C119" s="14">
        <v>0</v>
      </c>
      <c r="D119" s="18">
        <v>1</v>
      </c>
    </row>
    <row r="120" spans="1:4" ht="18" customHeight="1" x14ac:dyDescent="0.15">
      <c r="A120" s="5" t="s">
        <v>39</v>
      </c>
      <c r="B120" s="22">
        <v>1</v>
      </c>
      <c r="C120" s="14">
        <v>1</v>
      </c>
      <c r="D120" s="18">
        <v>2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5</v>
      </c>
      <c r="D126" s="18">
        <v>5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46</v>
      </c>
      <c r="C130" s="14">
        <v>50</v>
      </c>
      <c r="D130" s="18">
        <v>96</v>
      </c>
    </row>
    <row r="131" spans="1:4" ht="18" customHeight="1" x14ac:dyDescent="0.15">
      <c r="A131" s="7" t="s">
        <v>45</v>
      </c>
      <c r="B131" s="23">
        <v>115</v>
      </c>
      <c r="C131" s="15">
        <v>107</v>
      </c>
      <c r="D131" s="19">
        <v>22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6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1</v>
      </c>
      <c r="D5" s="31">
        <v>2</v>
      </c>
    </row>
    <row r="6" spans="1:4" ht="18" customHeight="1" x14ac:dyDescent="0.15">
      <c r="A6" s="5">
        <v>1</v>
      </c>
      <c r="B6" s="27">
        <v>3</v>
      </c>
      <c r="C6" s="14">
        <v>3</v>
      </c>
      <c r="D6" s="18">
        <v>6</v>
      </c>
    </row>
    <row r="7" spans="1:4" ht="18" customHeight="1" x14ac:dyDescent="0.15">
      <c r="A7" s="5">
        <v>2</v>
      </c>
      <c r="B7" s="27">
        <v>3</v>
      </c>
      <c r="C7" s="14">
        <v>2</v>
      </c>
      <c r="D7" s="18">
        <v>5</v>
      </c>
    </row>
    <row r="8" spans="1:4" ht="18" customHeight="1" x14ac:dyDescent="0.15">
      <c r="A8" s="5">
        <v>3</v>
      </c>
      <c r="B8" s="27">
        <v>4</v>
      </c>
      <c r="C8" s="14">
        <v>3</v>
      </c>
      <c r="D8" s="18">
        <v>7</v>
      </c>
    </row>
    <row r="9" spans="1:4" ht="18" customHeight="1" x14ac:dyDescent="0.15">
      <c r="A9" s="5">
        <v>4</v>
      </c>
      <c r="B9" s="28">
        <v>3</v>
      </c>
      <c r="C9" s="30">
        <v>3</v>
      </c>
      <c r="D9" s="32">
        <v>6</v>
      </c>
    </row>
    <row r="10" spans="1:4" ht="18" customHeight="1" x14ac:dyDescent="0.15">
      <c r="A10" s="5" t="s">
        <v>7</v>
      </c>
      <c r="B10" s="22">
        <v>14</v>
      </c>
      <c r="C10" s="14">
        <v>12</v>
      </c>
      <c r="D10" s="18">
        <v>26</v>
      </c>
    </row>
    <row r="11" spans="1:4" ht="18" customHeight="1" x14ac:dyDescent="0.15">
      <c r="A11" s="5">
        <v>5</v>
      </c>
      <c r="B11" s="27">
        <v>2</v>
      </c>
      <c r="C11" s="14">
        <v>3</v>
      </c>
      <c r="D11" s="18">
        <v>5</v>
      </c>
    </row>
    <row r="12" spans="1:4" ht="18" customHeight="1" x14ac:dyDescent="0.15">
      <c r="A12" s="5">
        <v>6</v>
      </c>
      <c r="B12" s="27">
        <v>2</v>
      </c>
      <c r="C12" s="14">
        <v>2</v>
      </c>
      <c r="D12" s="18">
        <v>4</v>
      </c>
    </row>
    <row r="13" spans="1:4" ht="18" customHeight="1" x14ac:dyDescent="0.15">
      <c r="A13" s="5">
        <v>7</v>
      </c>
      <c r="B13" s="27">
        <v>3</v>
      </c>
      <c r="C13" s="14">
        <v>5</v>
      </c>
      <c r="D13" s="18">
        <v>8</v>
      </c>
    </row>
    <row r="14" spans="1:4" ht="18" customHeight="1" x14ac:dyDescent="0.15">
      <c r="A14" s="5">
        <v>8</v>
      </c>
      <c r="B14" s="27">
        <v>5</v>
      </c>
      <c r="C14" s="14">
        <v>2</v>
      </c>
      <c r="D14" s="18">
        <v>7</v>
      </c>
    </row>
    <row r="15" spans="1:4" ht="18" customHeight="1" x14ac:dyDescent="0.15">
      <c r="A15" s="5">
        <v>9</v>
      </c>
      <c r="B15" s="27">
        <v>5</v>
      </c>
      <c r="C15" s="14">
        <v>5</v>
      </c>
      <c r="D15" s="18">
        <v>10</v>
      </c>
    </row>
    <row r="16" spans="1:4" ht="18" customHeight="1" x14ac:dyDescent="0.15">
      <c r="A16" s="5" t="s">
        <v>11</v>
      </c>
      <c r="B16" s="22">
        <v>17</v>
      </c>
      <c r="C16" s="14">
        <v>17</v>
      </c>
      <c r="D16" s="18">
        <v>34</v>
      </c>
    </row>
    <row r="17" spans="1:4" ht="18" customHeight="1" x14ac:dyDescent="0.15">
      <c r="A17" s="5">
        <v>10</v>
      </c>
      <c r="B17" s="22">
        <v>8</v>
      </c>
      <c r="C17" s="14">
        <v>3</v>
      </c>
      <c r="D17" s="18">
        <v>11</v>
      </c>
    </row>
    <row r="18" spans="1:4" ht="18" customHeight="1" x14ac:dyDescent="0.15">
      <c r="A18" s="5">
        <v>11</v>
      </c>
      <c r="B18" s="22">
        <v>4</v>
      </c>
      <c r="C18" s="14">
        <v>2</v>
      </c>
      <c r="D18" s="18">
        <v>6</v>
      </c>
    </row>
    <row r="19" spans="1:4" ht="18" customHeight="1" x14ac:dyDescent="0.15">
      <c r="A19" s="5">
        <v>12</v>
      </c>
      <c r="B19" s="22">
        <v>3</v>
      </c>
      <c r="C19" s="14">
        <v>7</v>
      </c>
      <c r="D19" s="18">
        <v>10</v>
      </c>
    </row>
    <row r="20" spans="1:4" ht="18" customHeight="1" x14ac:dyDescent="0.15">
      <c r="A20" s="5">
        <v>13</v>
      </c>
      <c r="B20" s="22">
        <v>1</v>
      </c>
      <c r="C20" s="14">
        <v>5</v>
      </c>
      <c r="D20" s="18">
        <v>6</v>
      </c>
    </row>
    <row r="21" spans="1:4" ht="18" customHeight="1" x14ac:dyDescent="0.15">
      <c r="A21" s="5">
        <v>14</v>
      </c>
      <c r="B21" s="22">
        <v>5</v>
      </c>
      <c r="C21" s="14">
        <v>3</v>
      </c>
      <c r="D21" s="18">
        <v>8</v>
      </c>
    </row>
    <row r="22" spans="1:4" ht="18" customHeight="1" x14ac:dyDescent="0.15">
      <c r="A22" s="5" t="s">
        <v>12</v>
      </c>
      <c r="B22" s="22">
        <v>21</v>
      </c>
      <c r="C22" s="14">
        <v>20</v>
      </c>
      <c r="D22" s="18">
        <v>41</v>
      </c>
    </row>
    <row r="23" spans="1:4" ht="18" customHeight="1" x14ac:dyDescent="0.15">
      <c r="A23" s="5" t="s">
        <v>6</v>
      </c>
      <c r="B23" s="22">
        <v>52</v>
      </c>
      <c r="C23" s="14">
        <v>49</v>
      </c>
      <c r="D23" s="18">
        <v>101</v>
      </c>
    </row>
    <row r="24" spans="1:4" ht="18" customHeight="1" x14ac:dyDescent="0.15">
      <c r="A24" s="5">
        <v>15</v>
      </c>
      <c r="B24" s="22">
        <v>6</v>
      </c>
      <c r="C24" s="14">
        <v>3</v>
      </c>
      <c r="D24" s="18">
        <v>9</v>
      </c>
    </row>
    <row r="25" spans="1:4" ht="18" customHeight="1" x14ac:dyDescent="0.15">
      <c r="A25" s="5">
        <v>16</v>
      </c>
      <c r="B25" s="22">
        <v>6</v>
      </c>
      <c r="C25" s="14">
        <v>5</v>
      </c>
      <c r="D25" s="18">
        <v>11</v>
      </c>
    </row>
    <row r="26" spans="1:4" ht="18" customHeight="1" x14ac:dyDescent="0.15">
      <c r="A26" s="5">
        <v>17</v>
      </c>
      <c r="B26" s="22">
        <v>8</v>
      </c>
      <c r="C26" s="14">
        <v>5</v>
      </c>
      <c r="D26" s="18">
        <v>13</v>
      </c>
    </row>
    <row r="27" spans="1:4" ht="18" customHeight="1" x14ac:dyDescent="0.15">
      <c r="A27" s="5">
        <v>18</v>
      </c>
      <c r="B27" s="22">
        <v>5</v>
      </c>
      <c r="C27" s="14">
        <v>8</v>
      </c>
      <c r="D27" s="18">
        <v>13</v>
      </c>
    </row>
    <row r="28" spans="1:4" ht="18" customHeight="1" x14ac:dyDescent="0.15">
      <c r="A28" s="5">
        <v>19</v>
      </c>
      <c r="B28" s="22">
        <v>10</v>
      </c>
      <c r="C28" s="14">
        <v>9</v>
      </c>
      <c r="D28" s="18">
        <v>19</v>
      </c>
    </row>
    <row r="29" spans="1:4" ht="18" customHeight="1" x14ac:dyDescent="0.15">
      <c r="A29" s="5" t="s">
        <v>14</v>
      </c>
      <c r="B29" s="22">
        <v>35</v>
      </c>
      <c r="C29" s="14">
        <v>30</v>
      </c>
      <c r="D29" s="18">
        <v>65</v>
      </c>
    </row>
    <row r="30" spans="1:4" ht="18" customHeight="1" x14ac:dyDescent="0.15">
      <c r="A30" s="5">
        <v>20</v>
      </c>
      <c r="B30" s="22">
        <v>3</v>
      </c>
      <c r="C30" s="14">
        <v>7</v>
      </c>
      <c r="D30" s="18">
        <v>10</v>
      </c>
    </row>
    <row r="31" spans="1:4" ht="18" customHeight="1" x14ac:dyDescent="0.15">
      <c r="A31" s="5">
        <v>21</v>
      </c>
      <c r="B31" s="22">
        <v>9</v>
      </c>
      <c r="C31" s="14">
        <v>7</v>
      </c>
      <c r="D31" s="18">
        <v>16</v>
      </c>
    </row>
    <row r="32" spans="1:4" ht="18" customHeight="1" x14ac:dyDescent="0.15">
      <c r="A32" s="5">
        <v>22</v>
      </c>
      <c r="B32" s="22">
        <v>8</v>
      </c>
      <c r="C32" s="14">
        <v>12</v>
      </c>
      <c r="D32" s="18">
        <v>20</v>
      </c>
    </row>
    <row r="33" spans="1:4" ht="18" customHeight="1" x14ac:dyDescent="0.15">
      <c r="A33" s="5">
        <v>23</v>
      </c>
      <c r="B33" s="22">
        <v>6</v>
      </c>
      <c r="C33" s="14">
        <v>1</v>
      </c>
      <c r="D33" s="18">
        <v>7</v>
      </c>
    </row>
    <row r="34" spans="1:4" ht="18" customHeight="1" x14ac:dyDescent="0.15">
      <c r="A34" s="5">
        <v>24</v>
      </c>
      <c r="B34" s="22">
        <v>7</v>
      </c>
      <c r="C34" s="14">
        <v>5</v>
      </c>
      <c r="D34" s="18">
        <v>12</v>
      </c>
    </row>
    <row r="35" spans="1:4" ht="18" customHeight="1" x14ac:dyDescent="0.15">
      <c r="A35" s="5" t="s">
        <v>9</v>
      </c>
      <c r="B35" s="22">
        <v>33</v>
      </c>
      <c r="C35" s="14">
        <v>32</v>
      </c>
      <c r="D35" s="18">
        <v>65</v>
      </c>
    </row>
    <row r="36" spans="1:4" ht="18" customHeight="1" x14ac:dyDescent="0.15">
      <c r="A36" s="5">
        <v>25</v>
      </c>
      <c r="B36" s="22">
        <v>6</v>
      </c>
      <c r="C36" s="14">
        <v>3</v>
      </c>
      <c r="D36" s="18">
        <v>9</v>
      </c>
    </row>
    <row r="37" spans="1:4" ht="18" customHeight="1" x14ac:dyDescent="0.15">
      <c r="A37" s="5">
        <v>26</v>
      </c>
      <c r="B37" s="22">
        <v>5</v>
      </c>
      <c r="C37" s="14">
        <v>5</v>
      </c>
      <c r="D37" s="18">
        <v>10</v>
      </c>
    </row>
    <row r="38" spans="1:4" ht="18" customHeight="1" x14ac:dyDescent="0.15">
      <c r="A38" s="5">
        <v>27</v>
      </c>
      <c r="B38" s="22">
        <v>3</v>
      </c>
      <c r="C38" s="14">
        <v>6</v>
      </c>
      <c r="D38" s="18">
        <v>9</v>
      </c>
    </row>
    <row r="39" spans="1:4" ht="18" customHeight="1" x14ac:dyDescent="0.15">
      <c r="A39" s="5">
        <v>28</v>
      </c>
      <c r="B39" s="22">
        <v>7</v>
      </c>
      <c r="C39" s="14">
        <v>4</v>
      </c>
      <c r="D39" s="18">
        <v>11</v>
      </c>
    </row>
    <row r="40" spans="1:4" ht="18" customHeight="1" x14ac:dyDescent="0.15">
      <c r="A40" s="5">
        <v>29</v>
      </c>
      <c r="B40" s="22">
        <v>8</v>
      </c>
      <c r="C40" s="14">
        <v>3</v>
      </c>
      <c r="D40" s="18">
        <v>11</v>
      </c>
    </row>
    <row r="41" spans="1:4" ht="18" customHeight="1" x14ac:dyDescent="0.15">
      <c r="A41" s="5" t="s">
        <v>2</v>
      </c>
      <c r="B41" s="22">
        <v>29</v>
      </c>
      <c r="C41" s="14">
        <v>21</v>
      </c>
      <c r="D41" s="18">
        <v>50</v>
      </c>
    </row>
    <row r="42" spans="1:4" ht="18" customHeight="1" x14ac:dyDescent="0.15">
      <c r="A42" s="5">
        <v>30</v>
      </c>
      <c r="B42" s="22">
        <v>6</v>
      </c>
      <c r="C42" s="14">
        <v>4</v>
      </c>
      <c r="D42" s="18">
        <v>10</v>
      </c>
    </row>
    <row r="43" spans="1:4" ht="18" customHeight="1" x14ac:dyDescent="0.15">
      <c r="A43" s="5">
        <v>31</v>
      </c>
      <c r="B43" s="22">
        <v>9</v>
      </c>
      <c r="C43" s="14">
        <v>3</v>
      </c>
      <c r="D43" s="18">
        <v>12</v>
      </c>
    </row>
    <row r="44" spans="1:4" ht="18" customHeight="1" x14ac:dyDescent="0.15">
      <c r="A44" s="5">
        <v>32</v>
      </c>
      <c r="B44" s="22">
        <v>8</v>
      </c>
      <c r="C44" s="14">
        <v>5</v>
      </c>
      <c r="D44" s="18">
        <v>13</v>
      </c>
    </row>
    <row r="45" spans="1:4" ht="18" customHeight="1" x14ac:dyDescent="0.15">
      <c r="A45" s="5">
        <v>33</v>
      </c>
      <c r="B45" s="22">
        <v>8</v>
      </c>
      <c r="C45" s="14">
        <v>5</v>
      </c>
      <c r="D45" s="18">
        <v>13</v>
      </c>
    </row>
    <row r="46" spans="1:4" ht="18" customHeight="1" x14ac:dyDescent="0.15">
      <c r="A46" s="5">
        <v>34</v>
      </c>
      <c r="B46" s="22">
        <v>11</v>
      </c>
      <c r="C46" s="14">
        <v>5</v>
      </c>
      <c r="D46" s="18">
        <v>16</v>
      </c>
    </row>
    <row r="47" spans="1:4" ht="18" customHeight="1" x14ac:dyDescent="0.15">
      <c r="A47" s="5" t="s">
        <v>15</v>
      </c>
      <c r="B47" s="22">
        <v>42</v>
      </c>
      <c r="C47" s="14">
        <v>22</v>
      </c>
      <c r="D47" s="18">
        <v>64</v>
      </c>
    </row>
    <row r="48" spans="1:4" ht="18" customHeight="1" x14ac:dyDescent="0.15">
      <c r="A48" s="5">
        <v>35</v>
      </c>
      <c r="B48" s="22">
        <v>12</v>
      </c>
      <c r="C48" s="14">
        <v>9</v>
      </c>
      <c r="D48" s="18">
        <v>21</v>
      </c>
    </row>
    <row r="49" spans="1:4" ht="18" customHeight="1" x14ac:dyDescent="0.15">
      <c r="A49" s="5">
        <v>36</v>
      </c>
      <c r="B49" s="22">
        <v>6</v>
      </c>
      <c r="C49" s="14">
        <v>9</v>
      </c>
      <c r="D49" s="18">
        <v>15</v>
      </c>
    </row>
    <row r="50" spans="1:4" ht="18" customHeight="1" x14ac:dyDescent="0.15">
      <c r="A50" s="5">
        <v>37</v>
      </c>
      <c r="B50" s="22">
        <v>8</v>
      </c>
      <c r="C50" s="14">
        <v>10</v>
      </c>
      <c r="D50" s="18">
        <v>18</v>
      </c>
    </row>
    <row r="51" spans="1:4" ht="18" customHeight="1" x14ac:dyDescent="0.15">
      <c r="A51" s="5">
        <v>38</v>
      </c>
      <c r="B51" s="22">
        <v>10</v>
      </c>
      <c r="C51" s="14">
        <v>4</v>
      </c>
      <c r="D51" s="18">
        <v>14</v>
      </c>
    </row>
    <row r="52" spans="1:4" ht="18" customHeight="1" x14ac:dyDescent="0.15">
      <c r="A52" s="5">
        <v>39</v>
      </c>
      <c r="B52" s="22">
        <v>12</v>
      </c>
      <c r="C52" s="14">
        <v>13</v>
      </c>
      <c r="D52" s="18">
        <v>25</v>
      </c>
    </row>
    <row r="53" spans="1:4" ht="18" customHeight="1" x14ac:dyDescent="0.15">
      <c r="A53" s="5" t="s">
        <v>18</v>
      </c>
      <c r="B53" s="22">
        <v>48</v>
      </c>
      <c r="C53" s="14">
        <v>45</v>
      </c>
      <c r="D53" s="18">
        <v>93</v>
      </c>
    </row>
    <row r="54" spans="1:4" ht="18" customHeight="1" x14ac:dyDescent="0.15">
      <c r="A54" s="5">
        <v>40</v>
      </c>
      <c r="B54" s="22">
        <v>9</v>
      </c>
      <c r="C54" s="14">
        <v>8</v>
      </c>
      <c r="D54" s="18">
        <v>17</v>
      </c>
    </row>
    <row r="55" spans="1:4" ht="18" customHeight="1" x14ac:dyDescent="0.15">
      <c r="A55" s="5">
        <v>41</v>
      </c>
      <c r="B55" s="22">
        <v>12</v>
      </c>
      <c r="C55" s="14">
        <v>9</v>
      </c>
      <c r="D55" s="18">
        <v>21</v>
      </c>
    </row>
    <row r="56" spans="1:4" ht="18" customHeight="1" x14ac:dyDescent="0.15">
      <c r="A56" s="5">
        <v>42</v>
      </c>
      <c r="B56" s="22">
        <v>16</v>
      </c>
      <c r="C56" s="14">
        <v>6</v>
      </c>
      <c r="D56" s="18">
        <v>22</v>
      </c>
    </row>
    <row r="57" spans="1:4" ht="18" customHeight="1" x14ac:dyDescent="0.15">
      <c r="A57" s="5">
        <v>43</v>
      </c>
      <c r="B57" s="22">
        <v>16</v>
      </c>
      <c r="C57" s="14">
        <v>19</v>
      </c>
      <c r="D57" s="18">
        <v>35</v>
      </c>
    </row>
    <row r="58" spans="1:4" ht="18" customHeight="1" x14ac:dyDescent="0.15">
      <c r="A58" s="5">
        <v>44</v>
      </c>
      <c r="B58" s="22">
        <v>20</v>
      </c>
      <c r="C58" s="14">
        <v>10</v>
      </c>
      <c r="D58" s="18">
        <v>30</v>
      </c>
    </row>
    <row r="59" spans="1:4" ht="18" customHeight="1" x14ac:dyDescent="0.15">
      <c r="A59" s="5" t="s">
        <v>21</v>
      </c>
      <c r="B59" s="22">
        <v>73</v>
      </c>
      <c r="C59" s="14">
        <v>52</v>
      </c>
      <c r="D59" s="18">
        <v>125</v>
      </c>
    </row>
    <row r="60" spans="1:4" ht="18" customHeight="1" x14ac:dyDescent="0.15">
      <c r="A60" s="5">
        <v>45</v>
      </c>
      <c r="B60" s="22">
        <v>10</v>
      </c>
      <c r="C60" s="14">
        <v>11</v>
      </c>
      <c r="D60" s="18">
        <v>21</v>
      </c>
    </row>
    <row r="61" spans="1:4" ht="18" customHeight="1" x14ac:dyDescent="0.15">
      <c r="A61" s="5">
        <v>46</v>
      </c>
      <c r="B61" s="22">
        <v>11</v>
      </c>
      <c r="C61" s="14">
        <v>8</v>
      </c>
      <c r="D61" s="18">
        <v>19</v>
      </c>
    </row>
    <row r="62" spans="1:4" ht="18" customHeight="1" x14ac:dyDescent="0.15">
      <c r="A62" s="5">
        <v>47</v>
      </c>
      <c r="B62" s="22">
        <v>14</v>
      </c>
      <c r="C62" s="14">
        <v>10</v>
      </c>
      <c r="D62" s="18">
        <v>24</v>
      </c>
    </row>
    <row r="63" spans="1:4" ht="18" customHeight="1" x14ac:dyDescent="0.15">
      <c r="A63" s="5">
        <v>48</v>
      </c>
      <c r="B63" s="22">
        <v>15</v>
      </c>
      <c r="C63" s="14">
        <v>10</v>
      </c>
      <c r="D63" s="18">
        <v>25</v>
      </c>
    </row>
    <row r="64" spans="1:4" ht="18" customHeight="1" x14ac:dyDescent="0.15">
      <c r="A64" s="5">
        <v>49</v>
      </c>
      <c r="B64" s="22">
        <v>14</v>
      </c>
      <c r="C64" s="14">
        <v>13</v>
      </c>
      <c r="D64" s="18">
        <v>27</v>
      </c>
    </row>
    <row r="65" spans="1:4" ht="18" customHeight="1" x14ac:dyDescent="0.15">
      <c r="A65" s="5" t="s">
        <v>17</v>
      </c>
      <c r="B65" s="22">
        <v>64</v>
      </c>
      <c r="C65" s="14">
        <v>52</v>
      </c>
      <c r="D65" s="18">
        <v>116</v>
      </c>
    </row>
    <row r="66" spans="1:4" ht="18" customHeight="1" x14ac:dyDescent="0.15">
      <c r="A66" s="5">
        <v>50</v>
      </c>
      <c r="B66" s="22">
        <v>20</v>
      </c>
      <c r="C66" s="14">
        <v>17</v>
      </c>
      <c r="D66" s="18">
        <v>37</v>
      </c>
    </row>
    <row r="67" spans="1:4" ht="18" customHeight="1" x14ac:dyDescent="0.15">
      <c r="A67" s="5">
        <v>51</v>
      </c>
      <c r="B67" s="22">
        <v>17</v>
      </c>
      <c r="C67" s="14">
        <v>8</v>
      </c>
      <c r="D67" s="18">
        <v>25</v>
      </c>
    </row>
    <row r="68" spans="1:4" ht="18" customHeight="1" x14ac:dyDescent="0.15">
      <c r="A68" s="5">
        <v>52</v>
      </c>
      <c r="B68" s="22">
        <v>10</v>
      </c>
      <c r="C68" s="14">
        <v>9</v>
      </c>
      <c r="D68" s="18">
        <v>19</v>
      </c>
    </row>
    <row r="69" spans="1:4" ht="18" customHeight="1" x14ac:dyDescent="0.15">
      <c r="A69" s="5">
        <v>53</v>
      </c>
      <c r="B69" s="22">
        <v>13</v>
      </c>
      <c r="C69" s="14">
        <v>5</v>
      </c>
      <c r="D69" s="18">
        <v>18</v>
      </c>
    </row>
    <row r="70" spans="1:4" ht="18" customHeight="1" x14ac:dyDescent="0.15">
      <c r="A70" s="5">
        <v>54</v>
      </c>
      <c r="B70" s="22">
        <v>13</v>
      </c>
      <c r="C70" s="14">
        <v>12</v>
      </c>
      <c r="D70" s="18">
        <v>25</v>
      </c>
    </row>
    <row r="71" spans="1:4" ht="18" customHeight="1" x14ac:dyDescent="0.15">
      <c r="A71" s="5" t="s">
        <v>22</v>
      </c>
      <c r="B71" s="22">
        <v>73</v>
      </c>
      <c r="C71" s="14">
        <v>51</v>
      </c>
      <c r="D71" s="18">
        <v>124</v>
      </c>
    </row>
    <row r="72" spans="1:4" ht="18" customHeight="1" x14ac:dyDescent="0.15">
      <c r="A72" s="5">
        <v>55</v>
      </c>
      <c r="B72" s="22">
        <v>19</v>
      </c>
      <c r="C72" s="14">
        <v>15</v>
      </c>
      <c r="D72" s="18">
        <v>34</v>
      </c>
    </row>
    <row r="73" spans="1:4" ht="18" customHeight="1" x14ac:dyDescent="0.15">
      <c r="A73" s="5">
        <v>56</v>
      </c>
      <c r="B73" s="22">
        <v>11</v>
      </c>
      <c r="C73" s="14">
        <v>12</v>
      </c>
      <c r="D73" s="18">
        <v>23</v>
      </c>
    </row>
    <row r="74" spans="1:4" ht="18" customHeight="1" x14ac:dyDescent="0.15">
      <c r="A74" s="5">
        <v>57</v>
      </c>
      <c r="B74" s="22">
        <v>8</v>
      </c>
      <c r="C74" s="14">
        <v>8</v>
      </c>
      <c r="D74" s="18">
        <v>16</v>
      </c>
    </row>
    <row r="75" spans="1:4" ht="18" customHeight="1" x14ac:dyDescent="0.15">
      <c r="A75" s="5">
        <v>58</v>
      </c>
      <c r="B75" s="22">
        <v>14</v>
      </c>
      <c r="C75" s="14">
        <v>9</v>
      </c>
      <c r="D75" s="18">
        <v>23</v>
      </c>
    </row>
    <row r="76" spans="1:4" ht="18" customHeight="1" x14ac:dyDescent="0.15">
      <c r="A76" s="5">
        <v>59</v>
      </c>
      <c r="B76" s="22">
        <v>11</v>
      </c>
      <c r="C76" s="14">
        <v>10</v>
      </c>
      <c r="D76" s="18">
        <v>21</v>
      </c>
    </row>
    <row r="77" spans="1:4" ht="18" customHeight="1" x14ac:dyDescent="0.15">
      <c r="A77" s="5" t="s">
        <v>27</v>
      </c>
      <c r="B77" s="22">
        <v>63</v>
      </c>
      <c r="C77" s="14">
        <v>54</v>
      </c>
      <c r="D77" s="18">
        <v>117</v>
      </c>
    </row>
    <row r="78" spans="1:4" ht="18" customHeight="1" x14ac:dyDescent="0.15">
      <c r="A78" s="5">
        <v>60</v>
      </c>
      <c r="B78" s="22">
        <v>13</v>
      </c>
      <c r="C78" s="14">
        <v>12</v>
      </c>
      <c r="D78" s="18">
        <v>25</v>
      </c>
    </row>
    <row r="79" spans="1:4" ht="18" customHeight="1" x14ac:dyDescent="0.15">
      <c r="A79" s="5">
        <v>61</v>
      </c>
      <c r="B79" s="22">
        <v>15</v>
      </c>
      <c r="C79" s="14">
        <v>15</v>
      </c>
      <c r="D79" s="18">
        <v>30</v>
      </c>
    </row>
    <row r="80" spans="1:4" ht="18" customHeight="1" x14ac:dyDescent="0.15">
      <c r="A80" s="5">
        <v>62</v>
      </c>
      <c r="B80" s="22">
        <v>14</v>
      </c>
      <c r="C80" s="14">
        <v>10</v>
      </c>
      <c r="D80" s="18">
        <v>24</v>
      </c>
    </row>
    <row r="81" spans="1:4" ht="18" customHeight="1" x14ac:dyDescent="0.15">
      <c r="A81" s="5">
        <v>63</v>
      </c>
      <c r="B81" s="22">
        <v>8</v>
      </c>
      <c r="C81" s="14">
        <v>10</v>
      </c>
      <c r="D81" s="18">
        <v>18</v>
      </c>
    </row>
    <row r="82" spans="1:4" ht="18" customHeight="1" x14ac:dyDescent="0.15">
      <c r="A82" s="5">
        <v>64</v>
      </c>
      <c r="B82" s="22">
        <v>11</v>
      </c>
      <c r="C82" s="14">
        <v>15</v>
      </c>
      <c r="D82" s="18">
        <v>26</v>
      </c>
    </row>
    <row r="83" spans="1:4" ht="18" customHeight="1" x14ac:dyDescent="0.15">
      <c r="A83" s="5" t="s">
        <v>28</v>
      </c>
      <c r="B83" s="22">
        <v>61</v>
      </c>
      <c r="C83" s="14">
        <v>62</v>
      </c>
      <c r="D83" s="18">
        <v>123</v>
      </c>
    </row>
    <row r="84" spans="1:4" ht="18" customHeight="1" x14ac:dyDescent="0.15">
      <c r="A84" s="5" t="s">
        <v>31</v>
      </c>
      <c r="B84" s="22">
        <v>521</v>
      </c>
      <c r="C84" s="14">
        <v>421</v>
      </c>
      <c r="D84" s="18">
        <v>942</v>
      </c>
    </row>
    <row r="85" spans="1:4" ht="18" customHeight="1" x14ac:dyDescent="0.15">
      <c r="A85" s="5">
        <v>65</v>
      </c>
      <c r="B85" s="22">
        <v>12</v>
      </c>
      <c r="C85" s="14">
        <v>14</v>
      </c>
      <c r="D85" s="18">
        <v>26</v>
      </c>
    </row>
    <row r="86" spans="1:4" ht="18" customHeight="1" x14ac:dyDescent="0.15">
      <c r="A86" s="5">
        <v>66</v>
      </c>
      <c r="B86" s="22">
        <v>11</v>
      </c>
      <c r="C86" s="14">
        <v>20</v>
      </c>
      <c r="D86" s="18">
        <v>31</v>
      </c>
    </row>
    <row r="87" spans="1:4" ht="18" customHeight="1" x14ac:dyDescent="0.15">
      <c r="A87" s="5">
        <v>67</v>
      </c>
      <c r="B87" s="22">
        <v>10</v>
      </c>
      <c r="C87" s="14">
        <v>21</v>
      </c>
      <c r="D87" s="18">
        <v>31</v>
      </c>
    </row>
    <row r="88" spans="1:4" ht="18" customHeight="1" x14ac:dyDescent="0.15">
      <c r="A88" s="5">
        <v>68</v>
      </c>
      <c r="B88" s="22">
        <v>16</v>
      </c>
      <c r="C88" s="14">
        <v>21</v>
      </c>
      <c r="D88" s="18">
        <v>37</v>
      </c>
    </row>
    <row r="89" spans="1:4" ht="18" customHeight="1" x14ac:dyDescent="0.15">
      <c r="A89" s="5">
        <v>69</v>
      </c>
      <c r="B89" s="22">
        <v>27</v>
      </c>
      <c r="C89" s="14">
        <v>18</v>
      </c>
      <c r="D89" s="18">
        <v>45</v>
      </c>
    </row>
    <row r="90" spans="1:4" ht="18" customHeight="1" x14ac:dyDescent="0.15">
      <c r="A90" s="5" t="s">
        <v>20</v>
      </c>
      <c r="B90" s="22">
        <v>76</v>
      </c>
      <c r="C90" s="14">
        <v>94</v>
      </c>
      <c r="D90" s="18">
        <v>170</v>
      </c>
    </row>
    <row r="91" spans="1:4" ht="18" customHeight="1" x14ac:dyDescent="0.15">
      <c r="A91" s="5">
        <v>70</v>
      </c>
      <c r="B91" s="22">
        <v>15</v>
      </c>
      <c r="C91" s="14">
        <v>14</v>
      </c>
      <c r="D91" s="18">
        <v>29</v>
      </c>
    </row>
    <row r="92" spans="1:4" ht="18" customHeight="1" x14ac:dyDescent="0.15">
      <c r="A92" s="5">
        <v>71</v>
      </c>
      <c r="B92" s="22">
        <v>30</v>
      </c>
      <c r="C92" s="14">
        <v>17</v>
      </c>
      <c r="D92" s="18">
        <v>47</v>
      </c>
    </row>
    <row r="93" spans="1:4" ht="18" customHeight="1" x14ac:dyDescent="0.15">
      <c r="A93" s="5">
        <v>72</v>
      </c>
      <c r="B93" s="22">
        <v>24</v>
      </c>
      <c r="C93" s="14">
        <v>22</v>
      </c>
      <c r="D93" s="18">
        <v>46</v>
      </c>
    </row>
    <row r="94" spans="1:4" ht="18" customHeight="1" x14ac:dyDescent="0.15">
      <c r="A94" s="5">
        <v>73</v>
      </c>
      <c r="B94" s="22">
        <v>18</v>
      </c>
      <c r="C94" s="14">
        <v>16</v>
      </c>
      <c r="D94" s="18">
        <v>34</v>
      </c>
    </row>
    <row r="95" spans="1:4" ht="18" customHeight="1" x14ac:dyDescent="0.15">
      <c r="A95" s="5">
        <v>74</v>
      </c>
      <c r="B95" s="22">
        <v>21</v>
      </c>
      <c r="C95" s="14">
        <v>6</v>
      </c>
      <c r="D95" s="18">
        <v>27</v>
      </c>
    </row>
    <row r="96" spans="1:4" ht="18" customHeight="1" x14ac:dyDescent="0.15">
      <c r="A96" s="5" t="s">
        <v>33</v>
      </c>
      <c r="B96" s="22">
        <v>108</v>
      </c>
      <c r="C96" s="14">
        <v>75</v>
      </c>
      <c r="D96" s="18">
        <v>183</v>
      </c>
    </row>
    <row r="97" spans="1:4" ht="18" customHeight="1" x14ac:dyDescent="0.15">
      <c r="A97" s="5">
        <v>75</v>
      </c>
      <c r="B97" s="22">
        <v>18</v>
      </c>
      <c r="C97" s="14">
        <v>16</v>
      </c>
      <c r="D97" s="18">
        <v>34</v>
      </c>
    </row>
    <row r="98" spans="1:4" ht="18" customHeight="1" x14ac:dyDescent="0.15">
      <c r="A98" s="5">
        <v>76</v>
      </c>
      <c r="B98" s="22">
        <v>16</v>
      </c>
      <c r="C98" s="14">
        <v>20</v>
      </c>
      <c r="D98" s="18">
        <v>36</v>
      </c>
    </row>
    <row r="99" spans="1:4" ht="18" customHeight="1" x14ac:dyDescent="0.15">
      <c r="A99" s="5">
        <v>77</v>
      </c>
      <c r="B99" s="22">
        <v>17</v>
      </c>
      <c r="C99" s="14">
        <v>14</v>
      </c>
      <c r="D99" s="18">
        <v>31</v>
      </c>
    </row>
    <row r="100" spans="1:4" ht="18" customHeight="1" x14ac:dyDescent="0.15">
      <c r="A100" s="5">
        <v>78</v>
      </c>
      <c r="B100" s="22">
        <v>23</v>
      </c>
      <c r="C100" s="14">
        <v>27</v>
      </c>
      <c r="D100" s="18">
        <v>50</v>
      </c>
    </row>
    <row r="101" spans="1:4" ht="18" customHeight="1" x14ac:dyDescent="0.15">
      <c r="A101" s="5">
        <v>79</v>
      </c>
      <c r="B101" s="22">
        <v>11</v>
      </c>
      <c r="C101" s="14">
        <v>17</v>
      </c>
      <c r="D101" s="18">
        <v>28</v>
      </c>
    </row>
    <row r="102" spans="1:4" ht="18" customHeight="1" x14ac:dyDescent="0.15">
      <c r="A102" s="5" t="s">
        <v>0</v>
      </c>
      <c r="B102" s="22">
        <v>85</v>
      </c>
      <c r="C102" s="14">
        <v>94</v>
      </c>
      <c r="D102" s="18">
        <v>179</v>
      </c>
    </row>
    <row r="103" spans="1:4" ht="18" customHeight="1" x14ac:dyDescent="0.15">
      <c r="A103" s="5">
        <v>80</v>
      </c>
      <c r="B103" s="22">
        <v>8</v>
      </c>
      <c r="C103" s="14">
        <v>11</v>
      </c>
      <c r="D103" s="18">
        <v>19</v>
      </c>
    </row>
    <row r="104" spans="1:4" ht="18" customHeight="1" x14ac:dyDescent="0.15">
      <c r="A104" s="5">
        <v>81</v>
      </c>
      <c r="B104" s="22">
        <v>12</v>
      </c>
      <c r="C104" s="14">
        <v>13</v>
      </c>
      <c r="D104" s="18">
        <v>25</v>
      </c>
    </row>
    <row r="105" spans="1:4" ht="18" customHeight="1" x14ac:dyDescent="0.15">
      <c r="A105" s="5">
        <v>82</v>
      </c>
      <c r="B105" s="22">
        <v>6</v>
      </c>
      <c r="C105" s="14">
        <v>12</v>
      </c>
      <c r="D105" s="18">
        <v>18</v>
      </c>
    </row>
    <row r="106" spans="1:4" ht="18" customHeight="1" x14ac:dyDescent="0.15">
      <c r="A106" s="5">
        <v>83</v>
      </c>
      <c r="B106" s="22">
        <v>6</v>
      </c>
      <c r="C106" s="14">
        <v>13</v>
      </c>
      <c r="D106" s="18">
        <v>19</v>
      </c>
    </row>
    <row r="107" spans="1:4" ht="18" customHeight="1" x14ac:dyDescent="0.15">
      <c r="A107" s="5">
        <v>84</v>
      </c>
      <c r="B107" s="22">
        <v>6</v>
      </c>
      <c r="C107" s="14">
        <v>12</v>
      </c>
      <c r="D107" s="18">
        <v>18</v>
      </c>
    </row>
    <row r="108" spans="1:4" ht="18" customHeight="1" x14ac:dyDescent="0.15">
      <c r="A108" s="5" t="s">
        <v>35</v>
      </c>
      <c r="B108" s="22">
        <v>38</v>
      </c>
      <c r="C108" s="14">
        <v>61</v>
      </c>
      <c r="D108" s="18">
        <v>99</v>
      </c>
    </row>
    <row r="109" spans="1:4" ht="18" customHeight="1" x14ac:dyDescent="0.15">
      <c r="A109" s="5">
        <v>85</v>
      </c>
      <c r="B109" s="22">
        <v>3</v>
      </c>
      <c r="C109" s="14">
        <v>10</v>
      </c>
      <c r="D109" s="18">
        <v>13</v>
      </c>
    </row>
    <row r="110" spans="1:4" ht="18" customHeight="1" x14ac:dyDescent="0.15">
      <c r="A110" s="5">
        <v>86</v>
      </c>
      <c r="B110" s="22">
        <v>10</v>
      </c>
      <c r="C110" s="14">
        <v>10</v>
      </c>
      <c r="D110" s="18">
        <v>20</v>
      </c>
    </row>
    <row r="111" spans="1:4" ht="18" customHeight="1" x14ac:dyDescent="0.15">
      <c r="A111" s="5">
        <v>87</v>
      </c>
      <c r="B111" s="22">
        <v>6</v>
      </c>
      <c r="C111" s="14">
        <v>6</v>
      </c>
      <c r="D111" s="18">
        <v>12</v>
      </c>
    </row>
    <row r="112" spans="1:4" ht="18" customHeight="1" x14ac:dyDescent="0.15">
      <c r="A112" s="5">
        <v>88</v>
      </c>
      <c r="B112" s="22">
        <v>3</v>
      </c>
      <c r="C112" s="14">
        <v>12</v>
      </c>
      <c r="D112" s="18">
        <v>15</v>
      </c>
    </row>
    <row r="113" spans="1:4" ht="18" customHeight="1" x14ac:dyDescent="0.15">
      <c r="A113" s="5">
        <v>89</v>
      </c>
      <c r="B113" s="22">
        <v>5</v>
      </c>
      <c r="C113" s="14">
        <v>14</v>
      </c>
      <c r="D113" s="18">
        <v>19</v>
      </c>
    </row>
    <row r="114" spans="1:4" ht="18" customHeight="1" x14ac:dyDescent="0.15">
      <c r="A114" s="5" t="s">
        <v>37</v>
      </c>
      <c r="B114" s="22">
        <v>27</v>
      </c>
      <c r="C114" s="14">
        <v>52</v>
      </c>
      <c r="D114" s="18">
        <v>79</v>
      </c>
    </row>
    <row r="115" spans="1:4" ht="18" customHeight="1" x14ac:dyDescent="0.15">
      <c r="A115" s="5">
        <v>90</v>
      </c>
      <c r="B115" s="22">
        <v>1</v>
      </c>
      <c r="C115" s="14">
        <v>8</v>
      </c>
      <c r="D115" s="18">
        <v>9</v>
      </c>
    </row>
    <row r="116" spans="1:4" ht="18" customHeight="1" x14ac:dyDescent="0.15">
      <c r="A116" s="5">
        <v>91</v>
      </c>
      <c r="B116" s="22">
        <v>2</v>
      </c>
      <c r="C116" s="14">
        <v>8</v>
      </c>
      <c r="D116" s="18">
        <v>10</v>
      </c>
    </row>
    <row r="117" spans="1:4" ht="18" customHeight="1" x14ac:dyDescent="0.15">
      <c r="A117" s="5">
        <v>92</v>
      </c>
      <c r="B117" s="22">
        <v>2</v>
      </c>
      <c r="C117" s="14">
        <v>10</v>
      </c>
      <c r="D117" s="18">
        <v>12</v>
      </c>
    </row>
    <row r="118" spans="1:4" ht="18" customHeight="1" x14ac:dyDescent="0.15">
      <c r="A118" s="5">
        <v>93</v>
      </c>
      <c r="B118" s="22">
        <v>1</v>
      </c>
      <c r="C118" s="14">
        <v>6</v>
      </c>
      <c r="D118" s="18">
        <v>7</v>
      </c>
    </row>
    <row r="119" spans="1:4" ht="18" customHeight="1" x14ac:dyDescent="0.15">
      <c r="A119" s="5">
        <v>94</v>
      </c>
      <c r="B119" s="22">
        <v>4</v>
      </c>
      <c r="C119" s="14">
        <v>8</v>
      </c>
      <c r="D119" s="18">
        <v>12</v>
      </c>
    </row>
    <row r="120" spans="1:4" ht="18" customHeight="1" x14ac:dyDescent="0.15">
      <c r="A120" s="5" t="s">
        <v>39</v>
      </c>
      <c r="B120" s="22">
        <v>10</v>
      </c>
      <c r="C120" s="14">
        <v>40</v>
      </c>
      <c r="D120" s="18">
        <v>50</v>
      </c>
    </row>
    <row r="121" spans="1:4" ht="18" customHeight="1" x14ac:dyDescent="0.15">
      <c r="A121" s="5">
        <v>95</v>
      </c>
      <c r="B121" s="22">
        <v>2</v>
      </c>
      <c r="C121" s="14">
        <v>6</v>
      </c>
      <c r="D121" s="18">
        <v>8</v>
      </c>
    </row>
    <row r="122" spans="1:4" ht="18" customHeight="1" x14ac:dyDescent="0.15">
      <c r="A122" s="5">
        <v>96</v>
      </c>
      <c r="B122" s="22">
        <v>2</v>
      </c>
      <c r="C122" s="14">
        <v>4</v>
      </c>
      <c r="D122" s="18">
        <v>6</v>
      </c>
    </row>
    <row r="123" spans="1:4" ht="18" customHeight="1" x14ac:dyDescent="0.15">
      <c r="A123" s="5">
        <v>97</v>
      </c>
      <c r="B123" s="22">
        <v>2</v>
      </c>
      <c r="C123" s="14">
        <v>3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1</v>
      </c>
      <c r="C125" s="14">
        <v>3</v>
      </c>
      <c r="D125" s="18">
        <v>4</v>
      </c>
    </row>
    <row r="126" spans="1:4" ht="18" customHeight="1" x14ac:dyDescent="0.15">
      <c r="A126" s="5" t="s">
        <v>40</v>
      </c>
      <c r="B126" s="22">
        <v>7</v>
      </c>
      <c r="C126" s="14">
        <v>17</v>
      </c>
      <c r="D126" s="18">
        <v>24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351</v>
      </c>
      <c r="C130" s="14">
        <v>436</v>
      </c>
      <c r="D130" s="18">
        <v>787</v>
      </c>
    </row>
    <row r="131" spans="1:4" ht="18" customHeight="1" x14ac:dyDescent="0.15">
      <c r="A131" s="7" t="s">
        <v>45</v>
      </c>
      <c r="B131" s="23">
        <v>924</v>
      </c>
      <c r="C131" s="15">
        <v>906</v>
      </c>
      <c r="D131" s="19">
        <v>183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6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25</v>
      </c>
      <c r="C5" s="29">
        <v>17</v>
      </c>
      <c r="D5" s="31">
        <v>42</v>
      </c>
    </row>
    <row r="6" spans="1:4" ht="18" customHeight="1" x14ac:dyDescent="0.15">
      <c r="A6" s="5">
        <v>1</v>
      </c>
      <c r="B6" s="27">
        <v>18</v>
      </c>
      <c r="C6" s="14">
        <v>26</v>
      </c>
      <c r="D6" s="18">
        <v>44</v>
      </c>
    </row>
    <row r="7" spans="1:4" ht="18" customHeight="1" x14ac:dyDescent="0.15">
      <c r="A7" s="5">
        <v>2</v>
      </c>
      <c r="B7" s="27">
        <v>21</v>
      </c>
      <c r="C7" s="14">
        <v>24</v>
      </c>
      <c r="D7" s="18">
        <v>45</v>
      </c>
    </row>
    <row r="8" spans="1:4" ht="18" customHeight="1" x14ac:dyDescent="0.15">
      <c r="A8" s="5">
        <v>3</v>
      </c>
      <c r="B8" s="27">
        <v>18</v>
      </c>
      <c r="C8" s="14">
        <v>24</v>
      </c>
      <c r="D8" s="18">
        <v>42</v>
      </c>
    </row>
    <row r="9" spans="1:4" ht="18" customHeight="1" x14ac:dyDescent="0.15">
      <c r="A9" s="5">
        <v>4</v>
      </c>
      <c r="B9" s="28">
        <v>23</v>
      </c>
      <c r="C9" s="30">
        <v>24</v>
      </c>
      <c r="D9" s="32">
        <v>47</v>
      </c>
    </row>
    <row r="10" spans="1:4" ht="18" customHeight="1" x14ac:dyDescent="0.15">
      <c r="A10" s="5" t="s">
        <v>7</v>
      </c>
      <c r="B10" s="22">
        <v>105</v>
      </c>
      <c r="C10" s="14">
        <v>115</v>
      </c>
      <c r="D10" s="18">
        <v>220</v>
      </c>
    </row>
    <row r="11" spans="1:4" ht="18" customHeight="1" x14ac:dyDescent="0.15">
      <c r="A11" s="5">
        <v>5</v>
      </c>
      <c r="B11" s="27">
        <v>28</v>
      </c>
      <c r="C11" s="14">
        <v>23</v>
      </c>
      <c r="D11" s="18">
        <v>51</v>
      </c>
    </row>
    <row r="12" spans="1:4" ht="18" customHeight="1" x14ac:dyDescent="0.15">
      <c r="A12" s="5">
        <v>6</v>
      </c>
      <c r="B12" s="27">
        <v>31</v>
      </c>
      <c r="C12" s="14">
        <v>21</v>
      </c>
      <c r="D12" s="18">
        <v>52</v>
      </c>
    </row>
    <row r="13" spans="1:4" ht="18" customHeight="1" x14ac:dyDescent="0.15">
      <c r="A13" s="5">
        <v>7</v>
      </c>
      <c r="B13" s="27">
        <v>33</v>
      </c>
      <c r="C13" s="14">
        <v>30</v>
      </c>
      <c r="D13" s="18">
        <v>63</v>
      </c>
    </row>
    <row r="14" spans="1:4" ht="18" customHeight="1" x14ac:dyDescent="0.15">
      <c r="A14" s="5">
        <v>8</v>
      </c>
      <c r="B14" s="27">
        <v>30</v>
      </c>
      <c r="C14" s="14">
        <v>27</v>
      </c>
      <c r="D14" s="18">
        <v>57</v>
      </c>
    </row>
    <row r="15" spans="1:4" ht="18" customHeight="1" x14ac:dyDescent="0.15">
      <c r="A15" s="5">
        <v>9</v>
      </c>
      <c r="B15" s="27">
        <v>27</v>
      </c>
      <c r="C15" s="14">
        <v>35</v>
      </c>
      <c r="D15" s="18">
        <v>62</v>
      </c>
    </row>
    <row r="16" spans="1:4" ht="18" customHeight="1" x14ac:dyDescent="0.15">
      <c r="A16" s="5" t="s">
        <v>11</v>
      </c>
      <c r="B16" s="22">
        <v>149</v>
      </c>
      <c r="C16" s="14">
        <v>136</v>
      </c>
      <c r="D16" s="18">
        <v>285</v>
      </c>
    </row>
    <row r="17" spans="1:4" ht="18" customHeight="1" x14ac:dyDescent="0.15">
      <c r="A17" s="5">
        <v>10</v>
      </c>
      <c r="B17" s="22">
        <v>44</v>
      </c>
      <c r="C17" s="14">
        <v>34</v>
      </c>
      <c r="D17" s="18">
        <v>78</v>
      </c>
    </row>
    <row r="18" spans="1:4" ht="18" customHeight="1" x14ac:dyDescent="0.15">
      <c r="A18" s="5">
        <v>11</v>
      </c>
      <c r="B18" s="22">
        <v>31</v>
      </c>
      <c r="C18" s="14">
        <v>30</v>
      </c>
      <c r="D18" s="18">
        <v>61</v>
      </c>
    </row>
    <row r="19" spans="1:4" ht="18" customHeight="1" x14ac:dyDescent="0.15">
      <c r="A19" s="5">
        <v>12</v>
      </c>
      <c r="B19" s="22">
        <v>33</v>
      </c>
      <c r="C19" s="14">
        <v>39</v>
      </c>
      <c r="D19" s="18">
        <v>72</v>
      </c>
    </row>
    <row r="20" spans="1:4" ht="18" customHeight="1" x14ac:dyDescent="0.15">
      <c r="A20" s="5">
        <v>13</v>
      </c>
      <c r="B20" s="22">
        <v>38</v>
      </c>
      <c r="C20" s="14">
        <v>30</v>
      </c>
      <c r="D20" s="18">
        <v>68</v>
      </c>
    </row>
    <row r="21" spans="1:4" ht="18" customHeight="1" x14ac:dyDescent="0.15">
      <c r="A21" s="5">
        <v>14</v>
      </c>
      <c r="B21" s="22">
        <v>38</v>
      </c>
      <c r="C21" s="14">
        <v>39</v>
      </c>
      <c r="D21" s="18">
        <v>77</v>
      </c>
    </row>
    <row r="22" spans="1:4" ht="18" customHeight="1" x14ac:dyDescent="0.15">
      <c r="A22" s="5" t="s">
        <v>12</v>
      </c>
      <c r="B22" s="22">
        <v>184</v>
      </c>
      <c r="C22" s="14">
        <v>172</v>
      </c>
      <c r="D22" s="18">
        <v>356</v>
      </c>
    </row>
    <row r="23" spans="1:4" ht="18" customHeight="1" x14ac:dyDescent="0.15">
      <c r="A23" s="5" t="s">
        <v>6</v>
      </c>
      <c r="B23" s="22">
        <v>438</v>
      </c>
      <c r="C23" s="14">
        <v>423</v>
      </c>
      <c r="D23" s="18">
        <v>861</v>
      </c>
    </row>
    <row r="24" spans="1:4" ht="18" customHeight="1" x14ac:dyDescent="0.15">
      <c r="A24" s="5">
        <v>15</v>
      </c>
      <c r="B24" s="22">
        <v>48</v>
      </c>
      <c r="C24" s="14">
        <v>48</v>
      </c>
      <c r="D24" s="18">
        <v>96</v>
      </c>
    </row>
    <row r="25" spans="1:4" ht="18" customHeight="1" x14ac:dyDescent="0.15">
      <c r="A25" s="5">
        <v>16</v>
      </c>
      <c r="B25" s="22">
        <v>49</v>
      </c>
      <c r="C25" s="14">
        <v>34</v>
      </c>
      <c r="D25" s="18">
        <v>83</v>
      </c>
    </row>
    <row r="26" spans="1:4" ht="18" customHeight="1" x14ac:dyDescent="0.15">
      <c r="A26" s="5">
        <v>17</v>
      </c>
      <c r="B26" s="22">
        <v>43</v>
      </c>
      <c r="C26" s="14">
        <v>41</v>
      </c>
      <c r="D26" s="18">
        <v>84</v>
      </c>
    </row>
    <row r="27" spans="1:4" ht="18" customHeight="1" x14ac:dyDescent="0.15">
      <c r="A27" s="5">
        <v>18</v>
      </c>
      <c r="B27" s="22">
        <v>36</v>
      </c>
      <c r="C27" s="14">
        <v>36</v>
      </c>
      <c r="D27" s="18">
        <v>72</v>
      </c>
    </row>
    <row r="28" spans="1:4" ht="18" customHeight="1" x14ac:dyDescent="0.15">
      <c r="A28" s="5">
        <v>19</v>
      </c>
      <c r="B28" s="22">
        <v>24</v>
      </c>
      <c r="C28" s="14">
        <v>37</v>
      </c>
      <c r="D28" s="18">
        <v>61</v>
      </c>
    </row>
    <row r="29" spans="1:4" ht="18" customHeight="1" x14ac:dyDescent="0.15">
      <c r="A29" s="5" t="s">
        <v>14</v>
      </c>
      <c r="B29" s="22">
        <v>200</v>
      </c>
      <c r="C29" s="14">
        <v>196</v>
      </c>
      <c r="D29" s="18">
        <v>396</v>
      </c>
    </row>
    <row r="30" spans="1:4" ht="18" customHeight="1" x14ac:dyDescent="0.15">
      <c r="A30" s="5">
        <v>20</v>
      </c>
      <c r="B30" s="22">
        <v>40</v>
      </c>
      <c r="C30" s="14">
        <v>46</v>
      </c>
      <c r="D30" s="18">
        <v>86</v>
      </c>
    </row>
    <row r="31" spans="1:4" ht="18" customHeight="1" x14ac:dyDescent="0.15">
      <c r="A31" s="5">
        <v>21</v>
      </c>
      <c r="B31" s="22">
        <v>52</v>
      </c>
      <c r="C31" s="14">
        <v>48</v>
      </c>
      <c r="D31" s="18">
        <v>100</v>
      </c>
    </row>
    <row r="32" spans="1:4" ht="18" customHeight="1" x14ac:dyDescent="0.15">
      <c r="A32" s="5">
        <v>22</v>
      </c>
      <c r="B32" s="22">
        <v>56</v>
      </c>
      <c r="C32" s="14">
        <v>44</v>
      </c>
      <c r="D32" s="18">
        <v>100</v>
      </c>
    </row>
    <row r="33" spans="1:4" ht="18" customHeight="1" x14ac:dyDescent="0.15">
      <c r="A33" s="5">
        <v>23</v>
      </c>
      <c r="B33" s="22">
        <v>57</v>
      </c>
      <c r="C33" s="14">
        <v>31</v>
      </c>
      <c r="D33" s="18">
        <v>88</v>
      </c>
    </row>
    <row r="34" spans="1:4" ht="18" customHeight="1" x14ac:dyDescent="0.15">
      <c r="A34" s="5">
        <v>24</v>
      </c>
      <c r="B34" s="22">
        <v>52</v>
      </c>
      <c r="C34" s="14">
        <v>47</v>
      </c>
      <c r="D34" s="18">
        <v>99</v>
      </c>
    </row>
    <row r="35" spans="1:4" ht="18" customHeight="1" x14ac:dyDescent="0.15">
      <c r="A35" s="5" t="s">
        <v>9</v>
      </c>
      <c r="B35" s="22">
        <v>257</v>
      </c>
      <c r="C35" s="14">
        <v>216</v>
      </c>
      <c r="D35" s="18">
        <v>473</v>
      </c>
    </row>
    <row r="36" spans="1:4" ht="18" customHeight="1" x14ac:dyDescent="0.15">
      <c r="A36" s="5">
        <v>25</v>
      </c>
      <c r="B36" s="22">
        <v>68</v>
      </c>
      <c r="C36" s="14">
        <v>52</v>
      </c>
      <c r="D36" s="18">
        <v>120</v>
      </c>
    </row>
    <row r="37" spans="1:4" ht="18" customHeight="1" x14ac:dyDescent="0.15">
      <c r="A37" s="5">
        <v>26</v>
      </c>
      <c r="B37" s="22">
        <v>55</v>
      </c>
      <c r="C37" s="14">
        <v>45</v>
      </c>
      <c r="D37" s="18">
        <v>100</v>
      </c>
    </row>
    <row r="38" spans="1:4" ht="18" customHeight="1" x14ac:dyDescent="0.15">
      <c r="A38" s="5">
        <v>27</v>
      </c>
      <c r="B38" s="22">
        <v>53</v>
      </c>
      <c r="C38" s="14">
        <v>47</v>
      </c>
      <c r="D38" s="18">
        <v>100</v>
      </c>
    </row>
    <row r="39" spans="1:4" ht="18" customHeight="1" x14ac:dyDescent="0.15">
      <c r="A39" s="5">
        <v>28</v>
      </c>
      <c r="B39" s="22">
        <v>65</v>
      </c>
      <c r="C39" s="14">
        <v>42</v>
      </c>
      <c r="D39" s="18">
        <v>107</v>
      </c>
    </row>
    <row r="40" spans="1:4" ht="18" customHeight="1" x14ac:dyDescent="0.15">
      <c r="A40" s="5">
        <v>29</v>
      </c>
      <c r="B40" s="22">
        <v>49</v>
      </c>
      <c r="C40" s="14">
        <v>45</v>
      </c>
      <c r="D40" s="18">
        <v>94</v>
      </c>
    </row>
    <row r="41" spans="1:4" ht="18" customHeight="1" x14ac:dyDescent="0.15">
      <c r="A41" s="5" t="s">
        <v>2</v>
      </c>
      <c r="B41" s="22">
        <v>290</v>
      </c>
      <c r="C41" s="14">
        <v>231</v>
      </c>
      <c r="D41" s="18">
        <v>521</v>
      </c>
    </row>
    <row r="42" spans="1:4" ht="18" customHeight="1" x14ac:dyDescent="0.15">
      <c r="A42" s="5">
        <v>30</v>
      </c>
      <c r="B42" s="22">
        <v>57</v>
      </c>
      <c r="C42" s="14">
        <v>30</v>
      </c>
      <c r="D42" s="18">
        <v>87</v>
      </c>
    </row>
    <row r="43" spans="1:4" ht="18" customHeight="1" x14ac:dyDescent="0.15">
      <c r="A43" s="5">
        <v>31</v>
      </c>
      <c r="B43" s="22">
        <v>48</v>
      </c>
      <c r="C43" s="14">
        <v>43</v>
      </c>
      <c r="D43" s="18">
        <v>91</v>
      </c>
    </row>
    <row r="44" spans="1:4" ht="18" customHeight="1" x14ac:dyDescent="0.15">
      <c r="A44" s="5">
        <v>32</v>
      </c>
      <c r="B44" s="22">
        <v>45</v>
      </c>
      <c r="C44" s="14">
        <v>39</v>
      </c>
      <c r="D44" s="18">
        <v>84</v>
      </c>
    </row>
    <row r="45" spans="1:4" ht="18" customHeight="1" x14ac:dyDescent="0.15">
      <c r="A45" s="5">
        <v>33</v>
      </c>
      <c r="B45" s="22">
        <v>40</v>
      </c>
      <c r="C45" s="14">
        <v>37</v>
      </c>
      <c r="D45" s="18">
        <v>77</v>
      </c>
    </row>
    <row r="46" spans="1:4" ht="18" customHeight="1" x14ac:dyDescent="0.15">
      <c r="A46" s="5">
        <v>34</v>
      </c>
      <c r="B46" s="22">
        <v>53</v>
      </c>
      <c r="C46" s="14">
        <v>39</v>
      </c>
      <c r="D46" s="18">
        <v>92</v>
      </c>
    </row>
    <row r="47" spans="1:4" ht="18" customHeight="1" x14ac:dyDescent="0.15">
      <c r="A47" s="5" t="s">
        <v>15</v>
      </c>
      <c r="B47" s="22">
        <v>243</v>
      </c>
      <c r="C47" s="14">
        <v>188</v>
      </c>
      <c r="D47" s="18">
        <v>431</v>
      </c>
    </row>
    <row r="48" spans="1:4" ht="18" customHeight="1" x14ac:dyDescent="0.15">
      <c r="A48" s="5">
        <v>35</v>
      </c>
      <c r="B48" s="22">
        <v>43</v>
      </c>
      <c r="C48" s="14">
        <v>33</v>
      </c>
      <c r="D48" s="18">
        <v>76</v>
      </c>
    </row>
    <row r="49" spans="1:4" ht="18" customHeight="1" x14ac:dyDescent="0.15">
      <c r="A49" s="5">
        <v>36</v>
      </c>
      <c r="B49" s="22">
        <v>50</v>
      </c>
      <c r="C49" s="14">
        <v>34</v>
      </c>
      <c r="D49" s="18">
        <v>84</v>
      </c>
    </row>
    <row r="50" spans="1:4" ht="18" customHeight="1" x14ac:dyDescent="0.15">
      <c r="A50" s="5">
        <v>37</v>
      </c>
      <c r="B50" s="22">
        <v>58</v>
      </c>
      <c r="C50" s="14">
        <v>32</v>
      </c>
      <c r="D50" s="18">
        <v>90</v>
      </c>
    </row>
    <row r="51" spans="1:4" ht="18" customHeight="1" x14ac:dyDescent="0.15">
      <c r="A51" s="5">
        <v>38</v>
      </c>
      <c r="B51" s="22">
        <v>59</v>
      </c>
      <c r="C51" s="14">
        <v>57</v>
      </c>
      <c r="D51" s="18">
        <v>116</v>
      </c>
    </row>
    <row r="52" spans="1:4" ht="18" customHeight="1" x14ac:dyDescent="0.15">
      <c r="A52" s="5">
        <v>39</v>
      </c>
      <c r="B52" s="22">
        <v>51</v>
      </c>
      <c r="C52" s="14">
        <v>50</v>
      </c>
      <c r="D52" s="18">
        <v>101</v>
      </c>
    </row>
    <row r="53" spans="1:4" ht="18" customHeight="1" x14ac:dyDescent="0.15">
      <c r="A53" s="5" t="s">
        <v>18</v>
      </c>
      <c r="B53" s="22">
        <v>261</v>
      </c>
      <c r="C53" s="14">
        <v>206</v>
      </c>
      <c r="D53" s="18">
        <v>467</v>
      </c>
    </row>
    <row r="54" spans="1:4" ht="18" customHeight="1" x14ac:dyDescent="0.15">
      <c r="A54" s="5">
        <v>40</v>
      </c>
      <c r="B54" s="22">
        <v>55</v>
      </c>
      <c r="C54" s="14">
        <v>60</v>
      </c>
      <c r="D54" s="18">
        <v>115</v>
      </c>
    </row>
    <row r="55" spans="1:4" ht="18" customHeight="1" x14ac:dyDescent="0.15">
      <c r="A55" s="5">
        <v>41</v>
      </c>
      <c r="B55" s="22">
        <v>66</v>
      </c>
      <c r="C55" s="14">
        <v>50</v>
      </c>
      <c r="D55" s="18">
        <v>116</v>
      </c>
    </row>
    <row r="56" spans="1:4" ht="18" customHeight="1" x14ac:dyDescent="0.15">
      <c r="A56" s="5">
        <v>42</v>
      </c>
      <c r="B56" s="22">
        <v>58</v>
      </c>
      <c r="C56" s="14">
        <v>45</v>
      </c>
      <c r="D56" s="18">
        <v>103</v>
      </c>
    </row>
    <row r="57" spans="1:4" ht="18" customHeight="1" x14ac:dyDescent="0.15">
      <c r="A57" s="5">
        <v>43</v>
      </c>
      <c r="B57" s="22">
        <v>53</v>
      </c>
      <c r="C57" s="14">
        <v>44</v>
      </c>
      <c r="D57" s="18">
        <v>97</v>
      </c>
    </row>
    <row r="58" spans="1:4" ht="18" customHeight="1" x14ac:dyDescent="0.15">
      <c r="A58" s="5">
        <v>44</v>
      </c>
      <c r="B58" s="22">
        <v>59</v>
      </c>
      <c r="C58" s="14">
        <v>60</v>
      </c>
      <c r="D58" s="18">
        <v>119</v>
      </c>
    </row>
    <row r="59" spans="1:4" ht="18" customHeight="1" x14ac:dyDescent="0.15">
      <c r="A59" s="5" t="s">
        <v>21</v>
      </c>
      <c r="B59" s="22">
        <v>291</v>
      </c>
      <c r="C59" s="14">
        <v>259</v>
      </c>
      <c r="D59" s="18">
        <v>550</v>
      </c>
    </row>
    <row r="60" spans="1:4" ht="18" customHeight="1" x14ac:dyDescent="0.15">
      <c r="A60" s="5">
        <v>45</v>
      </c>
      <c r="B60" s="22">
        <v>52</v>
      </c>
      <c r="C60" s="14">
        <v>45</v>
      </c>
      <c r="D60" s="18">
        <v>97</v>
      </c>
    </row>
    <row r="61" spans="1:4" ht="18" customHeight="1" x14ac:dyDescent="0.15">
      <c r="A61" s="5">
        <v>46</v>
      </c>
      <c r="B61" s="22">
        <v>65</v>
      </c>
      <c r="C61" s="14">
        <v>60</v>
      </c>
      <c r="D61" s="18">
        <v>125</v>
      </c>
    </row>
    <row r="62" spans="1:4" ht="18" customHeight="1" x14ac:dyDescent="0.15">
      <c r="A62" s="5">
        <v>47</v>
      </c>
      <c r="B62" s="22">
        <v>50</v>
      </c>
      <c r="C62" s="14">
        <v>66</v>
      </c>
      <c r="D62" s="18">
        <v>116</v>
      </c>
    </row>
    <row r="63" spans="1:4" ht="18" customHeight="1" x14ac:dyDescent="0.15">
      <c r="A63" s="5">
        <v>48</v>
      </c>
      <c r="B63" s="22">
        <v>81</v>
      </c>
      <c r="C63" s="14">
        <v>56</v>
      </c>
      <c r="D63" s="18">
        <v>137</v>
      </c>
    </row>
    <row r="64" spans="1:4" ht="18" customHeight="1" x14ac:dyDescent="0.15">
      <c r="A64" s="5">
        <v>49</v>
      </c>
      <c r="B64" s="22">
        <v>75</v>
      </c>
      <c r="C64" s="14">
        <v>60</v>
      </c>
      <c r="D64" s="18">
        <v>135</v>
      </c>
    </row>
    <row r="65" spans="1:4" ht="18" customHeight="1" x14ac:dyDescent="0.15">
      <c r="A65" s="5" t="s">
        <v>17</v>
      </c>
      <c r="B65" s="22">
        <v>323</v>
      </c>
      <c r="C65" s="14">
        <v>287</v>
      </c>
      <c r="D65" s="18">
        <v>610</v>
      </c>
    </row>
    <row r="66" spans="1:4" ht="18" customHeight="1" x14ac:dyDescent="0.15">
      <c r="A66" s="5">
        <v>50</v>
      </c>
      <c r="B66" s="22">
        <v>75</v>
      </c>
      <c r="C66" s="14">
        <v>74</v>
      </c>
      <c r="D66" s="18">
        <v>149</v>
      </c>
    </row>
    <row r="67" spans="1:4" ht="18" customHeight="1" x14ac:dyDescent="0.15">
      <c r="A67" s="5">
        <v>51</v>
      </c>
      <c r="B67" s="22">
        <v>74</v>
      </c>
      <c r="C67" s="14">
        <v>90</v>
      </c>
      <c r="D67" s="18">
        <v>164</v>
      </c>
    </row>
    <row r="68" spans="1:4" ht="18" customHeight="1" x14ac:dyDescent="0.15">
      <c r="A68" s="5">
        <v>52</v>
      </c>
      <c r="B68" s="22">
        <v>82</v>
      </c>
      <c r="C68" s="14">
        <v>62</v>
      </c>
      <c r="D68" s="18">
        <v>144</v>
      </c>
    </row>
    <row r="69" spans="1:4" ht="18" customHeight="1" x14ac:dyDescent="0.15">
      <c r="A69" s="5">
        <v>53</v>
      </c>
      <c r="B69" s="22">
        <v>92</v>
      </c>
      <c r="C69" s="14">
        <v>99</v>
      </c>
      <c r="D69" s="18">
        <v>191</v>
      </c>
    </row>
    <row r="70" spans="1:4" ht="18" customHeight="1" x14ac:dyDescent="0.15">
      <c r="A70" s="5">
        <v>54</v>
      </c>
      <c r="B70" s="22">
        <v>100</v>
      </c>
      <c r="C70" s="14">
        <v>87</v>
      </c>
      <c r="D70" s="18">
        <v>187</v>
      </c>
    </row>
    <row r="71" spans="1:4" ht="18" customHeight="1" x14ac:dyDescent="0.15">
      <c r="A71" s="5" t="s">
        <v>22</v>
      </c>
      <c r="B71" s="22">
        <v>423</v>
      </c>
      <c r="C71" s="14">
        <v>412</v>
      </c>
      <c r="D71" s="18">
        <v>835</v>
      </c>
    </row>
    <row r="72" spans="1:4" ht="18" customHeight="1" x14ac:dyDescent="0.15">
      <c r="A72" s="5">
        <v>55</v>
      </c>
      <c r="B72" s="22">
        <v>77</v>
      </c>
      <c r="C72" s="14">
        <v>91</v>
      </c>
      <c r="D72" s="18">
        <v>168</v>
      </c>
    </row>
    <row r="73" spans="1:4" ht="18" customHeight="1" x14ac:dyDescent="0.15">
      <c r="A73" s="5">
        <v>56</v>
      </c>
      <c r="B73" s="22">
        <v>79</v>
      </c>
      <c r="C73" s="14">
        <v>74</v>
      </c>
      <c r="D73" s="18">
        <v>153</v>
      </c>
    </row>
    <row r="74" spans="1:4" ht="18" customHeight="1" x14ac:dyDescent="0.15">
      <c r="A74" s="5">
        <v>57</v>
      </c>
      <c r="B74" s="22">
        <v>90</v>
      </c>
      <c r="C74" s="14">
        <v>88</v>
      </c>
      <c r="D74" s="18">
        <v>178</v>
      </c>
    </row>
    <row r="75" spans="1:4" ht="18" customHeight="1" x14ac:dyDescent="0.15">
      <c r="A75" s="5">
        <v>58</v>
      </c>
      <c r="B75" s="22">
        <v>93</v>
      </c>
      <c r="C75" s="14">
        <v>84</v>
      </c>
      <c r="D75" s="18">
        <v>177</v>
      </c>
    </row>
    <row r="76" spans="1:4" ht="18" customHeight="1" x14ac:dyDescent="0.15">
      <c r="A76" s="5">
        <v>59</v>
      </c>
      <c r="B76" s="22">
        <v>68</v>
      </c>
      <c r="C76" s="14">
        <v>75</v>
      </c>
      <c r="D76" s="18">
        <v>143</v>
      </c>
    </row>
    <row r="77" spans="1:4" ht="18" customHeight="1" x14ac:dyDescent="0.15">
      <c r="A77" s="5" t="s">
        <v>27</v>
      </c>
      <c r="B77" s="22">
        <v>407</v>
      </c>
      <c r="C77" s="14">
        <v>412</v>
      </c>
      <c r="D77" s="18">
        <v>819</v>
      </c>
    </row>
    <row r="78" spans="1:4" ht="18" customHeight="1" x14ac:dyDescent="0.15">
      <c r="A78" s="5">
        <v>60</v>
      </c>
      <c r="B78" s="22">
        <v>76</v>
      </c>
      <c r="C78" s="14">
        <v>76</v>
      </c>
      <c r="D78" s="18">
        <v>152</v>
      </c>
    </row>
    <row r="79" spans="1:4" ht="18" customHeight="1" x14ac:dyDescent="0.15">
      <c r="A79" s="5">
        <v>61</v>
      </c>
      <c r="B79" s="22">
        <v>73</v>
      </c>
      <c r="C79" s="14">
        <v>78</v>
      </c>
      <c r="D79" s="18">
        <v>151</v>
      </c>
    </row>
    <row r="80" spans="1:4" ht="18" customHeight="1" x14ac:dyDescent="0.15">
      <c r="A80" s="5">
        <v>62</v>
      </c>
      <c r="B80" s="22">
        <v>79</v>
      </c>
      <c r="C80" s="14">
        <v>72</v>
      </c>
      <c r="D80" s="18">
        <v>151</v>
      </c>
    </row>
    <row r="81" spans="1:4" ht="18" customHeight="1" x14ac:dyDescent="0.15">
      <c r="A81" s="5">
        <v>63</v>
      </c>
      <c r="B81" s="22">
        <v>90</v>
      </c>
      <c r="C81" s="14">
        <v>62</v>
      </c>
      <c r="D81" s="18">
        <v>152</v>
      </c>
    </row>
    <row r="82" spans="1:4" ht="18" customHeight="1" x14ac:dyDescent="0.15">
      <c r="A82" s="5">
        <v>64</v>
      </c>
      <c r="B82" s="22">
        <v>65</v>
      </c>
      <c r="C82" s="14">
        <v>90</v>
      </c>
      <c r="D82" s="18">
        <v>155</v>
      </c>
    </row>
    <row r="83" spans="1:4" ht="18" customHeight="1" x14ac:dyDescent="0.15">
      <c r="A83" s="5" t="s">
        <v>28</v>
      </c>
      <c r="B83" s="22">
        <v>383</v>
      </c>
      <c r="C83" s="14">
        <v>378</v>
      </c>
      <c r="D83" s="18">
        <v>761</v>
      </c>
    </row>
    <row r="84" spans="1:4" ht="18" customHeight="1" x14ac:dyDescent="0.15">
      <c r="A84" s="5" t="s">
        <v>31</v>
      </c>
      <c r="B84" s="22">
        <v>3078</v>
      </c>
      <c r="C84" s="14">
        <v>2785</v>
      </c>
      <c r="D84" s="18">
        <v>5863</v>
      </c>
    </row>
    <row r="85" spans="1:4" ht="18" customHeight="1" x14ac:dyDescent="0.15">
      <c r="A85" s="5">
        <v>65</v>
      </c>
      <c r="B85" s="22">
        <v>76</v>
      </c>
      <c r="C85" s="14">
        <v>86</v>
      </c>
      <c r="D85" s="18">
        <v>162</v>
      </c>
    </row>
    <row r="86" spans="1:4" ht="18" customHeight="1" x14ac:dyDescent="0.15">
      <c r="A86" s="5">
        <v>66</v>
      </c>
      <c r="B86" s="22">
        <v>77</v>
      </c>
      <c r="C86" s="14">
        <v>83</v>
      </c>
      <c r="D86" s="18">
        <v>160</v>
      </c>
    </row>
    <row r="87" spans="1:4" ht="18" customHeight="1" x14ac:dyDescent="0.15">
      <c r="A87" s="5">
        <v>67</v>
      </c>
      <c r="B87" s="22">
        <v>80</v>
      </c>
      <c r="C87" s="14">
        <v>81</v>
      </c>
      <c r="D87" s="18">
        <v>161</v>
      </c>
    </row>
    <row r="88" spans="1:4" ht="18" customHeight="1" x14ac:dyDescent="0.15">
      <c r="A88" s="5">
        <v>68</v>
      </c>
      <c r="B88" s="22">
        <v>71</v>
      </c>
      <c r="C88" s="14">
        <v>72</v>
      </c>
      <c r="D88" s="18">
        <v>143</v>
      </c>
    </row>
    <row r="89" spans="1:4" ht="18" customHeight="1" x14ac:dyDescent="0.15">
      <c r="A89" s="5">
        <v>69</v>
      </c>
      <c r="B89" s="22">
        <v>78</v>
      </c>
      <c r="C89" s="14">
        <v>66</v>
      </c>
      <c r="D89" s="18">
        <v>144</v>
      </c>
    </row>
    <row r="90" spans="1:4" ht="18" customHeight="1" x14ac:dyDescent="0.15">
      <c r="A90" s="5" t="s">
        <v>20</v>
      </c>
      <c r="B90" s="22">
        <v>382</v>
      </c>
      <c r="C90" s="14">
        <v>388</v>
      </c>
      <c r="D90" s="18">
        <v>770</v>
      </c>
    </row>
    <row r="91" spans="1:4" ht="18" customHeight="1" x14ac:dyDescent="0.15">
      <c r="A91" s="5">
        <v>70</v>
      </c>
      <c r="B91" s="22">
        <v>85</v>
      </c>
      <c r="C91" s="14">
        <v>80</v>
      </c>
      <c r="D91" s="18">
        <v>165</v>
      </c>
    </row>
    <row r="92" spans="1:4" ht="18" customHeight="1" x14ac:dyDescent="0.15">
      <c r="A92" s="5">
        <v>71</v>
      </c>
      <c r="B92" s="22">
        <v>61</v>
      </c>
      <c r="C92" s="14">
        <v>79</v>
      </c>
      <c r="D92" s="18">
        <v>140</v>
      </c>
    </row>
    <row r="93" spans="1:4" ht="18" customHeight="1" x14ac:dyDescent="0.15">
      <c r="A93" s="5">
        <v>72</v>
      </c>
      <c r="B93" s="22">
        <v>79</v>
      </c>
      <c r="C93" s="14">
        <v>79</v>
      </c>
      <c r="D93" s="18">
        <v>158</v>
      </c>
    </row>
    <row r="94" spans="1:4" ht="18" customHeight="1" x14ac:dyDescent="0.15">
      <c r="A94" s="5">
        <v>73</v>
      </c>
      <c r="B94" s="22">
        <v>61</v>
      </c>
      <c r="C94" s="14">
        <v>88</v>
      </c>
      <c r="D94" s="18">
        <v>149</v>
      </c>
    </row>
    <row r="95" spans="1:4" ht="18" customHeight="1" x14ac:dyDescent="0.15">
      <c r="A95" s="5">
        <v>74</v>
      </c>
      <c r="B95" s="22">
        <v>78</v>
      </c>
      <c r="C95" s="14">
        <v>70</v>
      </c>
      <c r="D95" s="18">
        <v>148</v>
      </c>
    </row>
    <row r="96" spans="1:4" ht="18" customHeight="1" x14ac:dyDescent="0.15">
      <c r="A96" s="5" t="s">
        <v>33</v>
      </c>
      <c r="B96" s="22">
        <v>364</v>
      </c>
      <c r="C96" s="14">
        <v>396</v>
      </c>
      <c r="D96" s="18">
        <v>760</v>
      </c>
    </row>
    <row r="97" spans="1:4" ht="18" customHeight="1" x14ac:dyDescent="0.15">
      <c r="A97" s="5">
        <v>75</v>
      </c>
      <c r="B97" s="22">
        <v>75</v>
      </c>
      <c r="C97" s="14">
        <v>83</v>
      </c>
      <c r="D97" s="18">
        <v>158</v>
      </c>
    </row>
    <row r="98" spans="1:4" ht="18" customHeight="1" x14ac:dyDescent="0.15">
      <c r="A98" s="5">
        <v>76</v>
      </c>
      <c r="B98" s="22">
        <v>78</v>
      </c>
      <c r="C98" s="14">
        <v>87</v>
      </c>
      <c r="D98" s="18">
        <v>165</v>
      </c>
    </row>
    <row r="99" spans="1:4" ht="18" customHeight="1" x14ac:dyDescent="0.15">
      <c r="A99" s="5">
        <v>77</v>
      </c>
      <c r="B99" s="22">
        <v>79</v>
      </c>
      <c r="C99" s="14">
        <v>96</v>
      </c>
      <c r="D99" s="18">
        <v>175</v>
      </c>
    </row>
    <row r="100" spans="1:4" ht="18" customHeight="1" x14ac:dyDescent="0.15">
      <c r="A100" s="5">
        <v>78</v>
      </c>
      <c r="B100" s="22">
        <v>86</v>
      </c>
      <c r="C100" s="14">
        <v>120</v>
      </c>
      <c r="D100" s="18">
        <v>206</v>
      </c>
    </row>
    <row r="101" spans="1:4" ht="18" customHeight="1" x14ac:dyDescent="0.15">
      <c r="A101" s="5">
        <v>79</v>
      </c>
      <c r="B101" s="22">
        <v>53</v>
      </c>
      <c r="C101" s="14">
        <v>73</v>
      </c>
      <c r="D101" s="18">
        <v>126</v>
      </c>
    </row>
    <row r="102" spans="1:4" ht="18" customHeight="1" x14ac:dyDescent="0.15">
      <c r="A102" s="5" t="s">
        <v>0</v>
      </c>
      <c r="B102" s="22">
        <v>371</v>
      </c>
      <c r="C102" s="14">
        <v>459</v>
      </c>
      <c r="D102" s="18">
        <v>830</v>
      </c>
    </row>
    <row r="103" spans="1:4" ht="18" customHeight="1" x14ac:dyDescent="0.15">
      <c r="A103" s="5">
        <v>80</v>
      </c>
      <c r="B103" s="22">
        <v>45</v>
      </c>
      <c r="C103" s="14">
        <v>59</v>
      </c>
      <c r="D103" s="18">
        <v>104</v>
      </c>
    </row>
    <row r="104" spans="1:4" ht="18" customHeight="1" x14ac:dyDescent="0.15">
      <c r="A104" s="5">
        <v>81</v>
      </c>
      <c r="B104" s="22">
        <v>51</v>
      </c>
      <c r="C104" s="14">
        <v>85</v>
      </c>
      <c r="D104" s="18">
        <v>136</v>
      </c>
    </row>
    <row r="105" spans="1:4" ht="18" customHeight="1" x14ac:dyDescent="0.15">
      <c r="A105" s="5">
        <v>82</v>
      </c>
      <c r="B105" s="22">
        <v>41</v>
      </c>
      <c r="C105" s="14">
        <v>91</v>
      </c>
      <c r="D105" s="18">
        <v>132</v>
      </c>
    </row>
    <row r="106" spans="1:4" ht="18" customHeight="1" x14ac:dyDescent="0.15">
      <c r="A106" s="5">
        <v>83</v>
      </c>
      <c r="B106" s="22">
        <v>57</v>
      </c>
      <c r="C106" s="14">
        <v>80</v>
      </c>
      <c r="D106" s="18">
        <v>137</v>
      </c>
    </row>
    <row r="107" spans="1:4" ht="18" customHeight="1" x14ac:dyDescent="0.15">
      <c r="A107" s="5">
        <v>84</v>
      </c>
      <c r="B107" s="22">
        <v>63</v>
      </c>
      <c r="C107" s="14">
        <v>89</v>
      </c>
      <c r="D107" s="18">
        <v>152</v>
      </c>
    </row>
    <row r="108" spans="1:4" ht="18" customHeight="1" x14ac:dyDescent="0.15">
      <c r="A108" s="5" t="s">
        <v>35</v>
      </c>
      <c r="B108" s="22">
        <v>257</v>
      </c>
      <c r="C108" s="14">
        <v>404</v>
      </c>
      <c r="D108" s="18">
        <v>661</v>
      </c>
    </row>
    <row r="109" spans="1:4" ht="18" customHeight="1" x14ac:dyDescent="0.15">
      <c r="A109" s="5">
        <v>85</v>
      </c>
      <c r="B109" s="22">
        <v>38</v>
      </c>
      <c r="C109" s="14">
        <v>86</v>
      </c>
      <c r="D109" s="18">
        <v>124</v>
      </c>
    </row>
    <row r="110" spans="1:4" ht="18" customHeight="1" x14ac:dyDescent="0.15">
      <c r="A110" s="5">
        <v>86</v>
      </c>
      <c r="B110" s="22">
        <v>32</v>
      </c>
      <c r="C110" s="14">
        <v>61</v>
      </c>
      <c r="D110" s="18">
        <v>93</v>
      </c>
    </row>
    <row r="111" spans="1:4" ht="18" customHeight="1" x14ac:dyDescent="0.15">
      <c r="A111" s="5">
        <v>87</v>
      </c>
      <c r="B111" s="22">
        <v>28</v>
      </c>
      <c r="C111" s="14">
        <v>47</v>
      </c>
      <c r="D111" s="18">
        <v>75</v>
      </c>
    </row>
    <row r="112" spans="1:4" ht="18" customHeight="1" x14ac:dyDescent="0.15">
      <c r="A112" s="5">
        <v>88</v>
      </c>
      <c r="B112" s="22">
        <v>32</v>
      </c>
      <c r="C112" s="14">
        <v>41</v>
      </c>
      <c r="D112" s="18">
        <v>73</v>
      </c>
    </row>
    <row r="113" spans="1:4" ht="18" customHeight="1" x14ac:dyDescent="0.15">
      <c r="A113" s="5">
        <v>89</v>
      </c>
      <c r="B113" s="22">
        <v>24</v>
      </c>
      <c r="C113" s="14">
        <v>40</v>
      </c>
      <c r="D113" s="18">
        <v>64</v>
      </c>
    </row>
    <row r="114" spans="1:4" ht="18" customHeight="1" x14ac:dyDescent="0.15">
      <c r="A114" s="5" t="s">
        <v>37</v>
      </c>
      <c r="B114" s="22">
        <v>154</v>
      </c>
      <c r="C114" s="14">
        <v>275</v>
      </c>
      <c r="D114" s="18">
        <v>429</v>
      </c>
    </row>
    <row r="115" spans="1:4" ht="18" customHeight="1" x14ac:dyDescent="0.15">
      <c r="A115" s="5">
        <v>90</v>
      </c>
      <c r="B115" s="22">
        <v>22</v>
      </c>
      <c r="C115" s="14">
        <v>58</v>
      </c>
      <c r="D115" s="18">
        <v>80</v>
      </c>
    </row>
    <row r="116" spans="1:4" ht="18" customHeight="1" x14ac:dyDescent="0.15">
      <c r="A116" s="5">
        <v>91</v>
      </c>
      <c r="B116" s="22">
        <v>18</v>
      </c>
      <c r="C116" s="14">
        <v>43</v>
      </c>
      <c r="D116" s="18">
        <v>61</v>
      </c>
    </row>
    <row r="117" spans="1:4" ht="18" customHeight="1" x14ac:dyDescent="0.15">
      <c r="A117" s="5">
        <v>92</v>
      </c>
      <c r="B117" s="22">
        <v>14</v>
      </c>
      <c r="C117" s="14">
        <v>41</v>
      </c>
      <c r="D117" s="18">
        <v>55</v>
      </c>
    </row>
    <row r="118" spans="1:4" ht="18" customHeight="1" x14ac:dyDescent="0.15">
      <c r="A118" s="5">
        <v>93</v>
      </c>
      <c r="B118" s="22">
        <v>12</v>
      </c>
      <c r="C118" s="14">
        <v>25</v>
      </c>
      <c r="D118" s="18">
        <v>37</v>
      </c>
    </row>
    <row r="119" spans="1:4" ht="18" customHeight="1" x14ac:dyDescent="0.15">
      <c r="A119" s="5">
        <v>94</v>
      </c>
      <c r="B119" s="22">
        <v>7</v>
      </c>
      <c r="C119" s="14">
        <v>28</v>
      </c>
      <c r="D119" s="18">
        <v>35</v>
      </c>
    </row>
    <row r="120" spans="1:4" ht="18" customHeight="1" x14ac:dyDescent="0.15">
      <c r="A120" s="5" t="s">
        <v>39</v>
      </c>
      <c r="B120" s="22">
        <v>73</v>
      </c>
      <c r="C120" s="14">
        <v>195</v>
      </c>
      <c r="D120" s="18">
        <v>268</v>
      </c>
    </row>
    <row r="121" spans="1:4" ht="18" customHeight="1" x14ac:dyDescent="0.15">
      <c r="A121" s="5">
        <v>95</v>
      </c>
      <c r="B121" s="22">
        <v>2</v>
      </c>
      <c r="C121" s="14">
        <v>26</v>
      </c>
      <c r="D121" s="18">
        <v>28</v>
      </c>
    </row>
    <row r="122" spans="1:4" ht="18" customHeight="1" x14ac:dyDescent="0.15">
      <c r="A122" s="5">
        <v>96</v>
      </c>
      <c r="B122" s="22">
        <v>3</v>
      </c>
      <c r="C122" s="14">
        <v>22</v>
      </c>
      <c r="D122" s="18">
        <v>25</v>
      </c>
    </row>
    <row r="123" spans="1:4" ht="18" customHeight="1" x14ac:dyDescent="0.15">
      <c r="A123" s="5">
        <v>97</v>
      </c>
      <c r="B123" s="22">
        <v>3</v>
      </c>
      <c r="C123" s="14">
        <v>11</v>
      </c>
      <c r="D123" s="18">
        <v>14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5</v>
      </c>
      <c r="D125" s="18">
        <v>6</v>
      </c>
    </row>
    <row r="126" spans="1:4" ht="18" customHeight="1" x14ac:dyDescent="0.15">
      <c r="A126" s="5" t="s">
        <v>40</v>
      </c>
      <c r="B126" s="22">
        <v>9</v>
      </c>
      <c r="C126" s="14">
        <v>66</v>
      </c>
      <c r="D126" s="18">
        <v>75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5</v>
      </c>
      <c r="D128" s="18">
        <v>5</v>
      </c>
    </row>
    <row r="129" spans="1:4" ht="18" customHeight="1" x14ac:dyDescent="0.15">
      <c r="A129" s="5" t="s">
        <v>44</v>
      </c>
      <c r="B129" s="22">
        <v>0</v>
      </c>
      <c r="C129" s="14">
        <v>8</v>
      </c>
      <c r="D129" s="18">
        <v>8</v>
      </c>
    </row>
    <row r="130" spans="1:4" ht="18" customHeight="1" x14ac:dyDescent="0.15">
      <c r="A130" s="5" t="s">
        <v>46</v>
      </c>
      <c r="B130" s="22">
        <v>1610</v>
      </c>
      <c r="C130" s="14">
        <v>2191</v>
      </c>
      <c r="D130" s="18">
        <v>3801</v>
      </c>
    </row>
    <row r="131" spans="1:4" ht="18" customHeight="1" x14ac:dyDescent="0.15">
      <c r="A131" s="7" t="s">
        <v>45</v>
      </c>
      <c r="B131" s="23">
        <v>5126</v>
      </c>
      <c r="C131" s="15">
        <v>5399</v>
      </c>
      <c r="D131" s="19">
        <v>1052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26</v>
      </c>
      <c r="C5" s="29">
        <v>35</v>
      </c>
      <c r="D5" s="31">
        <v>61</v>
      </c>
    </row>
    <row r="6" spans="1:4" ht="18" customHeight="1" x14ac:dyDescent="0.15">
      <c r="A6" s="5">
        <v>1</v>
      </c>
      <c r="B6" s="27">
        <v>42</v>
      </c>
      <c r="C6" s="14">
        <v>31</v>
      </c>
      <c r="D6" s="18">
        <v>73</v>
      </c>
    </row>
    <row r="7" spans="1:4" ht="18" customHeight="1" x14ac:dyDescent="0.15">
      <c r="A7" s="5">
        <v>2</v>
      </c>
      <c r="B7" s="27">
        <v>43</v>
      </c>
      <c r="C7" s="14">
        <v>42</v>
      </c>
      <c r="D7" s="18">
        <v>85</v>
      </c>
    </row>
    <row r="8" spans="1:4" ht="18" customHeight="1" x14ac:dyDescent="0.15">
      <c r="A8" s="5">
        <v>3</v>
      </c>
      <c r="B8" s="27">
        <v>42</v>
      </c>
      <c r="C8" s="14">
        <v>38</v>
      </c>
      <c r="D8" s="18">
        <v>80</v>
      </c>
    </row>
    <row r="9" spans="1:4" ht="18" customHeight="1" x14ac:dyDescent="0.15">
      <c r="A9" s="5">
        <v>4</v>
      </c>
      <c r="B9" s="28">
        <v>47</v>
      </c>
      <c r="C9" s="30">
        <v>38</v>
      </c>
      <c r="D9" s="32">
        <v>85</v>
      </c>
    </row>
    <row r="10" spans="1:4" ht="18" customHeight="1" x14ac:dyDescent="0.15">
      <c r="A10" s="5" t="s">
        <v>7</v>
      </c>
      <c r="B10" s="22">
        <v>200</v>
      </c>
      <c r="C10" s="14">
        <v>184</v>
      </c>
      <c r="D10" s="18">
        <v>384</v>
      </c>
    </row>
    <row r="11" spans="1:4" ht="18" customHeight="1" x14ac:dyDescent="0.15">
      <c r="A11" s="5">
        <v>5</v>
      </c>
      <c r="B11" s="27">
        <v>42</v>
      </c>
      <c r="C11" s="14">
        <v>50</v>
      </c>
      <c r="D11" s="18">
        <v>92</v>
      </c>
    </row>
    <row r="12" spans="1:4" ht="18" customHeight="1" x14ac:dyDescent="0.15">
      <c r="A12" s="5">
        <v>6</v>
      </c>
      <c r="B12" s="27">
        <v>49</v>
      </c>
      <c r="C12" s="14">
        <v>37</v>
      </c>
      <c r="D12" s="18">
        <v>86</v>
      </c>
    </row>
    <row r="13" spans="1:4" ht="18" customHeight="1" x14ac:dyDescent="0.15">
      <c r="A13" s="5">
        <v>7</v>
      </c>
      <c r="B13" s="27">
        <v>44</v>
      </c>
      <c r="C13" s="14">
        <v>56</v>
      </c>
      <c r="D13" s="18">
        <v>100</v>
      </c>
    </row>
    <row r="14" spans="1:4" ht="18" customHeight="1" x14ac:dyDescent="0.15">
      <c r="A14" s="5">
        <v>8</v>
      </c>
      <c r="B14" s="27">
        <v>49</v>
      </c>
      <c r="C14" s="14">
        <v>36</v>
      </c>
      <c r="D14" s="18">
        <v>85</v>
      </c>
    </row>
    <row r="15" spans="1:4" ht="18" customHeight="1" x14ac:dyDescent="0.15">
      <c r="A15" s="5">
        <v>9</v>
      </c>
      <c r="B15" s="27">
        <v>57</v>
      </c>
      <c r="C15" s="14">
        <v>34</v>
      </c>
      <c r="D15" s="18">
        <v>91</v>
      </c>
    </row>
    <row r="16" spans="1:4" ht="18" customHeight="1" x14ac:dyDescent="0.15">
      <c r="A16" s="5" t="s">
        <v>11</v>
      </c>
      <c r="B16" s="22">
        <v>241</v>
      </c>
      <c r="C16" s="14">
        <v>213</v>
      </c>
      <c r="D16" s="18">
        <v>454</v>
      </c>
    </row>
    <row r="17" spans="1:4" ht="18" customHeight="1" x14ac:dyDescent="0.15">
      <c r="A17" s="5">
        <v>10</v>
      </c>
      <c r="B17" s="22">
        <v>31</v>
      </c>
      <c r="C17" s="14">
        <v>47</v>
      </c>
      <c r="D17" s="18">
        <v>78</v>
      </c>
    </row>
    <row r="18" spans="1:4" ht="18" customHeight="1" x14ac:dyDescent="0.15">
      <c r="A18" s="5">
        <v>11</v>
      </c>
      <c r="B18" s="22">
        <v>36</v>
      </c>
      <c r="C18" s="14">
        <v>38</v>
      </c>
      <c r="D18" s="18">
        <v>74</v>
      </c>
    </row>
    <row r="19" spans="1:4" ht="18" customHeight="1" x14ac:dyDescent="0.15">
      <c r="A19" s="5">
        <v>12</v>
      </c>
      <c r="B19" s="22">
        <v>37</v>
      </c>
      <c r="C19" s="14">
        <v>36</v>
      </c>
      <c r="D19" s="18">
        <v>73</v>
      </c>
    </row>
    <row r="20" spans="1:4" ht="18" customHeight="1" x14ac:dyDescent="0.15">
      <c r="A20" s="5">
        <v>13</v>
      </c>
      <c r="B20" s="22">
        <v>40</v>
      </c>
      <c r="C20" s="14">
        <v>30</v>
      </c>
      <c r="D20" s="18">
        <v>70</v>
      </c>
    </row>
    <row r="21" spans="1:4" ht="18" customHeight="1" x14ac:dyDescent="0.15">
      <c r="A21" s="5">
        <v>14</v>
      </c>
      <c r="B21" s="22">
        <v>41</v>
      </c>
      <c r="C21" s="14">
        <v>30</v>
      </c>
      <c r="D21" s="18">
        <v>71</v>
      </c>
    </row>
    <row r="22" spans="1:4" ht="18" customHeight="1" x14ac:dyDescent="0.15">
      <c r="A22" s="5" t="s">
        <v>12</v>
      </c>
      <c r="B22" s="22">
        <v>185</v>
      </c>
      <c r="C22" s="14">
        <v>181</v>
      </c>
      <c r="D22" s="18">
        <v>366</v>
      </c>
    </row>
    <row r="23" spans="1:4" ht="18" customHeight="1" x14ac:dyDescent="0.15">
      <c r="A23" s="5" t="s">
        <v>6</v>
      </c>
      <c r="B23" s="22">
        <v>626</v>
      </c>
      <c r="C23" s="14">
        <v>578</v>
      </c>
      <c r="D23" s="18">
        <v>1204</v>
      </c>
    </row>
    <row r="24" spans="1:4" ht="18" customHeight="1" x14ac:dyDescent="0.15">
      <c r="A24" s="5">
        <v>15</v>
      </c>
      <c r="B24" s="22">
        <v>42</v>
      </c>
      <c r="C24" s="14">
        <v>33</v>
      </c>
      <c r="D24" s="18">
        <v>75</v>
      </c>
    </row>
    <row r="25" spans="1:4" ht="18" customHeight="1" x14ac:dyDescent="0.15">
      <c r="A25" s="5">
        <v>16</v>
      </c>
      <c r="B25" s="22">
        <v>36</v>
      </c>
      <c r="C25" s="14">
        <v>32</v>
      </c>
      <c r="D25" s="18">
        <v>68</v>
      </c>
    </row>
    <row r="26" spans="1:4" ht="18" customHeight="1" x14ac:dyDescent="0.15">
      <c r="A26" s="5">
        <v>17</v>
      </c>
      <c r="B26" s="22">
        <v>36</v>
      </c>
      <c r="C26" s="14">
        <v>34</v>
      </c>
      <c r="D26" s="18">
        <v>70</v>
      </c>
    </row>
    <row r="27" spans="1:4" ht="18" customHeight="1" x14ac:dyDescent="0.15">
      <c r="A27" s="5">
        <v>18</v>
      </c>
      <c r="B27" s="22">
        <v>47</v>
      </c>
      <c r="C27" s="14">
        <v>32</v>
      </c>
      <c r="D27" s="18">
        <v>79</v>
      </c>
    </row>
    <row r="28" spans="1:4" ht="18" customHeight="1" x14ac:dyDescent="0.15">
      <c r="A28" s="5">
        <v>19</v>
      </c>
      <c r="B28" s="22">
        <v>36</v>
      </c>
      <c r="C28" s="14">
        <v>36</v>
      </c>
      <c r="D28" s="18">
        <v>72</v>
      </c>
    </row>
    <row r="29" spans="1:4" ht="18" customHeight="1" x14ac:dyDescent="0.15">
      <c r="A29" s="5" t="s">
        <v>14</v>
      </c>
      <c r="B29" s="22">
        <v>197</v>
      </c>
      <c r="C29" s="14">
        <v>167</v>
      </c>
      <c r="D29" s="18">
        <v>364</v>
      </c>
    </row>
    <row r="30" spans="1:4" ht="18" customHeight="1" x14ac:dyDescent="0.15">
      <c r="A30" s="5">
        <v>20</v>
      </c>
      <c r="B30" s="22">
        <v>44</v>
      </c>
      <c r="C30" s="14">
        <v>30</v>
      </c>
      <c r="D30" s="18">
        <v>74</v>
      </c>
    </row>
    <row r="31" spans="1:4" ht="18" customHeight="1" x14ac:dyDescent="0.15">
      <c r="A31" s="5">
        <v>21</v>
      </c>
      <c r="B31" s="22">
        <v>41</v>
      </c>
      <c r="C31" s="14">
        <v>33</v>
      </c>
      <c r="D31" s="18">
        <v>74</v>
      </c>
    </row>
    <row r="32" spans="1:4" ht="18" customHeight="1" x14ac:dyDescent="0.15">
      <c r="A32" s="5">
        <v>22</v>
      </c>
      <c r="B32" s="22">
        <v>42</v>
      </c>
      <c r="C32" s="14">
        <v>27</v>
      </c>
      <c r="D32" s="18">
        <v>69</v>
      </c>
    </row>
    <row r="33" spans="1:4" ht="18" customHeight="1" x14ac:dyDescent="0.15">
      <c r="A33" s="5">
        <v>23</v>
      </c>
      <c r="B33" s="22">
        <v>45</v>
      </c>
      <c r="C33" s="14">
        <v>36</v>
      </c>
      <c r="D33" s="18">
        <v>81</v>
      </c>
    </row>
    <row r="34" spans="1:4" ht="18" customHeight="1" x14ac:dyDescent="0.15">
      <c r="A34" s="5">
        <v>24</v>
      </c>
      <c r="B34" s="22">
        <v>47</v>
      </c>
      <c r="C34" s="14">
        <v>49</v>
      </c>
      <c r="D34" s="18">
        <v>96</v>
      </c>
    </row>
    <row r="35" spans="1:4" ht="18" customHeight="1" x14ac:dyDescent="0.15">
      <c r="A35" s="5" t="s">
        <v>9</v>
      </c>
      <c r="B35" s="22">
        <v>219</v>
      </c>
      <c r="C35" s="14">
        <v>175</v>
      </c>
      <c r="D35" s="18">
        <v>394</v>
      </c>
    </row>
    <row r="36" spans="1:4" ht="18" customHeight="1" x14ac:dyDescent="0.15">
      <c r="A36" s="5">
        <v>25</v>
      </c>
      <c r="B36" s="22">
        <v>29</v>
      </c>
      <c r="C36" s="14">
        <v>27</v>
      </c>
      <c r="D36" s="18">
        <v>56</v>
      </c>
    </row>
    <row r="37" spans="1:4" ht="18" customHeight="1" x14ac:dyDescent="0.15">
      <c r="A37" s="5">
        <v>26</v>
      </c>
      <c r="B37" s="22">
        <v>45</v>
      </c>
      <c r="C37" s="14">
        <v>42</v>
      </c>
      <c r="D37" s="18">
        <v>87</v>
      </c>
    </row>
    <row r="38" spans="1:4" ht="18" customHeight="1" x14ac:dyDescent="0.15">
      <c r="A38" s="5">
        <v>27</v>
      </c>
      <c r="B38" s="22">
        <v>45</v>
      </c>
      <c r="C38" s="14">
        <v>34</v>
      </c>
      <c r="D38" s="18">
        <v>79</v>
      </c>
    </row>
    <row r="39" spans="1:4" ht="18" customHeight="1" x14ac:dyDescent="0.15">
      <c r="A39" s="5">
        <v>28</v>
      </c>
      <c r="B39" s="22">
        <v>27</v>
      </c>
      <c r="C39" s="14">
        <v>43</v>
      </c>
      <c r="D39" s="18">
        <v>70</v>
      </c>
    </row>
    <row r="40" spans="1:4" ht="18" customHeight="1" x14ac:dyDescent="0.15">
      <c r="A40" s="5">
        <v>29</v>
      </c>
      <c r="B40" s="22">
        <v>31</v>
      </c>
      <c r="C40" s="14">
        <v>32</v>
      </c>
      <c r="D40" s="18">
        <v>63</v>
      </c>
    </row>
    <row r="41" spans="1:4" ht="18" customHeight="1" x14ac:dyDescent="0.15">
      <c r="A41" s="5" t="s">
        <v>2</v>
      </c>
      <c r="B41" s="22">
        <v>177</v>
      </c>
      <c r="C41" s="14">
        <v>178</v>
      </c>
      <c r="D41" s="18">
        <v>355</v>
      </c>
    </row>
    <row r="42" spans="1:4" ht="18" customHeight="1" x14ac:dyDescent="0.15">
      <c r="A42" s="5">
        <v>30</v>
      </c>
      <c r="B42" s="22">
        <v>45</v>
      </c>
      <c r="C42" s="14">
        <v>43</v>
      </c>
      <c r="D42" s="18">
        <v>88</v>
      </c>
    </row>
    <row r="43" spans="1:4" ht="18" customHeight="1" x14ac:dyDescent="0.15">
      <c r="A43" s="5">
        <v>31</v>
      </c>
      <c r="B43" s="22">
        <v>53</v>
      </c>
      <c r="C43" s="14">
        <v>46</v>
      </c>
      <c r="D43" s="18">
        <v>99</v>
      </c>
    </row>
    <row r="44" spans="1:4" ht="18" customHeight="1" x14ac:dyDescent="0.15">
      <c r="A44" s="5">
        <v>32</v>
      </c>
      <c r="B44" s="22">
        <v>58</v>
      </c>
      <c r="C44" s="14">
        <v>52</v>
      </c>
      <c r="D44" s="18">
        <v>110</v>
      </c>
    </row>
    <row r="45" spans="1:4" ht="18" customHeight="1" x14ac:dyDescent="0.15">
      <c r="A45" s="5">
        <v>33</v>
      </c>
      <c r="B45" s="22">
        <v>55</v>
      </c>
      <c r="C45" s="14">
        <v>47</v>
      </c>
      <c r="D45" s="18">
        <v>102</v>
      </c>
    </row>
    <row r="46" spans="1:4" ht="18" customHeight="1" x14ac:dyDescent="0.15">
      <c r="A46" s="5">
        <v>34</v>
      </c>
      <c r="B46" s="22">
        <v>48</v>
      </c>
      <c r="C46" s="14">
        <v>63</v>
      </c>
      <c r="D46" s="18">
        <v>111</v>
      </c>
    </row>
    <row r="47" spans="1:4" ht="18" customHeight="1" x14ac:dyDescent="0.15">
      <c r="A47" s="5" t="s">
        <v>15</v>
      </c>
      <c r="B47" s="22">
        <v>259</v>
      </c>
      <c r="C47" s="14">
        <v>251</v>
      </c>
      <c r="D47" s="18">
        <v>510</v>
      </c>
    </row>
    <row r="48" spans="1:4" ht="18" customHeight="1" x14ac:dyDescent="0.15">
      <c r="A48" s="5">
        <v>35</v>
      </c>
      <c r="B48" s="22">
        <v>54</v>
      </c>
      <c r="C48" s="14">
        <v>46</v>
      </c>
      <c r="D48" s="18">
        <v>100</v>
      </c>
    </row>
    <row r="49" spans="1:4" ht="18" customHeight="1" x14ac:dyDescent="0.15">
      <c r="A49" s="5">
        <v>36</v>
      </c>
      <c r="B49" s="22">
        <v>63</v>
      </c>
      <c r="C49" s="14">
        <v>62</v>
      </c>
      <c r="D49" s="18">
        <v>125</v>
      </c>
    </row>
    <row r="50" spans="1:4" ht="18" customHeight="1" x14ac:dyDescent="0.15">
      <c r="A50" s="5">
        <v>37</v>
      </c>
      <c r="B50" s="22">
        <v>51</v>
      </c>
      <c r="C50" s="14">
        <v>53</v>
      </c>
      <c r="D50" s="18">
        <v>104</v>
      </c>
    </row>
    <row r="51" spans="1:4" ht="18" customHeight="1" x14ac:dyDescent="0.15">
      <c r="A51" s="5">
        <v>38</v>
      </c>
      <c r="B51" s="22">
        <v>55</v>
      </c>
      <c r="C51" s="14">
        <v>41</v>
      </c>
      <c r="D51" s="18">
        <v>96</v>
      </c>
    </row>
    <row r="52" spans="1:4" ht="18" customHeight="1" x14ac:dyDescent="0.15">
      <c r="A52" s="5">
        <v>39</v>
      </c>
      <c r="B52" s="22">
        <v>62</v>
      </c>
      <c r="C52" s="14">
        <v>53</v>
      </c>
      <c r="D52" s="18">
        <v>115</v>
      </c>
    </row>
    <row r="53" spans="1:4" ht="18" customHeight="1" x14ac:dyDescent="0.15">
      <c r="A53" s="5" t="s">
        <v>18</v>
      </c>
      <c r="B53" s="22">
        <v>285</v>
      </c>
      <c r="C53" s="14">
        <v>255</v>
      </c>
      <c r="D53" s="18">
        <v>540</v>
      </c>
    </row>
    <row r="54" spans="1:4" ht="18" customHeight="1" x14ac:dyDescent="0.15">
      <c r="A54" s="5">
        <v>40</v>
      </c>
      <c r="B54" s="22">
        <v>54</v>
      </c>
      <c r="C54" s="14">
        <v>47</v>
      </c>
      <c r="D54" s="18">
        <v>101</v>
      </c>
    </row>
    <row r="55" spans="1:4" ht="18" customHeight="1" x14ac:dyDescent="0.15">
      <c r="A55" s="5">
        <v>41</v>
      </c>
      <c r="B55" s="22">
        <v>66</v>
      </c>
      <c r="C55" s="14">
        <v>58</v>
      </c>
      <c r="D55" s="18">
        <v>124</v>
      </c>
    </row>
    <row r="56" spans="1:4" ht="18" customHeight="1" x14ac:dyDescent="0.15">
      <c r="A56" s="5">
        <v>42</v>
      </c>
      <c r="B56" s="22">
        <v>54</v>
      </c>
      <c r="C56" s="14">
        <v>41</v>
      </c>
      <c r="D56" s="18">
        <v>95</v>
      </c>
    </row>
    <row r="57" spans="1:4" ht="18" customHeight="1" x14ac:dyDescent="0.15">
      <c r="A57" s="5">
        <v>43</v>
      </c>
      <c r="B57" s="22">
        <v>49</v>
      </c>
      <c r="C57" s="14">
        <v>44</v>
      </c>
      <c r="D57" s="18">
        <v>93</v>
      </c>
    </row>
    <row r="58" spans="1:4" ht="18" customHeight="1" x14ac:dyDescent="0.15">
      <c r="A58" s="5">
        <v>44</v>
      </c>
      <c r="B58" s="22">
        <v>57</v>
      </c>
      <c r="C58" s="14">
        <v>66</v>
      </c>
      <c r="D58" s="18">
        <v>123</v>
      </c>
    </row>
    <row r="59" spans="1:4" ht="18" customHeight="1" x14ac:dyDescent="0.15">
      <c r="A59" s="5" t="s">
        <v>21</v>
      </c>
      <c r="B59" s="22">
        <v>280</v>
      </c>
      <c r="C59" s="14">
        <v>256</v>
      </c>
      <c r="D59" s="18">
        <v>536</v>
      </c>
    </row>
    <row r="60" spans="1:4" ht="18" customHeight="1" x14ac:dyDescent="0.15">
      <c r="A60" s="5">
        <v>45</v>
      </c>
      <c r="B60" s="22">
        <v>53</v>
      </c>
      <c r="C60" s="14">
        <v>48</v>
      </c>
      <c r="D60" s="18">
        <v>101</v>
      </c>
    </row>
    <row r="61" spans="1:4" ht="18" customHeight="1" x14ac:dyDescent="0.15">
      <c r="A61" s="5">
        <v>46</v>
      </c>
      <c r="B61" s="22">
        <v>66</v>
      </c>
      <c r="C61" s="14">
        <v>61</v>
      </c>
      <c r="D61" s="18">
        <v>127</v>
      </c>
    </row>
    <row r="62" spans="1:4" ht="18" customHeight="1" x14ac:dyDescent="0.15">
      <c r="A62" s="5">
        <v>47</v>
      </c>
      <c r="B62" s="22">
        <v>58</v>
      </c>
      <c r="C62" s="14">
        <v>54</v>
      </c>
      <c r="D62" s="18">
        <v>112</v>
      </c>
    </row>
    <row r="63" spans="1:4" ht="18" customHeight="1" x14ac:dyDescent="0.15">
      <c r="A63" s="5">
        <v>48</v>
      </c>
      <c r="B63" s="22">
        <v>58</v>
      </c>
      <c r="C63" s="14">
        <v>57</v>
      </c>
      <c r="D63" s="18">
        <v>115</v>
      </c>
    </row>
    <row r="64" spans="1:4" ht="18" customHeight="1" x14ac:dyDescent="0.15">
      <c r="A64" s="5">
        <v>49</v>
      </c>
      <c r="B64" s="22">
        <v>65</v>
      </c>
      <c r="C64" s="14">
        <v>54</v>
      </c>
      <c r="D64" s="18">
        <v>119</v>
      </c>
    </row>
    <row r="65" spans="1:4" ht="18" customHeight="1" x14ac:dyDescent="0.15">
      <c r="A65" s="5" t="s">
        <v>17</v>
      </c>
      <c r="B65" s="22">
        <v>300</v>
      </c>
      <c r="C65" s="14">
        <v>274</v>
      </c>
      <c r="D65" s="18">
        <v>574</v>
      </c>
    </row>
    <row r="66" spans="1:4" ht="18" customHeight="1" x14ac:dyDescent="0.15">
      <c r="A66" s="5">
        <v>50</v>
      </c>
      <c r="B66" s="22">
        <v>78</v>
      </c>
      <c r="C66" s="14">
        <v>56</v>
      </c>
      <c r="D66" s="18">
        <v>134</v>
      </c>
    </row>
    <row r="67" spans="1:4" ht="18" customHeight="1" x14ac:dyDescent="0.15">
      <c r="A67" s="5">
        <v>51</v>
      </c>
      <c r="B67" s="22">
        <v>47</v>
      </c>
      <c r="C67" s="14">
        <v>64</v>
      </c>
      <c r="D67" s="18">
        <v>111</v>
      </c>
    </row>
    <row r="68" spans="1:4" ht="18" customHeight="1" x14ac:dyDescent="0.15">
      <c r="A68" s="5">
        <v>52</v>
      </c>
      <c r="B68" s="22">
        <v>65</v>
      </c>
      <c r="C68" s="14">
        <v>65</v>
      </c>
      <c r="D68" s="18">
        <v>130</v>
      </c>
    </row>
    <row r="69" spans="1:4" ht="18" customHeight="1" x14ac:dyDescent="0.15">
      <c r="A69" s="5">
        <v>53</v>
      </c>
      <c r="B69" s="22">
        <v>68</v>
      </c>
      <c r="C69" s="14">
        <v>60</v>
      </c>
      <c r="D69" s="18">
        <v>128</v>
      </c>
    </row>
    <row r="70" spans="1:4" ht="18" customHeight="1" x14ac:dyDescent="0.15">
      <c r="A70" s="5">
        <v>54</v>
      </c>
      <c r="B70" s="22">
        <v>58</v>
      </c>
      <c r="C70" s="14">
        <v>48</v>
      </c>
      <c r="D70" s="18">
        <v>106</v>
      </c>
    </row>
    <row r="71" spans="1:4" ht="18" customHeight="1" x14ac:dyDescent="0.15">
      <c r="A71" s="5" t="s">
        <v>22</v>
      </c>
      <c r="B71" s="22">
        <v>316</v>
      </c>
      <c r="C71" s="14">
        <v>293</v>
      </c>
      <c r="D71" s="18">
        <v>609</v>
      </c>
    </row>
    <row r="72" spans="1:4" ht="18" customHeight="1" x14ac:dyDescent="0.15">
      <c r="A72" s="5">
        <v>55</v>
      </c>
      <c r="B72" s="22">
        <v>48</v>
      </c>
      <c r="C72" s="14">
        <v>55</v>
      </c>
      <c r="D72" s="18">
        <v>103</v>
      </c>
    </row>
    <row r="73" spans="1:4" ht="18" customHeight="1" x14ac:dyDescent="0.15">
      <c r="A73" s="5">
        <v>56</v>
      </c>
      <c r="B73" s="22">
        <v>45</v>
      </c>
      <c r="C73" s="14">
        <v>47</v>
      </c>
      <c r="D73" s="18">
        <v>92</v>
      </c>
    </row>
    <row r="74" spans="1:4" ht="18" customHeight="1" x14ac:dyDescent="0.15">
      <c r="A74" s="5">
        <v>57</v>
      </c>
      <c r="B74" s="22">
        <v>61</v>
      </c>
      <c r="C74" s="14">
        <v>54</v>
      </c>
      <c r="D74" s="18">
        <v>115</v>
      </c>
    </row>
    <row r="75" spans="1:4" ht="18" customHeight="1" x14ac:dyDescent="0.15">
      <c r="A75" s="5">
        <v>58</v>
      </c>
      <c r="B75" s="22">
        <v>41</v>
      </c>
      <c r="C75" s="14">
        <v>48</v>
      </c>
      <c r="D75" s="18">
        <v>89</v>
      </c>
    </row>
    <row r="76" spans="1:4" ht="18" customHeight="1" x14ac:dyDescent="0.15">
      <c r="A76" s="5">
        <v>59</v>
      </c>
      <c r="B76" s="22">
        <v>41</v>
      </c>
      <c r="C76" s="14">
        <v>45</v>
      </c>
      <c r="D76" s="18">
        <v>86</v>
      </c>
    </row>
    <row r="77" spans="1:4" ht="18" customHeight="1" x14ac:dyDescent="0.15">
      <c r="A77" s="5" t="s">
        <v>27</v>
      </c>
      <c r="B77" s="22">
        <v>236</v>
      </c>
      <c r="C77" s="14">
        <v>249</v>
      </c>
      <c r="D77" s="18">
        <v>485</v>
      </c>
    </row>
    <row r="78" spans="1:4" ht="18" customHeight="1" x14ac:dyDescent="0.15">
      <c r="A78" s="5">
        <v>60</v>
      </c>
      <c r="B78" s="22">
        <v>46</v>
      </c>
      <c r="C78" s="14">
        <v>42</v>
      </c>
      <c r="D78" s="18">
        <v>88</v>
      </c>
    </row>
    <row r="79" spans="1:4" ht="18" customHeight="1" x14ac:dyDescent="0.15">
      <c r="A79" s="5">
        <v>61</v>
      </c>
      <c r="B79" s="22">
        <v>57</v>
      </c>
      <c r="C79" s="14">
        <v>52</v>
      </c>
      <c r="D79" s="18">
        <v>109</v>
      </c>
    </row>
    <row r="80" spans="1:4" ht="18" customHeight="1" x14ac:dyDescent="0.15">
      <c r="A80" s="5">
        <v>62</v>
      </c>
      <c r="B80" s="22">
        <v>44</v>
      </c>
      <c r="C80" s="14">
        <v>48</v>
      </c>
      <c r="D80" s="18">
        <v>92</v>
      </c>
    </row>
    <row r="81" spans="1:4" ht="18" customHeight="1" x14ac:dyDescent="0.15">
      <c r="A81" s="5">
        <v>63</v>
      </c>
      <c r="B81" s="22">
        <v>47</v>
      </c>
      <c r="C81" s="14">
        <v>37</v>
      </c>
      <c r="D81" s="18">
        <v>84</v>
      </c>
    </row>
    <row r="82" spans="1:4" ht="18" customHeight="1" x14ac:dyDescent="0.15">
      <c r="A82" s="5">
        <v>64</v>
      </c>
      <c r="B82" s="22">
        <v>26</v>
      </c>
      <c r="C82" s="14">
        <v>35</v>
      </c>
      <c r="D82" s="18">
        <v>61</v>
      </c>
    </row>
    <row r="83" spans="1:4" ht="18" customHeight="1" x14ac:dyDescent="0.15">
      <c r="A83" s="5" t="s">
        <v>28</v>
      </c>
      <c r="B83" s="22">
        <v>220</v>
      </c>
      <c r="C83" s="14">
        <v>214</v>
      </c>
      <c r="D83" s="18">
        <v>434</v>
      </c>
    </row>
    <row r="84" spans="1:4" ht="18" customHeight="1" x14ac:dyDescent="0.15">
      <c r="A84" s="5" t="s">
        <v>31</v>
      </c>
      <c r="B84" s="22">
        <v>2489</v>
      </c>
      <c r="C84" s="14">
        <v>2312</v>
      </c>
      <c r="D84" s="18">
        <v>4801</v>
      </c>
    </row>
    <row r="85" spans="1:4" ht="18" customHeight="1" x14ac:dyDescent="0.15">
      <c r="A85" s="5">
        <v>65</v>
      </c>
      <c r="B85" s="22">
        <v>35</v>
      </c>
      <c r="C85" s="14">
        <v>33</v>
      </c>
      <c r="D85" s="18">
        <v>68</v>
      </c>
    </row>
    <row r="86" spans="1:4" ht="18" customHeight="1" x14ac:dyDescent="0.15">
      <c r="A86" s="5">
        <v>66</v>
      </c>
      <c r="B86" s="22">
        <v>42</v>
      </c>
      <c r="C86" s="14">
        <v>41</v>
      </c>
      <c r="D86" s="18">
        <v>83</v>
      </c>
    </row>
    <row r="87" spans="1:4" ht="18" customHeight="1" x14ac:dyDescent="0.15">
      <c r="A87" s="5">
        <v>67</v>
      </c>
      <c r="B87" s="22">
        <v>43</v>
      </c>
      <c r="C87" s="14">
        <v>31</v>
      </c>
      <c r="D87" s="18">
        <v>74</v>
      </c>
    </row>
    <row r="88" spans="1:4" ht="18" customHeight="1" x14ac:dyDescent="0.15">
      <c r="A88" s="5">
        <v>68</v>
      </c>
      <c r="B88" s="22">
        <v>40</v>
      </c>
      <c r="C88" s="14">
        <v>45</v>
      </c>
      <c r="D88" s="18">
        <v>85</v>
      </c>
    </row>
    <row r="89" spans="1:4" ht="18" customHeight="1" x14ac:dyDescent="0.15">
      <c r="A89" s="5">
        <v>69</v>
      </c>
      <c r="B89" s="22">
        <v>32</v>
      </c>
      <c r="C89" s="14">
        <v>38</v>
      </c>
      <c r="D89" s="18">
        <v>70</v>
      </c>
    </row>
    <row r="90" spans="1:4" ht="18" customHeight="1" x14ac:dyDescent="0.15">
      <c r="A90" s="5" t="s">
        <v>20</v>
      </c>
      <c r="B90" s="22">
        <v>192</v>
      </c>
      <c r="C90" s="14">
        <v>188</v>
      </c>
      <c r="D90" s="18">
        <v>380</v>
      </c>
    </row>
    <row r="91" spans="1:4" ht="18" customHeight="1" x14ac:dyDescent="0.15">
      <c r="A91" s="5">
        <v>70</v>
      </c>
      <c r="B91" s="22">
        <v>34</v>
      </c>
      <c r="C91" s="14">
        <v>55</v>
      </c>
      <c r="D91" s="18">
        <v>89</v>
      </c>
    </row>
    <row r="92" spans="1:4" ht="18" customHeight="1" x14ac:dyDescent="0.15">
      <c r="A92" s="5">
        <v>71</v>
      </c>
      <c r="B92" s="22">
        <v>46</v>
      </c>
      <c r="C92" s="14">
        <v>61</v>
      </c>
      <c r="D92" s="18">
        <v>107</v>
      </c>
    </row>
    <row r="93" spans="1:4" ht="18" customHeight="1" x14ac:dyDescent="0.15">
      <c r="A93" s="5">
        <v>72</v>
      </c>
      <c r="B93" s="22">
        <v>31</v>
      </c>
      <c r="C93" s="14">
        <v>40</v>
      </c>
      <c r="D93" s="18">
        <v>71</v>
      </c>
    </row>
    <row r="94" spans="1:4" ht="18" customHeight="1" x14ac:dyDescent="0.15">
      <c r="A94" s="5">
        <v>73</v>
      </c>
      <c r="B94" s="22">
        <v>44</v>
      </c>
      <c r="C94" s="14">
        <v>48</v>
      </c>
      <c r="D94" s="18">
        <v>92</v>
      </c>
    </row>
    <row r="95" spans="1:4" ht="18" customHeight="1" x14ac:dyDescent="0.15">
      <c r="A95" s="5">
        <v>74</v>
      </c>
      <c r="B95" s="22">
        <v>36</v>
      </c>
      <c r="C95" s="14">
        <v>43</v>
      </c>
      <c r="D95" s="18">
        <v>79</v>
      </c>
    </row>
    <row r="96" spans="1:4" ht="18" customHeight="1" x14ac:dyDescent="0.15">
      <c r="A96" s="5" t="s">
        <v>33</v>
      </c>
      <c r="B96" s="22">
        <v>191</v>
      </c>
      <c r="C96" s="14">
        <v>247</v>
      </c>
      <c r="D96" s="18">
        <v>438</v>
      </c>
    </row>
    <row r="97" spans="1:4" ht="18" customHeight="1" x14ac:dyDescent="0.15">
      <c r="A97" s="5">
        <v>75</v>
      </c>
      <c r="B97" s="22">
        <v>59</v>
      </c>
      <c r="C97" s="14">
        <v>46</v>
      </c>
      <c r="D97" s="18">
        <v>105</v>
      </c>
    </row>
    <row r="98" spans="1:4" ht="18" customHeight="1" x14ac:dyDescent="0.15">
      <c r="A98" s="5">
        <v>76</v>
      </c>
      <c r="B98" s="22">
        <v>54</v>
      </c>
      <c r="C98" s="14">
        <v>59</v>
      </c>
      <c r="D98" s="18">
        <v>113</v>
      </c>
    </row>
    <row r="99" spans="1:4" ht="18" customHeight="1" x14ac:dyDescent="0.15">
      <c r="A99" s="5">
        <v>77</v>
      </c>
      <c r="B99" s="22">
        <v>36</v>
      </c>
      <c r="C99" s="14">
        <v>57</v>
      </c>
      <c r="D99" s="18">
        <v>93</v>
      </c>
    </row>
    <row r="100" spans="1:4" ht="18" customHeight="1" x14ac:dyDescent="0.15">
      <c r="A100" s="5">
        <v>78</v>
      </c>
      <c r="B100" s="22">
        <v>46</v>
      </c>
      <c r="C100" s="14">
        <v>59</v>
      </c>
      <c r="D100" s="18">
        <v>105</v>
      </c>
    </row>
    <row r="101" spans="1:4" ht="18" customHeight="1" x14ac:dyDescent="0.15">
      <c r="A101" s="5">
        <v>79</v>
      </c>
      <c r="B101" s="22">
        <v>33</v>
      </c>
      <c r="C101" s="14">
        <v>33</v>
      </c>
      <c r="D101" s="18">
        <v>66</v>
      </c>
    </row>
    <row r="102" spans="1:4" ht="18" customHeight="1" x14ac:dyDescent="0.15">
      <c r="A102" s="5" t="s">
        <v>0</v>
      </c>
      <c r="B102" s="22">
        <v>228</v>
      </c>
      <c r="C102" s="14">
        <v>254</v>
      </c>
      <c r="D102" s="18">
        <v>482</v>
      </c>
    </row>
    <row r="103" spans="1:4" ht="18" customHeight="1" x14ac:dyDescent="0.15">
      <c r="A103" s="5">
        <v>80</v>
      </c>
      <c r="B103" s="22">
        <v>22</v>
      </c>
      <c r="C103" s="14">
        <v>37</v>
      </c>
      <c r="D103" s="18">
        <v>59</v>
      </c>
    </row>
    <row r="104" spans="1:4" ht="18" customHeight="1" x14ac:dyDescent="0.15">
      <c r="A104" s="5">
        <v>81</v>
      </c>
      <c r="B104" s="22">
        <v>32</v>
      </c>
      <c r="C104" s="14">
        <v>38</v>
      </c>
      <c r="D104" s="18">
        <v>70</v>
      </c>
    </row>
    <row r="105" spans="1:4" ht="18" customHeight="1" x14ac:dyDescent="0.15">
      <c r="A105" s="5">
        <v>82</v>
      </c>
      <c r="B105" s="22">
        <v>20</v>
      </c>
      <c r="C105" s="14">
        <v>41</v>
      </c>
      <c r="D105" s="18">
        <v>61</v>
      </c>
    </row>
    <row r="106" spans="1:4" ht="18" customHeight="1" x14ac:dyDescent="0.15">
      <c r="A106" s="5">
        <v>83</v>
      </c>
      <c r="B106" s="22">
        <v>22</v>
      </c>
      <c r="C106" s="14">
        <v>37</v>
      </c>
      <c r="D106" s="18">
        <v>59</v>
      </c>
    </row>
    <row r="107" spans="1:4" ht="18" customHeight="1" x14ac:dyDescent="0.15">
      <c r="A107" s="5">
        <v>84</v>
      </c>
      <c r="B107" s="22">
        <v>25</v>
      </c>
      <c r="C107" s="14">
        <v>42</v>
      </c>
      <c r="D107" s="18">
        <v>67</v>
      </c>
    </row>
    <row r="108" spans="1:4" ht="18" customHeight="1" x14ac:dyDescent="0.15">
      <c r="A108" s="5" t="s">
        <v>35</v>
      </c>
      <c r="B108" s="22">
        <v>121</v>
      </c>
      <c r="C108" s="14">
        <v>195</v>
      </c>
      <c r="D108" s="18">
        <v>316</v>
      </c>
    </row>
    <row r="109" spans="1:4" ht="18" customHeight="1" x14ac:dyDescent="0.15">
      <c r="A109" s="5">
        <v>85</v>
      </c>
      <c r="B109" s="22">
        <v>28</v>
      </c>
      <c r="C109" s="14">
        <v>30</v>
      </c>
      <c r="D109" s="18">
        <v>58</v>
      </c>
    </row>
    <row r="110" spans="1:4" ht="18" customHeight="1" x14ac:dyDescent="0.15">
      <c r="A110" s="5">
        <v>86</v>
      </c>
      <c r="B110" s="22">
        <v>19</v>
      </c>
      <c r="C110" s="14">
        <v>22</v>
      </c>
      <c r="D110" s="18">
        <v>41</v>
      </c>
    </row>
    <row r="111" spans="1:4" ht="18" customHeight="1" x14ac:dyDescent="0.15">
      <c r="A111" s="5">
        <v>87</v>
      </c>
      <c r="B111" s="22">
        <v>20</v>
      </c>
      <c r="C111" s="14">
        <v>18</v>
      </c>
      <c r="D111" s="18">
        <v>38</v>
      </c>
    </row>
    <row r="112" spans="1:4" ht="18" customHeight="1" x14ac:dyDescent="0.15">
      <c r="A112" s="5">
        <v>88</v>
      </c>
      <c r="B112" s="22">
        <v>11</v>
      </c>
      <c r="C112" s="14">
        <v>26</v>
      </c>
      <c r="D112" s="18">
        <v>37</v>
      </c>
    </row>
    <row r="113" spans="1:4" ht="18" customHeight="1" x14ac:dyDescent="0.15">
      <c r="A113" s="5">
        <v>89</v>
      </c>
      <c r="B113" s="22">
        <v>10</v>
      </c>
      <c r="C113" s="14">
        <v>20</v>
      </c>
      <c r="D113" s="18">
        <v>30</v>
      </c>
    </row>
    <row r="114" spans="1:4" ht="18" customHeight="1" x14ac:dyDescent="0.15">
      <c r="A114" s="5" t="s">
        <v>37</v>
      </c>
      <c r="B114" s="22">
        <v>88</v>
      </c>
      <c r="C114" s="14">
        <v>116</v>
      </c>
      <c r="D114" s="18">
        <v>204</v>
      </c>
    </row>
    <row r="115" spans="1:4" ht="18" customHeight="1" x14ac:dyDescent="0.15">
      <c r="A115" s="5">
        <v>90</v>
      </c>
      <c r="B115" s="22">
        <v>7</v>
      </c>
      <c r="C115" s="14">
        <v>26</v>
      </c>
      <c r="D115" s="18">
        <v>33</v>
      </c>
    </row>
    <row r="116" spans="1:4" ht="18" customHeight="1" x14ac:dyDescent="0.15">
      <c r="A116" s="5">
        <v>91</v>
      </c>
      <c r="B116" s="22">
        <v>10</v>
      </c>
      <c r="C116" s="14">
        <v>16</v>
      </c>
      <c r="D116" s="18">
        <v>26</v>
      </c>
    </row>
    <row r="117" spans="1:4" ht="18" customHeight="1" x14ac:dyDescent="0.15">
      <c r="A117" s="5">
        <v>92</v>
      </c>
      <c r="B117" s="22">
        <v>4</v>
      </c>
      <c r="C117" s="14">
        <v>14</v>
      </c>
      <c r="D117" s="18">
        <v>18</v>
      </c>
    </row>
    <row r="118" spans="1:4" ht="18" customHeight="1" x14ac:dyDescent="0.15">
      <c r="A118" s="5">
        <v>93</v>
      </c>
      <c r="B118" s="22">
        <v>1</v>
      </c>
      <c r="C118" s="14">
        <v>14</v>
      </c>
      <c r="D118" s="18">
        <v>15</v>
      </c>
    </row>
    <row r="119" spans="1:4" ht="18" customHeight="1" x14ac:dyDescent="0.15">
      <c r="A119" s="5">
        <v>94</v>
      </c>
      <c r="B119" s="22">
        <v>2</v>
      </c>
      <c r="C119" s="14">
        <v>10</v>
      </c>
      <c r="D119" s="18">
        <v>12</v>
      </c>
    </row>
    <row r="120" spans="1:4" ht="18" customHeight="1" x14ac:dyDescent="0.15">
      <c r="A120" s="5" t="s">
        <v>39</v>
      </c>
      <c r="B120" s="22">
        <v>24</v>
      </c>
      <c r="C120" s="14">
        <v>80</v>
      </c>
      <c r="D120" s="18">
        <v>104</v>
      </c>
    </row>
    <row r="121" spans="1:4" ht="18" customHeight="1" x14ac:dyDescent="0.15">
      <c r="A121" s="5">
        <v>95</v>
      </c>
      <c r="B121" s="22">
        <v>0</v>
      </c>
      <c r="C121" s="14">
        <v>11</v>
      </c>
      <c r="D121" s="18">
        <v>11</v>
      </c>
    </row>
    <row r="122" spans="1:4" ht="18" customHeight="1" x14ac:dyDescent="0.15">
      <c r="A122" s="5">
        <v>96</v>
      </c>
      <c r="B122" s="22">
        <v>2</v>
      </c>
      <c r="C122" s="14">
        <v>9</v>
      </c>
      <c r="D122" s="18">
        <v>11</v>
      </c>
    </row>
    <row r="123" spans="1:4" ht="18" customHeight="1" x14ac:dyDescent="0.15">
      <c r="A123" s="5">
        <v>97</v>
      </c>
      <c r="B123" s="22">
        <v>0</v>
      </c>
      <c r="C123" s="14">
        <v>6</v>
      </c>
      <c r="D123" s="18">
        <v>6</v>
      </c>
    </row>
    <row r="124" spans="1:4" ht="18" customHeight="1" x14ac:dyDescent="0.15">
      <c r="A124" s="5">
        <v>98</v>
      </c>
      <c r="B124" s="22">
        <v>1</v>
      </c>
      <c r="C124" s="14">
        <v>8</v>
      </c>
      <c r="D124" s="18">
        <v>9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3</v>
      </c>
      <c r="C126" s="14">
        <v>35</v>
      </c>
      <c r="D126" s="18">
        <v>38</v>
      </c>
    </row>
    <row r="127" spans="1:4" ht="18" customHeight="1" x14ac:dyDescent="0.15">
      <c r="A127" s="5">
        <v>100</v>
      </c>
      <c r="B127" s="22">
        <v>1</v>
      </c>
      <c r="C127" s="14">
        <v>4</v>
      </c>
      <c r="D127" s="18">
        <v>5</v>
      </c>
    </row>
    <row r="128" spans="1:4" ht="18" customHeight="1" x14ac:dyDescent="0.15">
      <c r="A128" s="6" t="s">
        <v>43</v>
      </c>
      <c r="B128" s="22">
        <v>0</v>
      </c>
      <c r="C128" s="14">
        <v>3</v>
      </c>
      <c r="D128" s="18">
        <v>3</v>
      </c>
    </row>
    <row r="129" spans="1:4" ht="18" customHeight="1" x14ac:dyDescent="0.15">
      <c r="A129" s="5" t="s">
        <v>44</v>
      </c>
      <c r="B129" s="22">
        <v>1</v>
      </c>
      <c r="C129" s="14">
        <v>7</v>
      </c>
      <c r="D129" s="18">
        <v>8</v>
      </c>
    </row>
    <row r="130" spans="1:4" ht="18" customHeight="1" x14ac:dyDescent="0.15">
      <c r="A130" s="5" t="s">
        <v>46</v>
      </c>
      <c r="B130" s="22">
        <v>848</v>
      </c>
      <c r="C130" s="14">
        <v>1122</v>
      </c>
      <c r="D130" s="18">
        <v>1970</v>
      </c>
    </row>
    <row r="131" spans="1:4" ht="18" customHeight="1" x14ac:dyDescent="0.15">
      <c r="A131" s="7" t="s">
        <v>45</v>
      </c>
      <c r="B131" s="23">
        <v>3963</v>
      </c>
      <c r="C131" s="15">
        <v>4012</v>
      </c>
      <c r="D131" s="19">
        <v>797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52</v>
      </c>
      <c r="C5" s="29">
        <v>54</v>
      </c>
      <c r="D5" s="31">
        <v>106</v>
      </c>
    </row>
    <row r="6" spans="1:4" ht="18" customHeight="1" x14ac:dyDescent="0.15">
      <c r="A6" s="5">
        <v>1</v>
      </c>
      <c r="B6" s="27">
        <v>63</v>
      </c>
      <c r="C6" s="14">
        <v>60</v>
      </c>
      <c r="D6" s="18">
        <v>123</v>
      </c>
    </row>
    <row r="7" spans="1:4" ht="18" customHeight="1" x14ac:dyDescent="0.15">
      <c r="A7" s="5">
        <v>2</v>
      </c>
      <c r="B7" s="27">
        <v>69</v>
      </c>
      <c r="C7" s="14">
        <v>68</v>
      </c>
      <c r="D7" s="18">
        <v>137</v>
      </c>
    </row>
    <row r="8" spans="1:4" ht="18" customHeight="1" x14ac:dyDescent="0.15">
      <c r="A8" s="5">
        <v>3</v>
      </c>
      <c r="B8" s="27">
        <v>65</v>
      </c>
      <c r="C8" s="14">
        <v>66</v>
      </c>
      <c r="D8" s="18">
        <v>131</v>
      </c>
    </row>
    <row r="9" spans="1:4" ht="18" customHeight="1" x14ac:dyDescent="0.15">
      <c r="A9" s="5">
        <v>4</v>
      </c>
      <c r="B9" s="28">
        <v>75</v>
      </c>
      <c r="C9" s="30">
        <v>65</v>
      </c>
      <c r="D9" s="32">
        <v>140</v>
      </c>
    </row>
    <row r="10" spans="1:4" ht="18" customHeight="1" x14ac:dyDescent="0.15">
      <c r="A10" s="5" t="s">
        <v>7</v>
      </c>
      <c r="B10" s="22">
        <v>324</v>
      </c>
      <c r="C10" s="14">
        <v>313</v>
      </c>
      <c r="D10" s="18">
        <v>637</v>
      </c>
    </row>
    <row r="11" spans="1:4" ht="18" customHeight="1" x14ac:dyDescent="0.15">
      <c r="A11" s="5">
        <v>5</v>
      </c>
      <c r="B11" s="27">
        <v>73</v>
      </c>
      <c r="C11" s="14">
        <v>77</v>
      </c>
      <c r="D11" s="18">
        <v>150</v>
      </c>
    </row>
    <row r="12" spans="1:4" ht="18" customHeight="1" x14ac:dyDescent="0.15">
      <c r="A12" s="5">
        <v>6</v>
      </c>
      <c r="B12" s="27">
        <v>83</v>
      </c>
      <c r="C12" s="14">
        <v>61</v>
      </c>
      <c r="D12" s="18">
        <v>144</v>
      </c>
    </row>
    <row r="13" spans="1:4" ht="18" customHeight="1" x14ac:dyDescent="0.15">
      <c r="A13" s="5">
        <v>7</v>
      </c>
      <c r="B13" s="27">
        <v>83</v>
      </c>
      <c r="C13" s="14">
        <v>92</v>
      </c>
      <c r="D13" s="18">
        <v>175</v>
      </c>
    </row>
    <row r="14" spans="1:4" ht="18" customHeight="1" x14ac:dyDescent="0.15">
      <c r="A14" s="5">
        <v>8</v>
      </c>
      <c r="B14" s="27">
        <v>86</v>
      </c>
      <c r="C14" s="14">
        <v>66</v>
      </c>
      <c r="D14" s="18">
        <v>152</v>
      </c>
    </row>
    <row r="15" spans="1:4" ht="18" customHeight="1" x14ac:dyDescent="0.15">
      <c r="A15" s="5">
        <v>9</v>
      </c>
      <c r="B15" s="27">
        <v>90</v>
      </c>
      <c r="C15" s="14">
        <v>75</v>
      </c>
      <c r="D15" s="18">
        <v>165</v>
      </c>
    </row>
    <row r="16" spans="1:4" ht="18" customHeight="1" x14ac:dyDescent="0.15">
      <c r="A16" s="5" t="s">
        <v>11</v>
      </c>
      <c r="B16" s="22">
        <v>415</v>
      </c>
      <c r="C16" s="14">
        <v>371</v>
      </c>
      <c r="D16" s="18">
        <v>786</v>
      </c>
    </row>
    <row r="17" spans="1:4" ht="18" customHeight="1" x14ac:dyDescent="0.15">
      <c r="A17" s="5">
        <v>10</v>
      </c>
      <c r="B17" s="22">
        <v>86</v>
      </c>
      <c r="C17" s="14">
        <v>85</v>
      </c>
      <c r="D17" s="18">
        <v>171</v>
      </c>
    </row>
    <row r="18" spans="1:4" ht="18" customHeight="1" x14ac:dyDescent="0.15">
      <c r="A18" s="5">
        <v>11</v>
      </c>
      <c r="B18" s="22">
        <v>74</v>
      </c>
      <c r="C18" s="14">
        <v>71</v>
      </c>
      <c r="D18" s="18">
        <v>145</v>
      </c>
    </row>
    <row r="19" spans="1:4" ht="18" customHeight="1" x14ac:dyDescent="0.15">
      <c r="A19" s="5">
        <v>12</v>
      </c>
      <c r="B19" s="22">
        <v>74</v>
      </c>
      <c r="C19" s="14">
        <v>83</v>
      </c>
      <c r="D19" s="18">
        <v>157</v>
      </c>
    </row>
    <row r="20" spans="1:4" ht="18" customHeight="1" x14ac:dyDescent="0.15">
      <c r="A20" s="5">
        <v>13</v>
      </c>
      <c r="B20" s="22">
        <v>80</v>
      </c>
      <c r="C20" s="14">
        <v>66</v>
      </c>
      <c r="D20" s="18">
        <v>146</v>
      </c>
    </row>
    <row r="21" spans="1:4" ht="18" customHeight="1" x14ac:dyDescent="0.15">
      <c r="A21" s="5">
        <v>14</v>
      </c>
      <c r="B21" s="22">
        <v>86</v>
      </c>
      <c r="C21" s="14">
        <v>74</v>
      </c>
      <c r="D21" s="18">
        <v>160</v>
      </c>
    </row>
    <row r="22" spans="1:4" ht="18" customHeight="1" x14ac:dyDescent="0.15">
      <c r="A22" s="5" t="s">
        <v>12</v>
      </c>
      <c r="B22" s="22">
        <v>400</v>
      </c>
      <c r="C22" s="14">
        <v>379</v>
      </c>
      <c r="D22" s="18">
        <v>779</v>
      </c>
    </row>
    <row r="23" spans="1:4" ht="18" customHeight="1" x14ac:dyDescent="0.15">
      <c r="A23" s="5" t="s">
        <v>6</v>
      </c>
      <c r="B23" s="22">
        <v>1139</v>
      </c>
      <c r="C23" s="14">
        <v>1063</v>
      </c>
      <c r="D23" s="18">
        <v>2202</v>
      </c>
    </row>
    <row r="24" spans="1:4" ht="18" customHeight="1" x14ac:dyDescent="0.15">
      <c r="A24" s="5">
        <v>15</v>
      </c>
      <c r="B24" s="22">
        <v>98</v>
      </c>
      <c r="C24" s="14">
        <v>84</v>
      </c>
      <c r="D24" s="18">
        <v>182</v>
      </c>
    </row>
    <row r="25" spans="1:4" ht="18" customHeight="1" x14ac:dyDescent="0.15">
      <c r="A25" s="5">
        <v>16</v>
      </c>
      <c r="B25" s="22">
        <v>96</v>
      </c>
      <c r="C25" s="14">
        <v>73</v>
      </c>
      <c r="D25" s="18">
        <v>169</v>
      </c>
    </row>
    <row r="26" spans="1:4" ht="18" customHeight="1" x14ac:dyDescent="0.15">
      <c r="A26" s="5">
        <v>17</v>
      </c>
      <c r="B26" s="22">
        <v>87</v>
      </c>
      <c r="C26" s="14">
        <v>81</v>
      </c>
      <c r="D26" s="18">
        <v>168</v>
      </c>
    </row>
    <row r="27" spans="1:4" ht="18" customHeight="1" x14ac:dyDescent="0.15">
      <c r="A27" s="5">
        <v>18</v>
      </c>
      <c r="B27" s="22">
        <v>89</v>
      </c>
      <c r="C27" s="14">
        <v>80</v>
      </c>
      <c r="D27" s="18">
        <v>169</v>
      </c>
    </row>
    <row r="28" spans="1:4" ht="18" customHeight="1" x14ac:dyDescent="0.15">
      <c r="A28" s="5">
        <v>19</v>
      </c>
      <c r="B28" s="22">
        <v>70</v>
      </c>
      <c r="C28" s="14">
        <v>83</v>
      </c>
      <c r="D28" s="18">
        <v>153</v>
      </c>
    </row>
    <row r="29" spans="1:4" ht="18" customHeight="1" x14ac:dyDescent="0.15">
      <c r="A29" s="5" t="s">
        <v>14</v>
      </c>
      <c r="B29" s="22">
        <v>440</v>
      </c>
      <c r="C29" s="14">
        <v>401</v>
      </c>
      <c r="D29" s="18">
        <v>841</v>
      </c>
    </row>
    <row r="30" spans="1:4" ht="18" customHeight="1" x14ac:dyDescent="0.15">
      <c r="A30" s="5">
        <v>20</v>
      </c>
      <c r="B30" s="22">
        <v>88</v>
      </c>
      <c r="C30" s="14">
        <v>83</v>
      </c>
      <c r="D30" s="18">
        <v>171</v>
      </c>
    </row>
    <row r="31" spans="1:4" ht="18" customHeight="1" x14ac:dyDescent="0.15">
      <c r="A31" s="5">
        <v>21</v>
      </c>
      <c r="B31" s="22">
        <v>104</v>
      </c>
      <c r="C31" s="14">
        <v>89</v>
      </c>
      <c r="D31" s="18">
        <v>193</v>
      </c>
    </row>
    <row r="32" spans="1:4" ht="18" customHeight="1" x14ac:dyDescent="0.15">
      <c r="A32" s="5">
        <v>22</v>
      </c>
      <c r="B32" s="22">
        <v>107</v>
      </c>
      <c r="C32" s="14">
        <v>86</v>
      </c>
      <c r="D32" s="18">
        <v>193</v>
      </c>
    </row>
    <row r="33" spans="1:4" ht="18" customHeight="1" x14ac:dyDescent="0.15">
      <c r="A33" s="5">
        <v>23</v>
      </c>
      <c r="B33" s="22">
        <v>108</v>
      </c>
      <c r="C33" s="14">
        <v>69</v>
      </c>
      <c r="D33" s="18">
        <v>177</v>
      </c>
    </row>
    <row r="34" spans="1:4" ht="18" customHeight="1" x14ac:dyDescent="0.15">
      <c r="A34" s="5">
        <v>24</v>
      </c>
      <c r="B34" s="22">
        <v>108</v>
      </c>
      <c r="C34" s="14">
        <v>102</v>
      </c>
      <c r="D34" s="18">
        <v>210</v>
      </c>
    </row>
    <row r="35" spans="1:4" ht="18" customHeight="1" x14ac:dyDescent="0.15">
      <c r="A35" s="5" t="s">
        <v>9</v>
      </c>
      <c r="B35" s="22">
        <v>515</v>
      </c>
      <c r="C35" s="14">
        <v>429</v>
      </c>
      <c r="D35" s="18">
        <v>944</v>
      </c>
    </row>
    <row r="36" spans="1:4" ht="18" customHeight="1" x14ac:dyDescent="0.15">
      <c r="A36" s="5">
        <v>25</v>
      </c>
      <c r="B36" s="22">
        <v>105</v>
      </c>
      <c r="C36" s="14">
        <v>83</v>
      </c>
      <c r="D36" s="18">
        <v>188</v>
      </c>
    </row>
    <row r="37" spans="1:4" ht="18" customHeight="1" x14ac:dyDescent="0.15">
      <c r="A37" s="5">
        <v>26</v>
      </c>
      <c r="B37" s="22">
        <v>106</v>
      </c>
      <c r="C37" s="14">
        <v>94</v>
      </c>
      <c r="D37" s="18">
        <v>200</v>
      </c>
    </row>
    <row r="38" spans="1:4" ht="18" customHeight="1" x14ac:dyDescent="0.15">
      <c r="A38" s="5">
        <v>27</v>
      </c>
      <c r="B38" s="22">
        <v>102</v>
      </c>
      <c r="C38" s="14">
        <v>87</v>
      </c>
      <c r="D38" s="18">
        <v>189</v>
      </c>
    </row>
    <row r="39" spans="1:4" ht="18" customHeight="1" x14ac:dyDescent="0.15">
      <c r="A39" s="5">
        <v>28</v>
      </c>
      <c r="B39" s="22">
        <v>99</v>
      </c>
      <c r="C39" s="14">
        <v>89</v>
      </c>
      <c r="D39" s="18">
        <v>188</v>
      </c>
    </row>
    <row r="40" spans="1:4" ht="18" customHeight="1" x14ac:dyDescent="0.15">
      <c r="A40" s="5">
        <v>29</v>
      </c>
      <c r="B40" s="22">
        <v>92</v>
      </c>
      <c r="C40" s="14">
        <v>80</v>
      </c>
      <c r="D40" s="18">
        <v>172</v>
      </c>
    </row>
    <row r="41" spans="1:4" ht="18" customHeight="1" x14ac:dyDescent="0.15">
      <c r="A41" s="5" t="s">
        <v>2</v>
      </c>
      <c r="B41" s="22">
        <v>504</v>
      </c>
      <c r="C41" s="14">
        <v>433</v>
      </c>
      <c r="D41" s="18">
        <v>937</v>
      </c>
    </row>
    <row r="42" spans="1:4" ht="18" customHeight="1" x14ac:dyDescent="0.15">
      <c r="A42" s="5">
        <v>30</v>
      </c>
      <c r="B42" s="22">
        <v>113</v>
      </c>
      <c r="C42" s="14">
        <v>77</v>
      </c>
      <c r="D42" s="18">
        <v>190</v>
      </c>
    </row>
    <row r="43" spans="1:4" ht="18" customHeight="1" x14ac:dyDescent="0.15">
      <c r="A43" s="5">
        <v>31</v>
      </c>
      <c r="B43" s="22">
        <v>111</v>
      </c>
      <c r="C43" s="14">
        <v>92</v>
      </c>
      <c r="D43" s="18">
        <v>203</v>
      </c>
    </row>
    <row r="44" spans="1:4" ht="18" customHeight="1" x14ac:dyDescent="0.15">
      <c r="A44" s="5">
        <v>32</v>
      </c>
      <c r="B44" s="22">
        <v>113</v>
      </c>
      <c r="C44" s="14">
        <v>97</v>
      </c>
      <c r="D44" s="18">
        <v>210</v>
      </c>
    </row>
    <row r="45" spans="1:4" ht="18" customHeight="1" x14ac:dyDescent="0.15">
      <c r="A45" s="5">
        <v>33</v>
      </c>
      <c r="B45" s="22">
        <v>104</v>
      </c>
      <c r="C45" s="14">
        <v>90</v>
      </c>
      <c r="D45" s="18">
        <v>194</v>
      </c>
    </row>
    <row r="46" spans="1:4" ht="18" customHeight="1" x14ac:dyDescent="0.15">
      <c r="A46" s="5">
        <v>34</v>
      </c>
      <c r="B46" s="22">
        <v>114</v>
      </c>
      <c r="C46" s="14">
        <v>107</v>
      </c>
      <c r="D46" s="18">
        <v>221</v>
      </c>
    </row>
    <row r="47" spans="1:4" ht="18" customHeight="1" x14ac:dyDescent="0.15">
      <c r="A47" s="5" t="s">
        <v>15</v>
      </c>
      <c r="B47" s="22">
        <v>555</v>
      </c>
      <c r="C47" s="14">
        <v>463</v>
      </c>
      <c r="D47" s="18">
        <v>1018</v>
      </c>
    </row>
    <row r="48" spans="1:4" ht="18" customHeight="1" x14ac:dyDescent="0.15">
      <c r="A48" s="5">
        <v>35</v>
      </c>
      <c r="B48" s="22">
        <v>109</v>
      </c>
      <c r="C48" s="14">
        <v>88</v>
      </c>
      <c r="D48" s="18">
        <v>197</v>
      </c>
    </row>
    <row r="49" spans="1:4" ht="18" customHeight="1" x14ac:dyDescent="0.15">
      <c r="A49" s="5">
        <v>36</v>
      </c>
      <c r="B49" s="22">
        <v>120</v>
      </c>
      <c r="C49" s="14">
        <v>107</v>
      </c>
      <c r="D49" s="18">
        <v>227</v>
      </c>
    </row>
    <row r="50" spans="1:4" ht="18" customHeight="1" x14ac:dyDescent="0.15">
      <c r="A50" s="5">
        <v>37</v>
      </c>
      <c r="B50" s="22">
        <v>121</v>
      </c>
      <c r="C50" s="14">
        <v>96</v>
      </c>
      <c r="D50" s="18">
        <v>217</v>
      </c>
    </row>
    <row r="51" spans="1:4" ht="18" customHeight="1" x14ac:dyDescent="0.15">
      <c r="A51" s="5">
        <v>38</v>
      </c>
      <c r="B51" s="22">
        <v>126</v>
      </c>
      <c r="C51" s="14">
        <v>105</v>
      </c>
      <c r="D51" s="18">
        <v>231</v>
      </c>
    </row>
    <row r="52" spans="1:4" ht="18" customHeight="1" x14ac:dyDescent="0.15">
      <c r="A52" s="5">
        <v>39</v>
      </c>
      <c r="B52" s="22">
        <v>128</v>
      </c>
      <c r="C52" s="14">
        <v>119</v>
      </c>
      <c r="D52" s="18">
        <v>247</v>
      </c>
    </row>
    <row r="53" spans="1:4" ht="18" customHeight="1" x14ac:dyDescent="0.15">
      <c r="A53" s="5" t="s">
        <v>18</v>
      </c>
      <c r="B53" s="22">
        <v>604</v>
      </c>
      <c r="C53" s="14">
        <v>515</v>
      </c>
      <c r="D53" s="18">
        <v>1119</v>
      </c>
    </row>
    <row r="54" spans="1:4" ht="18" customHeight="1" x14ac:dyDescent="0.15">
      <c r="A54" s="5">
        <v>40</v>
      </c>
      <c r="B54" s="22">
        <v>121</v>
      </c>
      <c r="C54" s="14">
        <v>118</v>
      </c>
      <c r="D54" s="18">
        <v>239</v>
      </c>
    </row>
    <row r="55" spans="1:4" ht="18" customHeight="1" x14ac:dyDescent="0.15">
      <c r="A55" s="5">
        <v>41</v>
      </c>
      <c r="B55" s="22">
        <v>149</v>
      </c>
      <c r="C55" s="14">
        <v>118</v>
      </c>
      <c r="D55" s="18">
        <v>267</v>
      </c>
    </row>
    <row r="56" spans="1:4" ht="18" customHeight="1" x14ac:dyDescent="0.15">
      <c r="A56" s="5">
        <v>42</v>
      </c>
      <c r="B56" s="22">
        <v>129</v>
      </c>
      <c r="C56" s="14">
        <v>95</v>
      </c>
      <c r="D56" s="18">
        <v>224</v>
      </c>
    </row>
    <row r="57" spans="1:4" ht="18" customHeight="1" x14ac:dyDescent="0.15">
      <c r="A57" s="5">
        <v>43</v>
      </c>
      <c r="B57" s="22">
        <v>121</v>
      </c>
      <c r="C57" s="14">
        <v>109</v>
      </c>
      <c r="D57" s="18">
        <v>230</v>
      </c>
    </row>
    <row r="58" spans="1:4" ht="18" customHeight="1" x14ac:dyDescent="0.15">
      <c r="A58" s="5">
        <v>44</v>
      </c>
      <c r="B58" s="22">
        <v>137</v>
      </c>
      <c r="C58" s="14">
        <v>138</v>
      </c>
      <c r="D58" s="18">
        <v>275</v>
      </c>
    </row>
    <row r="59" spans="1:4" ht="18" customHeight="1" x14ac:dyDescent="0.15">
      <c r="A59" s="5" t="s">
        <v>21</v>
      </c>
      <c r="B59" s="22">
        <v>657</v>
      </c>
      <c r="C59" s="14">
        <v>578</v>
      </c>
      <c r="D59" s="18">
        <v>1235</v>
      </c>
    </row>
    <row r="60" spans="1:4" ht="18" customHeight="1" x14ac:dyDescent="0.15">
      <c r="A60" s="5">
        <v>45</v>
      </c>
      <c r="B60" s="22">
        <v>117</v>
      </c>
      <c r="C60" s="14">
        <v>105</v>
      </c>
      <c r="D60" s="18">
        <v>222</v>
      </c>
    </row>
    <row r="61" spans="1:4" ht="18" customHeight="1" x14ac:dyDescent="0.15">
      <c r="A61" s="5">
        <v>46</v>
      </c>
      <c r="B61" s="22">
        <v>147</v>
      </c>
      <c r="C61" s="14">
        <v>131</v>
      </c>
      <c r="D61" s="18">
        <v>278</v>
      </c>
    </row>
    <row r="62" spans="1:4" ht="18" customHeight="1" x14ac:dyDescent="0.15">
      <c r="A62" s="5">
        <v>47</v>
      </c>
      <c r="B62" s="22">
        <v>124</v>
      </c>
      <c r="C62" s="14">
        <v>132</v>
      </c>
      <c r="D62" s="18">
        <v>256</v>
      </c>
    </row>
    <row r="63" spans="1:4" ht="18" customHeight="1" x14ac:dyDescent="0.15">
      <c r="A63" s="5">
        <v>48</v>
      </c>
      <c r="B63" s="22">
        <v>157</v>
      </c>
      <c r="C63" s="14">
        <v>127</v>
      </c>
      <c r="D63" s="18">
        <v>284</v>
      </c>
    </row>
    <row r="64" spans="1:4" ht="18" customHeight="1" x14ac:dyDescent="0.15">
      <c r="A64" s="5">
        <v>49</v>
      </c>
      <c r="B64" s="22">
        <v>157</v>
      </c>
      <c r="C64" s="14">
        <v>131</v>
      </c>
      <c r="D64" s="18">
        <v>288</v>
      </c>
    </row>
    <row r="65" spans="1:4" ht="18" customHeight="1" x14ac:dyDescent="0.15">
      <c r="A65" s="5" t="s">
        <v>17</v>
      </c>
      <c r="B65" s="22">
        <v>702</v>
      </c>
      <c r="C65" s="14">
        <v>626</v>
      </c>
      <c r="D65" s="18">
        <v>1328</v>
      </c>
    </row>
    <row r="66" spans="1:4" ht="18" customHeight="1" x14ac:dyDescent="0.15">
      <c r="A66" s="5">
        <v>50</v>
      </c>
      <c r="B66" s="22">
        <v>177</v>
      </c>
      <c r="C66" s="14">
        <v>149</v>
      </c>
      <c r="D66" s="18">
        <v>326</v>
      </c>
    </row>
    <row r="67" spans="1:4" ht="18" customHeight="1" x14ac:dyDescent="0.15">
      <c r="A67" s="5">
        <v>51</v>
      </c>
      <c r="B67" s="22">
        <v>142</v>
      </c>
      <c r="C67" s="14">
        <v>163</v>
      </c>
      <c r="D67" s="18">
        <v>305</v>
      </c>
    </row>
    <row r="68" spans="1:4" ht="18" customHeight="1" x14ac:dyDescent="0.15">
      <c r="A68" s="5">
        <v>52</v>
      </c>
      <c r="B68" s="22">
        <v>159</v>
      </c>
      <c r="C68" s="14">
        <v>137</v>
      </c>
      <c r="D68" s="18">
        <v>296</v>
      </c>
    </row>
    <row r="69" spans="1:4" ht="18" customHeight="1" x14ac:dyDescent="0.15">
      <c r="A69" s="5">
        <v>53</v>
      </c>
      <c r="B69" s="22">
        <v>174</v>
      </c>
      <c r="C69" s="14">
        <v>166</v>
      </c>
      <c r="D69" s="18">
        <v>340</v>
      </c>
    </row>
    <row r="70" spans="1:4" ht="18" customHeight="1" x14ac:dyDescent="0.15">
      <c r="A70" s="5">
        <v>54</v>
      </c>
      <c r="B70" s="22">
        <v>175</v>
      </c>
      <c r="C70" s="14">
        <v>150</v>
      </c>
      <c r="D70" s="18">
        <v>325</v>
      </c>
    </row>
    <row r="71" spans="1:4" ht="18" customHeight="1" x14ac:dyDescent="0.15">
      <c r="A71" s="5" t="s">
        <v>22</v>
      </c>
      <c r="B71" s="22">
        <v>827</v>
      </c>
      <c r="C71" s="14">
        <v>765</v>
      </c>
      <c r="D71" s="18">
        <v>1592</v>
      </c>
    </row>
    <row r="72" spans="1:4" ht="18" customHeight="1" x14ac:dyDescent="0.15">
      <c r="A72" s="5">
        <v>55</v>
      </c>
      <c r="B72" s="22">
        <v>145</v>
      </c>
      <c r="C72" s="14">
        <v>162</v>
      </c>
      <c r="D72" s="18">
        <v>307</v>
      </c>
    </row>
    <row r="73" spans="1:4" ht="18" customHeight="1" x14ac:dyDescent="0.15">
      <c r="A73" s="5">
        <v>56</v>
      </c>
      <c r="B73" s="22">
        <v>136</v>
      </c>
      <c r="C73" s="14">
        <v>136</v>
      </c>
      <c r="D73" s="18">
        <v>272</v>
      </c>
    </row>
    <row r="74" spans="1:4" ht="18" customHeight="1" x14ac:dyDescent="0.15">
      <c r="A74" s="5">
        <v>57</v>
      </c>
      <c r="B74" s="22">
        <v>163</v>
      </c>
      <c r="C74" s="14">
        <v>154</v>
      </c>
      <c r="D74" s="18">
        <v>317</v>
      </c>
    </row>
    <row r="75" spans="1:4" ht="18" customHeight="1" x14ac:dyDescent="0.15">
      <c r="A75" s="5">
        <v>58</v>
      </c>
      <c r="B75" s="22">
        <v>148</v>
      </c>
      <c r="C75" s="14">
        <v>142</v>
      </c>
      <c r="D75" s="18">
        <v>290</v>
      </c>
    </row>
    <row r="76" spans="1:4" ht="18" customHeight="1" x14ac:dyDescent="0.15">
      <c r="A76" s="5">
        <v>59</v>
      </c>
      <c r="B76" s="22">
        <v>122</v>
      </c>
      <c r="C76" s="14">
        <v>132</v>
      </c>
      <c r="D76" s="18">
        <v>254</v>
      </c>
    </row>
    <row r="77" spans="1:4" ht="18" customHeight="1" x14ac:dyDescent="0.15">
      <c r="A77" s="5" t="s">
        <v>27</v>
      </c>
      <c r="B77" s="22">
        <v>714</v>
      </c>
      <c r="C77" s="14">
        <v>726</v>
      </c>
      <c r="D77" s="18">
        <v>1440</v>
      </c>
    </row>
    <row r="78" spans="1:4" ht="18" customHeight="1" x14ac:dyDescent="0.15">
      <c r="A78" s="5">
        <v>60</v>
      </c>
      <c r="B78" s="22">
        <v>137</v>
      </c>
      <c r="C78" s="14">
        <v>130</v>
      </c>
      <c r="D78" s="18">
        <v>267</v>
      </c>
    </row>
    <row r="79" spans="1:4" ht="18" customHeight="1" x14ac:dyDescent="0.15">
      <c r="A79" s="5">
        <v>61</v>
      </c>
      <c r="B79" s="22">
        <v>148</v>
      </c>
      <c r="C79" s="14">
        <v>150</v>
      </c>
      <c r="D79" s="18">
        <v>298</v>
      </c>
    </row>
    <row r="80" spans="1:4" ht="18" customHeight="1" x14ac:dyDescent="0.15">
      <c r="A80" s="5">
        <v>62</v>
      </c>
      <c r="B80" s="22">
        <v>140</v>
      </c>
      <c r="C80" s="14">
        <v>132</v>
      </c>
      <c r="D80" s="18">
        <v>272</v>
      </c>
    </row>
    <row r="81" spans="1:4" ht="18" customHeight="1" x14ac:dyDescent="0.15">
      <c r="A81" s="5">
        <v>63</v>
      </c>
      <c r="B81" s="22">
        <v>150</v>
      </c>
      <c r="C81" s="14">
        <v>113</v>
      </c>
      <c r="D81" s="18">
        <v>263</v>
      </c>
    </row>
    <row r="82" spans="1:4" ht="18" customHeight="1" x14ac:dyDescent="0.15">
      <c r="A82" s="5">
        <v>64</v>
      </c>
      <c r="B82" s="22">
        <v>111</v>
      </c>
      <c r="C82" s="14">
        <v>146</v>
      </c>
      <c r="D82" s="18">
        <v>257</v>
      </c>
    </row>
    <row r="83" spans="1:4" ht="18" customHeight="1" x14ac:dyDescent="0.15">
      <c r="A83" s="5" t="s">
        <v>28</v>
      </c>
      <c r="B83" s="22">
        <v>686</v>
      </c>
      <c r="C83" s="14">
        <v>671</v>
      </c>
      <c r="D83" s="18">
        <v>1357</v>
      </c>
    </row>
    <row r="84" spans="1:4" ht="18" customHeight="1" x14ac:dyDescent="0.15">
      <c r="A84" s="5" t="s">
        <v>31</v>
      </c>
      <c r="B84" s="22">
        <v>6204</v>
      </c>
      <c r="C84" s="14">
        <v>5607</v>
      </c>
      <c r="D84" s="18">
        <v>11811</v>
      </c>
    </row>
    <row r="85" spans="1:4" ht="18" customHeight="1" x14ac:dyDescent="0.15">
      <c r="A85" s="5">
        <v>65</v>
      </c>
      <c r="B85" s="22">
        <v>126</v>
      </c>
      <c r="C85" s="14">
        <v>137</v>
      </c>
      <c r="D85" s="18">
        <v>263</v>
      </c>
    </row>
    <row r="86" spans="1:4" ht="18" customHeight="1" x14ac:dyDescent="0.15">
      <c r="A86" s="5">
        <v>66</v>
      </c>
      <c r="B86" s="22">
        <v>136</v>
      </c>
      <c r="C86" s="14">
        <v>147</v>
      </c>
      <c r="D86" s="18">
        <v>283</v>
      </c>
    </row>
    <row r="87" spans="1:4" ht="18" customHeight="1" x14ac:dyDescent="0.15">
      <c r="A87" s="5">
        <v>67</v>
      </c>
      <c r="B87" s="22">
        <v>137</v>
      </c>
      <c r="C87" s="14">
        <v>137</v>
      </c>
      <c r="D87" s="18">
        <v>274</v>
      </c>
    </row>
    <row r="88" spans="1:4" ht="18" customHeight="1" x14ac:dyDescent="0.15">
      <c r="A88" s="5">
        <v>68</v>
      </c>
      <c r="B88" s="22">
        <v>131</v>
      </c>
      <c r="C88" s="14">
        <v>138</v>
      </c>
      <c r="D88" s="18">
        <v>269</v>
      </c>
    </row>
    <row r="89" spans="1:4" ht="18" customHeight="1" x14ac:dyDescent="0.15">
      <c r="A89" s="5">
        <v>69</v>
      </c>
      <c r="B89" s="22">
        <v>139</v>
      </c>
      <c r="C89" s="14">
        <v>124</v>
      </c>
      <c r="D89" s="18">
        <v>263</v>
      </c>
    </row>
    <row r="90" spans="1:4" ht="18" customHeight="1" x14ac:dyDescent="0.15">
      <c r="A90" s="5" t="s">
        <v>20</v>
      </c>
      <c r="B90" s="22">
        <v>669</v>
      </c>
      <c r="C90" s="14">
        <v>683</v>
      </c>
      <c r="D90" s="18">
        <v>1352</v>
      </c>
    </row>
    <row r="91" spans="1:4" ht="18" customHeight="1" x14ac:dyDescent="0.15">
      <c r="A91" s="5">
        <v>70</v>
      </c>
      <c r="B91" s="22">
        <v>135</v>
      </c>
      <c r="C91" s="14">
        <v>157</v>
      </c>
      <c r="D91" s="18">
        <v>292</v>
      </c>
    </row>
    <row r="92" spans="1:4" ht="18" customHeight="1" x14ac:dyDescent="0.15">
      <c r="A92" s="5">
        <v>71</v>
      </c>
      <c r="B92" s="22">
        <v>141</v>
      </c>
      <c r="C92" s="14">
        <v>162</v>
      </c>
      <c r="D92" s="18">
        <v>303</v>
      </c>
    </row>
    <row r="93" spans="1:4" ht="18" customHeight="1" x14ac:dyDescent="0.15">
      <c r="A93" s="5">
        <v>72</v>
      </c>
      <c r="B93" s="22">
        <v>141</v>
      </c>
      <c r="C93" s="14">
        <v>144</v>
      </c>
      <c r="D93" s="18">
        <v>285</v>
      </c>
    </row>
    <row r="94" spans="1:4" ht="18" customHeight="1" x14ac:dyDescent="0.15">
      <c r="A94" s="5">
        <v>73</v>
      </c>
      <c r="B94" s="22">
        <v>127</v>
      </c>
      <c r="C94" s="14">
        <v>157</v>
      </c>
      <c r="D94" s="18">
        <v>284</v>
      </c>
    </row>
    <row r="95" spans="1:4" ht="18" customHeight="1" x14ac:dyDescent="0.15">
      <c r="A95" s="5">
        <v>74</v>
      </c>
      <c r="B95" s="22">
        <v>139</v>
      </c>
      <c r="C95" s="14">
        <v>124</v>
      </c>
      <c r="D95" s="18">
        <v>263</v>
      </c>
    </row>
    <row r="96" spans="1:4" ht="18" customHeight="1" x14ac:dyDescent="0.15">
      <c r="A96" s="5" t="s">
        <v>33</v>
      </c>
      <c r="B96" s="22">
        <v>683</v>
      </c>
      <c r="C96" s="14">
        <v>744</v>
      </c>
      <c r="D96" s="18">
        <v>1427</v>
      </c>
    </row>
    <row r="97" spans="1:4" ht="18" customHeight="1" x14ac:dyDescent="0.15">
      <c r="A97" s="5">
        <v>75</v>
      </c>
      <c r="B97" s="22">
        <v>158</v>
      </c>
      <c r="C97" s="14">
        <v>149</v>
      </c>
      <c r="D97" s="18">
        <v>307</v>
      </c>
    </row>
    <row r="98" spans="1:4" ht="18" customHeight="1" x14ac:dyDescent="0.15">
      <c r="A98" s="5">
        <v>76</v>
      </c>
      <c r="B98" s="22">
        <v>155</v>
      </c>
      <c r="C98" s="14">
        <v>171</v>
      </c>
      <c r="D98" s="18">
        <v>326</v>
      </c>
    </row>
    <row r="99" spans="1:4" ht="18" customHeight="1" x14ac:dyDescent="0.15">
      <c r="A99" s="5">
        <v>77</v>
      </c>
      <c r="B99" s="22">
        <v>138</v>
      </c>
      <c r="C99" s="14">
        <v>172</v>
      </c>
      <c r="D99" s="18">
        <v>310</v>
      </c>
    </row>
    <row r="100" spans="1:4" ht="18" customHeight="1" x14ac:dyDescent="0.15">
      <c r="A100" s="5">
        <v>78</v>
      </c>
      <c r="B100" s="22">
        <v>164</v>
      </c>
      <c r="C100" s="14">
        <v>213</v>
      </c>
      <c r="D100" s="18">
        <v>377</v>
      </c>
    </row>
    <row r="101" spans="1:4" ht="18" customHeight="1" x14ac:dyDescent="0.15">
      <c r="A101" s="5">
        <v>79</v>
      </c>
      <c r="B101" s="22">
        <v>102</v>
      </c>
      <c r="C101" s="14">
        <v>127</v>
      </c>
      <c r="D101" s="18">
        <v>229</v>
      </c>
    </row>
    <row r="102" spans="1:4" ht="18" customHeight="1" x14ac:dyDescent="0.15">
      <c r="A102" s="5" t="s">
        <v>0</v>
      </c>
      <c r="B102" s="22">
        <v>717</v>
      </c>
      <c r="C102" s="14">
        <v>832</v>
      </c>
      <c r="D102" s="18">
        <v>1549</v>
      </c>
    </row>
    <row r="103" spans="1:4" ht="18" customHeight="1" x14ac:dyDescent="0.15">
      <c r="A103" s="5">
        <v>80</v>
      </c>
      <c r="B103" s="22">
        <v>78</v>
      </c>
      <c r="C103" s="14">
        <v>108</v>
      </c>
      <c r="D103" s="18">
        <v>186</v>
      </c>
    </row>
    <row r="104" spans="1:4" ht="18" customHeight="1" x14ac:dyDescent="0.15">
      <c r="A104" s="5">
        <v>81</v>
      </c>
      <c r="B104" s="22">
        <v>98</v>
      </c>
      <c r="C104" s="14">
        <v>142</v>
      </c>
      <c r="D104" s="18">
        <v>240</v>
      </c>
    </row>
    <row r="105" spans="1:4" ht="18" customHeight="1" x14ac:dyDescent="0.15">
      <c r="A105" s="5">
        <v>82</v>
      </c>
      <c r="B105" s="22">
        <v>67</v>
      </c>
      <c r="C105" s="14">
        <v>148</v>
      </c>
      <c r="D105" s="18">
        <v>215</v>
      </c>
    </row>
    <row r="106" spans="1:4" ht="18" customHeight="1" x14ac:dyDescent="0.15">
      <c r="A106" s="5">
        <v>83</v>
      </c>
      <c r="B106" s="22">
        <v>88</v>
      </c>
      <c r="C106" s="14">
        <v>137</v>
      </c>
      <c r="D106" s="18">
        <v>225</v>
      </c>
    </row>
    <row r="107" spans="1:4" ht="18" customHeight="1" x14ac:dyDescent="0.15">
      <c r="A107" s="5">
        <v>84</v>
      </c>
      <c r="B107" s="22">
        <v>98</v>
      </c>
      <c r="C107" s="14">
        <v>144</v>
      </c>
      <c r="D107" s="18">
        <v>242</v>
      </c>
    </row>
    <row r="108" spans="1:4" ht="18" customHeight="1" x14ac:dyDescent="0.15">
      <c r="A108" s="5" t="s">
        <v>35</v>
      </c>
      <c r="B108" s="22">
        <v>429</v>
      </c>
      <c r="C108" s="14">
        <v>679</v>
      </c>
      <c r="D108" s="18">
        <v>1108</v>
      </c>
    </row>
    <row r="109" spans="1:4" ht="18" customHeight="1" x14ac:dyDescent="0.15">
      <c r="A109" s="5">
        <v>85</v>
      </c>
      <c r="B109" s="22">
        <v>70</v>
      </c>
      <c r="C109" s="14">
        <v>128</v>
      </c>
      <c r="D109" s="18">
        <v>198</v>
      </c>
    </row>
    <row r="110" spans="1:4" ht="18" customHeight="1" x14ac:dyDescent="0.15">
      <c r="A110" s="5">
        <v>86</v>
      </c>
      <c r="B110" s="22">
        <v>63</v>
      </c>
      <c r="C110" s="14">
        <v>96</v>
      </c>
      <c r="D110" s="18">
        <v>159</v>
      </c>
    </row>
    <row r="111" spans="1:4" ht="18" customHeight="1" x14ac:dyDescent="0.15">
      <c r="A111" s="5">
        <v>87</v>
      </c>
      <c r="B111" s="22">
        <v>55</v>
      </c>
      <c r="C111" s="14">
        <v>73</v>
      </c>
      <c r="D111" s="18">
        <v>128</v>
      </c>
    </row>
    <row r="112" spans="1:4" ht="18" customHeight="1" x14ac:dyDescent="0.15">
      <c r="A112" s="5">
        <v>88</v>
      </c>
      <c r="B112" s="22">
        <v>46</v>
      </c>
      <c r="C112" s="14">
        <v>87</v>
      </c>
      <c r="D112" s="18">
        <v>133</v>
      </c>
    </row>
    <row r="113" spans="1:4" ht="18" customHeight="1" x14ac:dyDescent="0.15">
      <c r="A113" s="5">
        <v>89</v>
      </c>
      <c r="B113" s="22">
        <v>42</v>
      </c>
      <c r="C113" s="14">
        <v>82</v>
      </c>
      <c r="D113" s="18">
        <v>124</v>
      </c>
    </row>
    <row r="114" spans="1:4" ht="18" customHeight="1" x14ac:dyDescent="0.15">
      <c r="A114" s="5" t="s">
        <v>37</v>
      </c>
      <c r="B114" s="22">
        <v>276</v>
      </c>
      <c r="C114" s="14">
        <v>466</v>
      </c>
      <c r="D114" s="18">
        <v>742</v>
      </c>
    </row>
    <row r="115" spans="1:4" ht="18" customHeight="1" x14ac:dyDescent="0.15">
      <c r="A115" s="5">
        <v>90</v>
      </c>
      <c r="B115" s="22">
        <v>31</v>
      </c>
      <c r="C115" s="14">
        <v>95</v>
      </c>
      <c r="D115" s="18">
        <v>126</v>
      </c>
    </row>
    <row r="116" spans="1:4" ht="18" customHeight="1" x14ac:dyDescent="0.15">
      <c r="A116" s="5">
        <v>91</v>
      </c>
      <c r="B116" s="22">
        <v>31</v>
      </c>
      <c r="C116" s="14">
        <v>72</v>
      </c>
      <c r="D116" s="18">
        <v>103</v>
      </c>
    </row>
    <row r="117" spans="1:4" ht="18" customHeight="1" x14ac:dyDescent="0.15">
      <c r="A117" s="5">
        <v>92</v>
      </c>
      <c r="B117" s="22">
        <v>21</v>
      </c>
      <c r="C117" s="14">
        <v>65</v>
      </c>
      <c r="D117" s="18">
        <v>86</v>
      </c>
    </row>
    <row r="118" spans="1:4" ht="18" customHeight="1" x14ac:dyDescent="0.15">
      <c r="A118" s="5">
        <v>93</v>
      </c>
      <c r="B118" s="22">
        <v>14</v>
      </c>
      <c r="C118" s="14">
        <v>48</v>
      </c>
      <c r="D118" s="18">
        <v>62</v>
      </c>
    </row>
    <row r="119" spans="1:4" ht="18" customHeight="1" x14ac:dyDescent="0.15">
      <c r="A119" s="5">
        <v>94</v>
      </c>
      <c r="B119" s="22">
        <v>14</v>
      </c>
      <c r="C119" s="14">
        <v>46</v>
      </c>
      <c r="D119" s="18">
        <v>60</v>
      </c>
    </row>
    <row r="120" spans="1:4" ht="18" customHeight="1" x14ac:dyDescent="0.15">
      <c r="A120" s="5" t="s">
        <v>39</v>
      </c>
      <c r="B120" s="22">
        <v>111</v>
      </c>
      <c r="C120" s="14">
        <v>326</v>
      </c>
      <c r="D120" s="18">
        <v>437</v>
      </c>
    </row>
    <row r="121" spans="1:4" ht="18" customHeight="1" x14ac:dyDescent="0.15">
      <c r="A121" s="5">
        <v>95</v>
      </c>
      <c r="B121" s="22">
        <v>4</v>
      </c>
      <c r="C121" s="14">
        <v>47</v>
      </c>
      <c r="D121" s="18">
        <v>51</v>
      </c>
    </row>
    <row r="122" spans="1:4" ht="18" customHeight="1" x14ac:dyDescent="0.15">
      <c r="A122" s="5">
        <v>96</v>
      </c>
      <c r="B122" s="22">
        <v>7</v>
      </c>
      <c r="C122" s="14">
        <v>38</v>
      </c>
      <c r="D122" s="18">
        <v>45</v>
      </c>
    </row>
    <row r="123" spans="1:4" ht="18" customHeight="1" x14ac:dyDescent="0.15">
      <c r="A123" s="5">
        <v>97</v>
      </c>
      <c r="B123" s="22">
        <v>5</v>
      </c>
      <c r="C123" s="14">
        <v>23</v>
      </c>
      <c r="D123" s="18">
        <v>28</v>
      </c>
    </row>
    <row r="124" spans="1:4" ht="18" customHeight="1" x14ac:dyDescent="0.15">
      <c r="A124" s="5">
        <v>98</v>
      </c>
      <c r="B124" s="22">
        <v>1</v>
      </c>
      <c r="C124" s="14">
        <v>11</v>
      </c>
      <c r="D124" s="18">
        <v>12</v>
      </c>
    </row>
    <row r="125" spans="1:4" ht="18" customHeight="1" x14ac:dyDescent="0.15">
      <c r="A125" s="5">
        <v>99</v>
      </c>
      <c r="B125" s="22">
        <v>2</v>
      </c>
      <c r="C125" s="14">
        <v>9</v>
      </c>
      <c r="D125" s="18">
        <v>11</v>
      </c>
    </row>
    <row r="126" spans="1:4" ht="18" customHeight="1" x14ac:dyDescent="0.15">
      <c r="A126" s="5" t="s">
        <v>40</v>
      </c>
      <c r="B126" s="22">
        <v>19</v>
      </c>
      <c r="C126" s="14">
        <v>128</v>
      </c>
      <c r="D126" s="18">
        <v>147</v>
      </c>
    </row>
    <row r="127" spans="1:4" ht="18" customHeight="1" x14ac:dyDescent="0.15">
      <c r="A127" s="5">
        <v>100</v>
      </c>
      <c r="B127" s="22">
        <v>1</v>
      </c>
      <c r="C127" s="14">
        <v>9</v>
      </c>
      <c r="D127" s="18">
        <v>10</v>
      </c>
    </row>
    <row r="128" spans="1:4" ht="18" customHeight="1" x14ac:dyDescent="0.15">
      <c r="A128" s="6" t="s">
        <v>43</v>
      </c>
      <c r="B128" s="22">
        <v>0</v>
      </c>
      <c r="C128" s="14">
        <v>10</v>
      </c>
      <c r="D128" s="18">
        <v>10</v>
      </c>
    </row>
    <row r="129" spans="1:4" ht="18" customHeight="1" x14ac:dyDescent="0.15">
      <c r="A129" s="5" t="s">
        <v>44</v>
      </c>
      <c r="B129" s="22">
        <v>1</v>
      </c>
      <c r="C129" s="14">
        <v>19</v>
      </c>
      <c r="D129" s="18">
        <v>20</v>
      </c>
    </row>
    <row r="130" spans="1:4" ht="18" customHeight="1" x14ac:dyDescent="0.15">
      <c r="A130" s="5" t="s">
        <v>46</v>
      </c>
      <c r="B130" s="22">
        <v>2905</v>
      </c>
      <c r="C130" s="14">
        <v>3877</v>
      </c>
      <c r="D130" s="18">
        <v>6782</v>
      </c>
    </row>
    <row r="131" spans="1:4" ht="18" customHeight="1" x14ac:dyDescent="0.15">
      <c r="A131" s="7" t="s">
        <v>45</v>
      </c>
      <c r="B131" s="23">
        <v>10248</v>
      </c>
      <c r="C131" s="15">
        <v>10547</v>
      </c>
      <c r="D131" s="19">
        <v>2079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4</v>
      </c>
      <c r="C5" s="29">
        <v>4</v>
      </c>
      <c r="D5" s="31">
        <v>8</v>
      </c>
    </row>
    <row r="6" spans="1:4" ht="18" customHeight="1" x14ac:dyDescent="0.15">
      <c r="A6" s="5">
        <v>1</v>
      </c>
      <c r="B6" s="27">
        <v>3</v>
      </c>
      <c r="C6" s="14">
        <v>2</v>
      </c>
      <c r="D6" s="18">
        <v>5</v>
      </c>
    </row>
    <row r="7" spans="1:4" ht="18" customHeight="1" x14ac:dyDescent="0.15">
      <c r="A7" s="5">
        <v>2</v>
      </c>
      <c r="B7" s="27">
        <v>4</v>
      </c>
      <c r="C7" s="14">
        <v>6</v>
      </c>
      <c r="D7" s="18">
        <v>10</v>
      </c>
    </row>
    <row r="8" spans="1:4" ht="18" customHeight="1" x14ac:dyDescent="0.15">
      <c r="A8" s="5">
        <v>3</v>
      </c>
      <c r="B8" s="27">
        <v>2</v>
      </c>
      <c r="C8" s="14">
        <v>6</v>
      </c>
      <c r="D8" s="18">
        <v>8</v>
      </c>
    </row>
    <row r="9" spans="1:4" ht="18" customHeight="1" x14ac:dyDescent="0.15">
      <c r="A9" s="5">
        <v>4</v>
      </c>
      <c r="B9" s="28">
        <v>4</v>
      </c>
      <c r="C9" s="30">
        <v>5</v>
      </c>
      <c r="D9" s="32">
        <v>9</v>
      </c>
    </row>
    <row r="10" spans="1:4" ht="18" customHeight="1" x14ac:dyDescent="0.15">
      <c r="A10" s="5" t="s">
        <v>7</v>
      </c>
      <c r="B10" s="22">
        <v>17</v>
      </c>
      <c r="C10" s="14">
        <v>23</v>
      </c>
      <c r="D10" s="18">
        <v>40</v>
      </c>
    </row>
    <row r="11" spans="1:4" ht="18" customHeight="1" x14ac:dyDescent="0.15">
      <c r="A11" s="5">
        <v>5</v>
      </c>
      <c r="B11" s="27">
        <v>4</v>
      </c>
      <c r="C11" s="14">
        <v>4</v>
      </c>
      <c r="D11" s="18">
        <v>8</v>
      </c>
    </row>
    <row r="12" spans="1:4" ht="18" customHeight="1" x14ac:dyDescent="0.15">
      <c r="A12" s="5">
        <v>6</v>
      </c>
      <c r="B12" s="27">
        <v>3</v>
      </c>
      <c r="C12" s="14">
        <v>6</v>
      </c>
      <c r="D12" s="18">
        <v>9</v>
      </c>
    </row>
    <row r="13" spans="1:4" ht="18" customHeight="1" x14ac:dyDescent="0.15">
      <c r="A13" s="5">
        <v>7</v>
      </c>
      <c r="B13" s="27">
        <v>4</v>
      </c>
      <c r="C13" s="14">
        <v>4</v>
      </c>
      <c r="D13" s="18">
        <v>8</v>
      </c>
    </row>
    <row r="14" spans="1:4" ht="18" customHeight="1" x14ac:dyDescent="0.15">
      <c r="A14" s="5">
        <v>8</v>
      </c>
      <c r="B14" s="27">
        <v>8</v>
      </c>
      <c r="C14" s="14">
        <v>7</v>
      </c>
      <c r="D14" s="18">
        <v>15</v>
      </c>
    </row>
    <row r="15" spans="1:4" ht="18" customHeight="1" x14ac:dyDescent="0.15">
      <c r="A15" s="5">
        <v>9</v>
      </c>
      <c r="B15" s="27">
        <v>4</v>
      </c>
      <c r="C15" s="14">
        <v>8</v>
      </c>
      <c r="D15" s="18">
        <v>12</v>
      </c>
    </row>
    <row r="16" spans="1:4" ht="18" customHeight="1" x14ac:dyDescent="0.15">
      <c r="A16" s="5" t="s">
        <v>11</v>
      </c>
      <c r="B16" s="22">
        <v>23</v>
      </c>
      <c r="C16" s="14">
        <v>29</v>
      </c>
      <c r="D16" s="18">
        <v>52</v>
      </c>
    </row>
    <row r="17" spans="1:4" ht="18" customHeight="1" x14ac:dyDescent="0.15">
      <c r="A17" s="5">
        <v>10</v>
      </c>
      <c r="B17" s="22">
        <v>11</v>
      </c>
      <c r="C17" s="14">
        <v>5</v>
      </c>
      <c r="D17" s="18">
        <v>16</v>
      </c>
    </row>
    <row r="18" spans="1:4" ht="18" customHeight="1" x14ac:dyDescent="0.15">
      <c r="A18" s="5">
        <v>11</v>
      </c>
      <c r="B18" s="22">
        <v>12</v>
      </c>
      <c r="C18" s="14">
        <v>4</v>
      </c>
      <c r="D18" s="18">
        <v>16</v>
      </c>
    </row>
    <row r="19" spans="1:4" ht="18" customHeight="1" x14ac:dyDescent="0.15">
      <c r="A19" s="5">
        <v>12</v>
      </c>
      <c r="B19" s="22">
        <v>4</v>
      </c>
      <c r="C19" s="14">
        <v>3</v>
      </c>
      <c r="D19" s="18">
        <v>7</v>
      </c>
    </row>
    <row r="20" spans="1:4" ht="18" customHeight="1" x14ac:dyDescent="0.15">
      <c r="A20" s="5">
        <v>13</v>
      </c>
      <c r="B20" s="22">
        <v>9</v>
      </c>
      <c r="C20" s="14">
        <v>7</v>
      </c>
      <c r="D20" s="18">
        <v>16</v>
      </c>
    </row>
    <row r="21" spans="1:4" ht="18" customHeight="1" x14ac:dyDescent="0.15">
      <c r="A21" s="5">
        <v>14</v>
      </c>
      <c r="B21" s="22">
        <v>7</v>
      </c>
      <c r="C21" s="14">
        <v>11</v>
      </c>
      <c r="D21" s="18">
        <v>18</v>
      </c>
    </row>
    <row r="22" spans="1:4" ht="18" customHeight="1" x14ac:dyDescent="0.15">
      <c r="A22" s="5" t="s">
        <v>12</v>
      </c>
      <c r="B22" s="22">
        <v>43</v>
      </c>
      <c r="C22" s="14">
        <v>30</v>
      </c>
      <c r="D22" s="18">
        <v>73</v>
      </c>
    </row>
    <row r="23" spans="1:4" ht="18" customHeight="1" x14ac:dyDescent="0.15">
      <c r="A23" s="5" t="s">
        <v>6</v>
      </c>
      <c r="B23" s="22">
        <v>83</v>
      </c>
      <c r="C23" s="14">
        <v>82</v>
      </c>
      <c r="D23" s="18">
        <v>165</v>
      </c>
    </row>
    <row r="24" spans="1:4" ht="18" customHeight="1" x14ac:dyDescent="0.15">
      <c r="A24" s="5">
        <v>15</v>
      </c>
      <c r="B24" s="22">
        <v>10</v>
      </c>
      <c r="C24" s="14">
        <v>2</v>
      </c>
      <c r="D24" s="18">
        <v>12</v>
      </c>
    </row>
    <row r="25" spans="1:4" ht="18" customHeight="1" x14ac:dyDescent="0.15">
      <c r="A25" s="5">
        <v>16</v>
      </c>
      <c r="B25" s="22">
        <v>4</v>
      </c>
      <c r="C25" s="14">
        <v>6</v>
      </c>
      <c r="D25" s="18">
        <v>10</v>
      </c>
    </row>
    <row r="26" spans="1:4" ht="18" customHeight="1" x14ac:dyDescent="0.15">
      <c r="A26" s="5">
        <v>17</v>
      </c>
      <c r="B26" s="22">
        <v>8</v>
      </c>
      <c r="C26" s="14">
        <v>4</v>
      </c>
      <c r="D26" s="18">
        <v>12</v>
      </c>
    </row>
    <row r="27" spans="1:4" ht="18" customHeight="1" x14ac:dyDescent="0.15">
      <c r="A27" s="5">
        <v>18</v>
      </c>
      <c r="B27" s="22">
        <v>5</v>
      </c>
      <c r="C27" s="14">
        <v>9</v>
      </c>
      <c r="D27" s="18">
        <v>14</v>
      </c>
    </row>
    <row r="28" spans="1:4" ht="18" customHeight="1" x14ac:dyDescent="0.15">
      <c r="A28" s="5">
        <v>19</v>
      </c>
      <c r="B28" s="22">
        <v>15</v>
      </c>
      <c r="C28" s="14">
        <v>11</v>
      </c>
      <c r="D28" s="18">
        <v>26</v>
      </c>
    </row>
    <row r="29" spans="1:4" ht="18" customHeight="1" x14ac:dyDescent="0.15">
      <c r="A29" s="5" t="s">
        <v>14</v>
      </c>
      <c r="B29" s="22">
        <v>42</v>
      </c>
      <c r="C29" s="14">
        <v>32</v>
      </c>
      <c r="D29" s="18">
        <v>74</v>
      </c>
    </row>
    <row r="30" spans="1:4" ht="18" customHeight="1" x14ac:dyDescent="0.15">
      <c r="A30" s="5">
        <v>20</v>
      </c>
      <c r="B30" s="22">
        <v>5</v>
      </c>
      <c r="C30" s="14">
        <v>7</v>
      </c>
      <c r="D30" s="18">
        <v>12</v>
      </c>
    </row>
    <row r="31" spans="1:4" ht="18" customHeight="1" x14ac:dyDescent="0.15">
      <c r="A31" s="5">
        <v>21</v>
      </c>
      <c r="B31" s="22">
        <v>11</v>
      </c>
      <c r="C31" s="14">
        <v>7</v>
      </c>
      <c r="D31" s="18">
        <v>18</v>
      </c>
    </row>
    <row r="32" spans="1:4" ht="18" customHeight="1" x14ac:dyDescent="0.15">
      <c r="A32" s="5">
        <v>22</v>
      </c>
      <c r="B32" s="22">
        <v>7</v>
      </c>
      <c r="C32" s="14">
        <v>9</v>
      </c>
      <c r="D32" s="18">
        <v>16</v>
      </c>
    </row>
    <row r="33" spans="1:4" ht="18" customHeight="1" x14ac:dyDescent="0.15">
      <c r="A33" s="5">
        <v>23</v>
      </c>
      <c r="B33" s="22">
        <v>9</v>
      </c>
      <c r="C33" s="14">
        <v>9</v>
      </c>
      <c r="D33" s="18">
        <v>18</v>
      </c>
    </row>
    <row r="34" spans="1:4" ht="18" customHeight="1" x14ac:dyDescent="0.15">
      <c r="A34" s="5">
        <v>24</v>
      </c>
      <c r="B34" s="22">
        <v>13</v>
      </c>
      <c r="C34" s="14">
        <v>7</v>
      </c>
      <c r="D34" s="18">
        <v>20</v>
      </c>
    </row>
    <row r="35" spans="1:4" ht="18" customHeight="1" x14ac:dyDescent="0.15">
      <c r="A35" s="5" t="s">
        <v>9</v>
      </c>
      <c r="B35" s="22">
        <v>45</v>
      </c>
      <c r="C35" s="14">
        <v>39</v>
      </c>
      <c r="D35" s="18">
        <v>84</v>
      </c>
    </row>
    <row r="36" spans="1:4" ht="18" customHeight="1" x14ac:dyDescent="0.15">
      <c r="A36" s="5">
        <v>25</v>
      </c>
      <c r="B36" s="22">
        <v>8</v>
      </c>
      <c r="C36" s="14">
        <v>3</v>
      </c>
      <c r="D36" s="18">
        <v>11</v>
      </c>
    </row>
    <row r="37" spans="1:4" ht="18" customHeight="1" x14ac:dyDescent="0.15">
      <c r="A37" s="5">
        <v>26</v>
      </c>
      <c r="B37" s="22">
        <v>11</v>
      </c>
      <c r="C37" s="14">
        <v>13</v>
      </c>
      <c r="D37" s="18">
        <v>24</v>
      </c>
    </row>
    <row r="38" spans="1:4" ht="18" customHeight="1" x14ac:dyDescent="0.15">
      <c r="A38" s="5">
        <v>27</v>
      </c>
      <c r="B38" s="22">
        <v>9</v>
      </c>
      <c r="C38" s="14">
        <v>9</v>
      </c>
      <c r="D38" s="18">
        <v>18</v>
      </c>
    </row>
    <row r="39" spans="1:4" ht="18" customHeight="1" x14ac:dyDescent="0.15">
      <c r="A39" s="5">
        <v>28</v>
      </c>
      <c r="B39" s="22">
        <v>10</v>
      </c>
      <c r="C39" s="14">
        <v>5</v>
      </c>
      <c r="D39" s="18">
        <v>15</v>
      </c>
    </row>
    <row r="40" spans="1:4" ht="18" customHeight="1" x14ac:dyDescent="0.15">
      <c r="A40" s="5">
        <v>29</v>
      </c>
      <c r="B40" s="22">
        <v>7</v>
      </c>
      <c r="C40" s="14">
        <v>8</v>
      </c>
      <c r="D40" s="18">
        <v>15</v>
      </c>
    </row>
    <row r="41" spans="1:4" ht="18" customHeight="1" x14ac:dyDescent="0.15">
      <c r="A41" s="5" t="s">
        <v>2</v>
      </c>
      <c r="B41" s="22">
        <v>45</v>
      </c>
      <c r="C41" s="14">
        <v>38</v>
      </c>
      <c r="D41" s="18">
        <v>83</v>
      </c>
    </row>
    <row r="42" spans="1:4" ht="18" customHeight="1" x14ac:dyDescent="0.15">
      <c r="A42" s="5">
        <v>30</v>
      </c>
      <c r="B42" s="22">
        <v>6</v>
      </c>
      <c r="C42" s="14">
        <v>7</v>
      </c>
      <c r="D42" s="18">
        <v>13</v>
      </c>
    </row>
    <row r="43" spans="1:4" ht="18" customHeight="1" x14ac:dyDescent="0.15">
      <c r="A43" s="5">
        <v>31</v>
      </c>
      <c r="B43" s="22">
        <v>8</v>
      </c>
      <c r="C43" s="14">
        <v>9</v>
      </c>
      <c r="D43" s="18">
        <v>17</v>
      </c>
    </row>
    <row r="44" spans="1:4" ht="18" customHeight="1" x14ac:dyDescent="0.15">
      <c r="A44" s="5">
        <v>32</v>
      </c>
      <c r="B44" s="22">
        <v>7</v>
      </c>
      <c r="C44" s="14">
        <v>5</v>
      </c>
      <c r="D44" s="18">
        <v>12</v>
      </c>
    </row>
    <row r="45" spans="1:4" ht="18" customHeight="1" x14ac:dyDescent="0.15">
      <c r="A45" s="5">
        <v>33</v>
      </c>
      <c r="B45" s="22">
        <v>6</v>
      </c>
      <c r="C45" s="14">
        <v>7</v>
      </c>
      <c r="D45" s="18">
        <v>13</v>
      </c>
    </row>
    <row r="46" spans="1:4" ht="18" customHeight="1" x14ac:dyDescent="0.15">
      <c r="A46" s="5">
        <v>34</v>
      </c>
      <c r="B46" s="22">
        <v>8</v>
      </c>
      <c r="C46" s="14">
        <v>11</v>
      </c>
      <c r="D46" s="18">
        <v>19</v>
      </c>
    </row>
    <row r="47" spans="1:4" ht="18" customHeight="1" x14ac:dyDescent="0.15">
      <c r="A47" s="5" t="s">
        <v>15</v>
      </c>
      <c r="B47" s="22">
        <v>35</v>
      </c>
      <c r="C47" s="14">
        <v>39</v>
      </c>
      <c r="D47" s="18">
        <v>74</v>
      </c>
    </row>
    <row r="48" spans="1:4" ht="18" customHeight="1" x14ac:dyDescent="0.15">
      <c r="A48" s="5">
        <v>35</v>
      </c>
      <c r="B48" s="22">
        <v>3</v>
      </c>
      <c r="C48" s="14">
        <v>4</v>
      </c>
      <c r="D48" s="18">
        <v>7</v>
      </c>
    </row>
    <row r="49" spans="1:4" ht="18" customHeight="1" x14ac:dyDescent="0.15">
      <c r="A49" s="5">
        <v>36</v>
      </c>
      <c r="B49" s="22">
        <v>7</v>
      </c>
      <c r="C49" s="14">
        <v>5</v>
      </c>
      <c r="D49" s="18">
        <v>12</v>
      </c>
    </row>
    <row r="50" spans="1:4" ht="18" customHeight="1" x14ac:dyDescent="0.15">
      <c r="A50" s="5">
        <v>37</v>
      </c>
      <c r="B50" s="22">
        <v>5</v>
      </c>
      <c r="C50" s="14">
        <v>6</v>
      </c>
      <c r="D50" s="18">
        <v>11</v>
      </c>
    </row>
    <row r="51" spans="1:4" ht="18" customHeight="1" x14ac:dyDescent="0.15">
      <c r="A51" s="5">
        <v>38</v>
      </c>
      <c r="B51" s="22">
        <v>10</v>
      </c>
      <c r="C51" s="14">
        <v>5</v>
      </c>
      <c r="D51" s="18">
        <v>15</v>
      </c>
    </row>
    <row r="52" spans="1:4" ht="18" customHeight="1" x14ac:dyDescent="0.15">
      <c r="A52" s="5">
        <v>39</v>
      </c>
      <c r="B52" s="22">
        <v>13</v>
      </c>
      <c r="C52" s="14">
        <v>8</v>
      </c>
      <c r="D52" s="18">
        <v>21</v>
      </c>
    </row>
    <row r="53" spans="1:4" ht="18" customHeight="1" x14ac:dyDescent="0.15">
      <c r="A53" s="5" t="s">
        <v>18</v>
      </c>
      <c r="B53" s="22">
        <v>38</v>
      </c>
      <c r="C53" s="14">
        <v>28</v>
      </c>
      <c r="D53" s="18">
        <v>66</v>
      </c>
    </row>
    <row r="54" spans="1:4" ht="18" customHeight="1" x14ac:dyDescent="0.15">
      <c r="A54" s="5">
        <v>40</v>
      </c>
      <c r="B54" s="22">
        <v>5</v>
      </c>
      <c r="C54" s="14">
        <v>11</v>
      </c>
      <c r="D54" s="18">
        <v>16</v>
      </c>
    </row>
    <row r="55" spans="1:4" ht="18" customHeight="1" x14ac:dyDescent="0.15">
      <c r="A55" s="5">
        <v>41</v>
      </c>
      <c r="B55" s="22">
        <v>23</v>
      </c>
      <c r="C55" s="14">
        <v>11</v>
      </c>
      <c r="D55" s="18">
        <v>34</v>
      </c>
    </row>
    <row r="56" spans="1:4" ht="18" customHeight="1" x14ac:dyDescent="0.15">
      <c r="A56" s="5">
        <v>42</v>
      </c>
      <c r="B56" s="22">
        <v>15</v>
      </c>
      <c r="C56" s="14">
        <v>14</v>
      </c>
      <c r="D56" s="18">
        <v>29</v>
      </c>
    </row>
    <row r="57" spans="1:4" ht="18" customHeight="1" x14ac:dyDescent="0.15">
      <c r="A57" s="5">
        <v>43</v>
      </c>
      <c r="B57" s="22">
        <v>15</v>
      </c>
      <c r="C57" s="14">
        <v>8</v>
      </c>
      <c r="D57" s="18">
        <v>23</v>
      </c>
    </row>
    <row r="58" spans="1:4" ht="18" customHeight="1" x14ac:dyDescent="0.15">
      <c r="A58" s="5">
        <v>44</v>
      </c>
      <c r="B58" s="22">
        <v>7</v>
      </c>
      <c r="C58" s="14">
        <v>11</v>
      </c>
      <c r="D58" s="18">
        <v>18</v>
      </c>
    </row>
    <row r="59" spans="1:4" ht="18" customHeight="1" x14ac:dyDescent="0.15">
      <c r="A59" s="5" t="s">
        <v>21</v>
      </c>
      <c r="B59" s="22">
        <v>65</v>
      </c>
      <c r="C59" s="14">
        <v>55</v>
      </c>
      <c r="D59" s="18">
        <v>120</v>
      </c>
    </row>
    <row r="60" spans="1:4" ht="18" customHeight="1" x14ac:dyDescent="0.15">
      <c r="A60" s="5">
        <v>45</v>
      </c>
      <c r="B60" s="22">
        <v>10</v>
      </c>
      <c r="C60" s="14">
        <v>6</v>
      </c>
      <c r="D60" s="18">
        <v>16</v>
      </c>
    </row>
    <row r="61" spans="1:4" ht="18" customHeight="1" x14ac:dyDescent="0.15">
      <c r="A61" s="5">
        <v>46</v>
      </c>
      <c r="B61" s="22">
        <v>8</v>
      </c>
      <c r="C61" s="14">
        <v>10</v>
      </c>
      <c r="D61" s="18">
        <v>18</v>
      </c>
    </row>
    <row r="62" spans="1:4" ht="18" customHeight="1" x14ac:dyDescent="0.15">
      <c r="A62" s="5">
        <v>47</v>
      </c>
      <c r="B62" s="22">
        <v>9</v>
      </c>
      <c r="C62" s="14">
        <v>12</v>
      </c>
      <c r="D62" s="18">
        <v>21</v>
      </c>
    </row>
    <row r="63" spans="1:4" ht="18" customHeight="1" x14ac:dyDescent="0.15">
      <c r="A63" s="5">
        <v>48</v>
      </c>
      <c r="B63" s="22">
        <v>17</v>
      </c>
      <c r="C63" s="14">
        <v>18</v>
      </c>
      <c r="D63" s="18">
        <v>35</v>
      </c>
    </row>
    <row r="64" spans="1:4" ht="18" customHeight="1" x14ac:dyDescent="0.15">
      <c r="A64" s="5">
        <v>49</v>
      </c>
      <c r="B64" s="22">
        <v>17</v>
      </c>
      <c r="C64" s="14">
        <v>10</v>
      </c>
      <c r="D64" s="18">
        <v>27</v>
      </c>
    </row>
    <row r="65" spans="1:4" ht="18" customHeight="1" x14ac:dyDescent="0.15">
      <c r="A65" s="5" t="s">
        <v>17</v>
      </c>
      <c r="B65" s="22">
        <v>61</v>
      </c>
      <c r="C65" s="14">
        <v>56</v>
      </c>
      <c r="D65" s="18">
        <v>117</v>
      </c>
    </row>
    <row r="66" spans="1:4" ht="18" customHeight="1" x14ac:dyDescent="0.15">
      <c r="A66" s="5">
        <v>50</v>
      </c>
      <c r="B66" s="22">
        <v>17</v>
      </c>
      <c r="C66" s="14">
        <v>18</v>
      </c>
      <c r="D66" s="18">
        <v>35</v>
      </c>
    </row>
    <row r="67" spans="1:4" ht="18" customHeight="1" x14ac:dyDescent="0.15">
      <c r="A67" s="5">
        <v>51</v>
      </c>
      <c r="B67" s="22">
        <v>14</v>
      </c>
      <c r="C67" s="14">
        <v>14</v>
      </c>
      <c r="D67" s="18">
        <v>28</v>
      </c>
    </row>
    <row r="68" spans="1:4" ht="18" customHeight="1" x14ac:dyDescent="0.15">
      <c r="A68" s="5">
        <v>52</v>
      </c>
      <c r="B68" s="22">
        <v>15</v>
      </c>
      <c r="C68" s="14">
        <v>16</v>
      </c>
      <c r="D68" s="18">
        <v>31</v>
      </c>
    </row>
    <row r="69" spans="1:4" ht="18" customHeight="1" x14ac:dyDescent="0.15">
      <c r="A69" s="5">
        <v>53</v>
      </c>
      <c r="B69" s="22">
        <v>18</v>
      </c>
      <c r="C69" s="14">
        <v>21</v>
      </c>
      <c r="D69" s="18">
        <v>39</v>
      </c>
    </row>
    <row r="70" spans="1:4" ht="18" customHeight="1" x14ac:dyDescent="0.15">
      <c r="A70" s="5">
        <v>54</v>
      </c>
      <c r="B70" s="22">
        <v>24</v>
      </c>
      <c r="C70" s="14">
        <v>22</v>
      </c>
      <c r="D70" s="18">
        <v>46</v>
      </c>
    </row>
    <row r="71" spans="1:4" ht="18" customHeight="1" x14ac:dyDescent="0.15">
      <c r="A71" s="5" t="s">
        <v>22</v>
      </c>
      <c r="B71" s="22">
        <v>88</v>
      </c>
      <c r="C71" s="14">
        <v>91</v>
      </c>
      <c r="D71" s="18">
        <v>179</v>
      </c>
    </row>
    <row r="72" spans="1:4" ht="18" customHeight="1" x14ac:dyDescent="0.15">
      <c r="A72" s="5">
        <v>55</v>
      </c>
      <c r="B72" s="22">
        <v>30</v>
      </c>
      <c r="C72" s="14">
        <v>19</v>
      </c>
      <c r="D72" s="18">
        <v>49</v>
      </c>
    </row>
    <row r="73" spans="1:4" ht="18" customHeight="1" x14ac:dyDescent="0.15">
      <c r="A73" s="5">
        <v>56</v>
      </c>
      <c r="B73" s="22">
        <v>14</v>
      </c>
      <c r="C73" s="14">
        <v>18</v>
      </c>
      <c r="D73" s="18">
        <v>32</v>
      </c>
    </row>
    <row r="74" spans="1:4" ht="18" customHeight="1" x14ac:dyDescent="0.15">
      <c r="A74" s="5">
        <v>57</v>
      </c>
      <c r="B74" s="22">
        <v>19</v>
      </c>
      <c r="C74" s="14">
        <v>22</v>
      </c>
      <c r="D74" s="18">
        <v>41</v>
      </c>
    </row>
    <row r="75" spans="1:4" ht="18" customHeight="1" x14ac:dyDescent="0.15">
      <c r="A75" s="5">
        <v>58</v>
      </c>
      <c r="B75" s="22">
        <v>11</v>
      </c>
      <c r="C75" s="14">
        <v>19</v>
      </c>
      <c r="D75" s="18">
        <v>30</v>
      </c>
    </row>
    <row r="76" spans="1:4" ht="18" customHeight="1" x14ac:dyDescent="0.15">
      <c r="A76" s="5">
        <v>59</v>
      </c>
      <c r="B76" s="22">
        <v>17</v>
      </c>
      <c r="C76" s="14">
        <v>13</v>
      </c>
      <c r="D76" s="18">
        <v>30</v>
      </c>
    </row>
    <row r="77" spans="1:4" ht="18" customHeight="1" x14ac:dyDescent="0.15">
      <c r="A77" s="5" t="s">
        <v>27</v>
      </c>
      <c r="B77" s="22">
        <v>91</v>
      </c>
      <c r="C77" s="14">
        <v>91</v>
      </c>
      <c r="D77" s="18">
        <v>182</v>
      </c>
    </row>
    <row r="78" spans="1:4" ht="18" customHeight="1" x14ac:dyDescent="0.15">
      <c r="A78" s="5">
        <v>60</v>
      </c>
      <c r="B78" s="22">
        <v>15</v>
      </c>
      <c r="C78" s="14">
        <v>15</v>
      </c>
      <c r="D78" s="18">
        <v>30</v>
      </c>
    </row>
    <row r="79" spans="1:4" ht="18" customHeight="1" x14ac:dyDescent="0.15">
      <c r="A79" s="5">
        <v>61</v>
      </c>
      <c r="B79" s="22">
        <v>17</v>
      </c>
      <c r="C79" s="14">
        <v>16</v>
      </c>
      <c r="D79" s="18">
        <v>33</v>
      </c>
    </row>
    <row r="80" spans="1:4" ht="18" customHeight="1" x14ac:dyDescent="0.15">
      <c r="A80" s="5">
        <v>62</v>
      </c>
      <c r="B80" s="22">
        <v>12</v>
      </c>
      <c r="C80" s="14">
        <v>18</v>
      </c>
      <c r="D80" s="18">
        <v>30</v>
      </c>
    </row>
    <row r="81" spans="1:4" ht="18" customHeight="1" x14ac:dyDescent="0.15">
      <c r="A81" s="5">
        <v>63</v>
      </c>
      <c r="B81" s="22">
        <v>12</v>
      </c>
      <c r="C81" s="14">
        <v>9</v>
      </c>
      <c r="D81" s="18">
        <v>21</v>
      </c>
    </row>
    <row r="82" spans="1:4" ht="18" customHeight="1" x14ac:dyDescent="0.15">
      <c r="A82" s="5">
        <v>64</v>
      </c>
      <c r="B82" s="22">
        <v>20</v>
      </c>
      <c r="C82" s="14">
        <v>11</v>
      </c>
      <c r="D82" s="18">
        <v>31</v>
      </c>
    </row>
    <row r="83" spans="1:4" ht="18" customHeight="1" x14ac:dyDescent="0.15">
      <c r="A83" s="5" t="s">
        <v>28</v>
      </c>
      <c r="B83" s="22">
        <v>76</v>
      </c>
      <c r="C83" s="14">
        <v>69</v>
      </c>
      <c r="D83" s="18">
        <v>145</v>
      </c>
    </row>
    <row r="84" spans="1:4" ht="18" customHeight="1" x14ac:dyDescent="0.15">
      <c r="A84" s="5" t="s">
        <v>31</v>
      </c>
      <c r="B84" s="22">
        <v>586</v>
      </c>
      <c r="C84" s="14">
        <v>538</v>
      </c>
      <c r="D84" s="18">
        <v>1124</v>
      </c>
    </row>
    <row r="85" spans="1:4" ht="18" customHeight="1" x14ac:dyDescent="0.15">
      <c r="A85" s="5">
        <v>65</v>
      </c>
      <c r="B85" s="22">
        <v>17</v>
      </c>
      <c r="C85" s="14">
        <v>8</v>
      </c>
      <c r="D85" s="18">
        <v>25</v>
      </c>
    </row>
    <row r="86" spans="1:4" ht="18" customHeight="1" x14ac:dyDescent="0.15">
      <c r="A86" s="5">
        <v>66</v>
      </c>
      <c r="B86" s="22">
        <v>16</v>
      </c>
      <c r="C86" s="14">
        <v>18</v>
      </c>
      <c r="D86" s="18">
        <v>34</v>
      </c>
    </row>
    <row r="87" spans="1:4" ht="18" customHeight="1" x14ac:dyDescent="0.15">
      <c r="A87" s="5">
        <v>67</v>
      </c>
      <c r="B87" s="22">
        <v>18</v>
      </c>
      <c r="C87" s="14">
        <v>28</v>
      </c>
      <c r="D87" s="18">
        <v>46</v>
      </c>
    </row>
    <row r="88" spans="1:4" ht="18" customHeight="1" x14ac:dyDescent="0.15">
      <c r="A88" s="5">
        <v>68</v>
      </c>
      <c r="B88" s="22">
        <v>20</v>
      </c>
      <c r="C88" s="14">
        <v>15</v>
      </c>
      <c r="D88" s="18">
        <v>35</v>
      </c>
    </row>
    <row r="89" spans="1:4" ht="18" customHeight="1" x14ac:dyDescent="0.15">
      <c r="A89" s="5">
        <v>69</v>
      </c>
      <c r="B89" s="22">
        <v>19</v>
      </c>
      <c r="C89" s="14">
        <v>24</v>
      </c>
      <c r="D89" s="18">
        <v>43</v>
      </c>
    </row>
    <row r="90" spans="1:4" ht="18" customHeight="1" x14ac:dyDescent="0.15">
      <c r="A90" s="5" t="s">
        <v>20</v>
      </c>
      <c r="B90" s="22">
        <v>90</v>
      </c>
      <c r="C90" s="14">
        <v>93</v>
      </c>
      <c r="D90" s="18">
        <v>183</v>
      </c>
    </row>
    <row r="91" spans="1:4" ht="18" customHeight="1" x14ac:dyDescent="0.15">
      <c r="A91" s="5">
        <v>70</v>
      </c>
      <c r="B91" s="22">
        <v>9</v>
      </c>
      <c r="C91" s="14">
        <v>17</v>
      </c>
      <c r="D91" s="18">
        <v>26</v>
      </c>
    </row>
    <row r="92" spans="1:4" ht="18" customHeight="1" x14ac:dyDescent="0.15">
      <c r="A92" s="5">
        <v>71</v>
      </c>
      <c r="B92" s="22">
        <v>8</v>
      </c>
      <c r="C92" s="14">
        <v>17</v>
      </c>
      <c r="D92" s="18">
        <v>25</v>
      </c>
    </row>
    <row r="93" spans="1:4" ht="18" customHeight="1" x14ac:dyDescent="0.15">
      <c r="A93" s="5">
        <v>72</v>
      </c>
      <c r="B93" s="22">
        <v>18</v>
      </c>
      <c r="C93" s="14">
        <v>26</v>
      </c>
      <c r="D93" s="18">
        <v>44</v>
      </c>
    </row>
    <row r="94" spans="1:4" ht="18" customHeight="1" x14ac:dyDescent="0.15">
      <c r="A94" s="5">
        <v>73</v>
      </c>
      <c r="B94" s="22">
        <v>13</v>
      </c>
      <c r="C94" s="14">
        <v>25</v>
      </c>
      <c r="D94" s="18">
        <v>38</v>
      </c>
    </row>
    <row r="95" spans="1:4" ht="18" customHeight="1" x14ac:dyDescent="0.15">
      <c r="A95" s="5">
        <v>74</v>
      </c>
      <c r="B95" s="22">
        <v>27</v>
      </c>
      <c r="C95" s="14">
        <v>21</v>
      </c>
      <c r="D95" s="18">
        <v>48</v>
      </c>
    </row>
    <row r="96" spans="1:4" ht="18" customHeight="1" x14ac:dyDescent="0.15">
      <c r="A96" s="5" t="s">
        <v>33</v>
      </c>
      <c r="B96" s="22">
        <v>75</v>
      </c>
      <c r="C96" s="14">
        <v>106</v>
      </c>
      <c r="D96" s="18">
        <v>181</v>
      </c>
    </row>
    <row r="97" spans="1:4" ht="18" customHeight="1" x14ac:dyDescent="0.15">
      <c r="A97" s="5">
        <v>75</v>
      </c>
      <c r="B97" s="22">
        <v>25</v>
      </c>
      <c r="C97" s="14">
        <v>30</v>
      </c>
      <c r="D97" s="18">
        <v>55</v>
      </c>
    </row>
    <row r="98" spans="1:4" ht="18" customHeight="1" x14ac:dyDescent="0.15">
      <c r="A98" s="5">
        <v>76</v>
      </c>
      <c r="B98" s="22">
        <v>25</v>
      </c>
      <c r="C98" s="14">
        <v>29</v>
      </c>
      <c r="D98" s="18">
        <v>54</v>
      </c>
    </row>
    <row r="99" spans="1:4" ht="18" customHeight="1" x14ac:dyDescent="0.15">
      <c r="A99" s="5">
        <v>77</v>
      </c>
      <c r="B99" s="22">
        <v>23</v>
      </c>
      <c r="C99" s="14">
        <v>26</v>
      </c>
      <c r="D99" s="18">
        <v>49</v>
      </c>
    </row>
    <row r="100" spans="1:4" ht="18" customHeight="1" x14ac:dyDescent="0.15">
      <c r="A100" s="5">
        <v>78</v>
      </c>
      <c r="B100" s="22">
        <v>33</v>
      </c>
      <c r="C100" s="14">
        <v>27</v>
      </c>
      <c r="D100" s="18">
        <v>60</v>
      </c>
    </row>
    <row r="101" spans="1:4" ht="18" customHeight="1" x14ac:dyDescent="0.15">
      <c r="A101" s="5">
        <v>79</v>
      </c>
      <c r="B101" s="22">
        <v>22</v>
      </c>
      <c r="C101" s="14">
        <v>25</v>
      </c>
      <c r="D101" s="18">
        <v>47</v>
      </c>
    </row>
    <row r="102" spans="1:4" ht="18" customHeight="1" x14ac:dyDescent="0.15">
      <c r="A102" s="5" t="s">
        <v>0</v>
      </c>
      <c r="B102" s="22">
        <v>128</v>
      </c>
      <c r="C102" s="14">
        <v>137</v>
      </c>
      <c r="D102" s="18">
        <v>265</v>
      </c>
    </row>
    <row r="103" spans="1:4" ht="18" customHeight="1" x14ac:dyDescent="0.15">
      <c r="A103" s="5">
        <v>80</v>
      </c>
      <c r="B103" s="22">
        <v>8</v>
      </c>
      <c r="C103" s="14">
        <v>11</v>
      </c>
      <c r="D103" s="18">
        <v>19</v>
      </c>
    </row>
    <row r="104" spans="1:4" ht="18" customHeight="1" x14ac:dyDescent="0.15">
      <c r="A104" s="5">
        <v>81</v>
      </c>
      <c r="B104" s="22">
        <v>20</v>
      </c>
      <c r="C104" s="14">
        <v>29</v>
      </c>
      <c r="D104" s="18">
        <v>49</v>
      </c>
    </row>
    <row r="105" spans="1:4" ht="18" customHeight="1" x14ac:dyDescent="0.15">
      <c r="A105" s="5">
        <v>82</v>
      </c>
      <c r="B105" s="22">
        <v>11</v>
      </c>
      <c r="C105" s="14">
        <v>23</v>
      </c>
      <c r="D105" s="18">
        <v>34</v>
      </c>
    </row>
    <row r="106" spans="1:4" ht="18" customHeight="1" x14ac:dyDescent="0.15">
      <c r="A106" s="5">
        <v>83</v>
      </c>
      <c r="B106" s="22">
        <v>14</v>
      </c>
      <c r="C106" s="14">
        <v>23</v>
      </c>
      <c r="D106" s="18">
        <v>37</v>
      </c>
    </row>
    <row r="107" spans="1:4" ht="18" customHeight="1" x14ac:dyDescent="0.15">
      <c r="A107" s="5">
        <v>84</v>
      </c>
      <c r="B107" s="22">
        <v>13</v>
      </c>
      <c r="C107" s="14">
        <v>24</v>
      </c>
      <c r="D107" s="18">
        <v>37</v>
      </c>
    </row>
    <row r="108" spans="1:4" ht="18" customHeight="1" x14ac:dyDescent="0.15">
      <c r="A108" s="5" t="s">
        <v>35</v>
      </c>
      <c r="B108" s="22">
        <v>66</v>
      </c>
      <c r="C108" s="14">
        <v>110</v>
      </c>
      <c r="D108" s="18">
        <v>176</v>
      </c>
    </row>
    <row r="109" spans="1:4" ht="18" customHeight="1" x14ac:dyDescent="0.15">
      <c r="A109" s="5">
        <v>85</v>
      </c>
      <c r="B109" s="22">
        <v>8</v>
      </c>
      <c r="C109" s="14">
        <v>17</v>
      </c>
      <c r="D109" s="18">
        <v>25</v>
      </c>
    </row>
    <row r="110" spans="1:4" ht="18" customHeight="1" x14ac:dyDescent="0.15">
      <c r="A110" s="5">
        <v>86</v>
      </c>
      <c r="B110" s="22">
        <v>9</v>
      </c>
      <c r="C110" s="14">
        <v>10</v>
      </c>
      <c r="D110" s="18">
        <v>19</v>
      </c>
    </row>
    <row r="111" spans="1:4" ht="18" customHeight="1" x14ac:dyDescent="0.15">
      <c r="A111" s="5">
        <v>87</v>
      </c>
      <c r="B111" s="22">
        <v>8</v>
      </c>
      <c r="C111" s="14">
        <v>16</v>
      </c>
      <c r="D111" s="18">
        <v>24</v>
      </c>
    </row>
    <row r="112" spans="1:4" ht="18" customHeight="1" x14ac:dyDescent="0.15">
      <c r="A112" s="5">
        <v>88</v>
      </c>
      <c r="B112" s="22">
        <v>7</v>
      </c>
      <c r="C112" s="14">
        <v>22</v>
      </c>
      <c r="D112" s="18">
        <v>29</v>
      </c>
    </row>
    <row r="113" spans="1:4" ht="18" customHeight="1" x14ac:dyDescent="0.15">
      <c r="A113" s="5">
        <v>89</v>
      </c>
      <c r="B113" s="22">
        <v>6</v>
      </c>
      <c r="C113" s="14">
        <v>14</v>
      </c>
      <c r="D113" s="18">
        <v>20</v>
      </c>
    </row>
    <row r="114" spans="1:4" ht="18" customHeight="1" x14ac:dyDescent="0.15">
      <c r="A114" s="5" t="s">
        <v>37</v>
      </c>
      <c r="B114" s="22">
        <v>38</v>
      </c>
      <c r="C114" s="14">
        <v>79</v>
      </c>
      <c r="D114" s="18">
        <v>117</v>
      </c>
    </row>
    <row r="115" spans="1:4" ht="18" customHeight="1" x14ac:dyDescent="0.15">
      <c r="A115" s="5">
        <v>90</v>
      </c>
      <c r="B115" s="22">
        <v>4</v>
      </c>
      <c r="C115" s="14">
        <v>14</v>
      </c>
      <c r="D115" s="18">
        <v>18</v>
      </c>
    </row>
    <row r="116" spans="1:4" ht="18" customHeight="1" x14ac:dyDescent="0.15">
      <c r="A116" s="5">
        <v>91</v>
      </c>
      <c r="B116" s="22">
        <v>5</v>
      </c>
      <c r="C116" s="14">
        <v>10</v>
      </c>
      <c r="D116" s="18">
        <v>15</v>
      </c>
    </row>
    <row r="117" spans="1:4" ht="18" customHeight="1" x14ac:dyDescent="0.15">
      <c r="A117" s="5">
        <v>92</v>
      </c>
      <c r="B117" s="22">
        <v>8</v>
      </c>
      <c r="C117" s="14">
        <v>11</v>
      </c>
      <c r="D117" s="18">
        <v>19</v>
      </c>
    </row>
    <row r="118" spans="1:4" ht="18" customHeight="1" x14ac:dyDescent="0.15">
      <c r="A118" s="5">
        <v>93</v>
      </c>
      <c r="B118" s="22">
        <v>1</v>
      </c>
      <c r="C118" s="14">
        <v>6</v>
      </c>
      <c r="D118" s="18">
        <v>7</v>
      </c>
    </row>
    <row r="119" spans="1:4" ht="18" customHeight="1" x14ac:dyDescent="0.15">
      <c r="A119" s="5">
        <v>94</v>
      </c>
      <c r="B119" s="22">
        <v>0</v>
      </c>
      <c r="C119" s="14">
        <v>7</v>
      </c>
      <c r="D119" s="18">
        <v>7</v>
      </c>
    </row>
    <row r="120" spans="1:4" ht="18" customHeight="1" x14ac:dyDescent="0.15">
      <c r="A120" s="5" t="s">
        <v>39</v>
      </c>
      <c r="B120" s="22">
        <v>18</v>
      </c>
      <c r="C120" s="14">
        <v>48</v>
      </c>
      <c r="D120" s="18">
        <v>66</v>
      </c>
    </row>
    <row r="121" spans="1:4" ht="18" customHeight="1" x14ac:dyDescent="0.15">
      <c r="A121" s="5">
        <v>95</v>
      </c>
      <c r="B121" s="22">
        <v>3</v>
      </c>
      <c r="C121" s="14">
        <v>9</v>
      </c>
      <c r="D121" s="18">
        <v>12</v>
      </c>
    </row>
    <row r="122" spans="1:4" ht="18" customHeight="1" x14ac:dyDescent="0.15">
      <c r="A122" s="5">
        <v>96</v>
      </c>
      <c r="B122" s="22">
        <v>1</v>
      </c>
      <c r="C122" s="14">
        <v>4</v>
      </c>
      <c r="D122" s="18">
        <v>5</v>
      </c>
    </row>
    <row r="123" spans="1:4" ht="18" customHeight="1" x14ac:dyDescent="0.15">
      <c r="A123" s="5">
        <v>97</v>
      </c>
      <c r="B123" s="22">
        <v>1</v>
      </c>
      <c r="C123" s="14">
        <v>5</v>
      </c>
      <c r="D123" s="18">
        <v>6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23</v>
      </c>
      <c r="D126" s="18">
        <v>28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420</v>
      </c>
      <c r="C130" s="14">
        <v>599</v>
      </c>
      <c r="D130" s="18">
        <v>1019</v>
      </c>
    </row>
    <row r="131" spans="1:4" ht="18" customHeight="1" x14ac:dyDescent="0.15">
      <c r="A131" s="7" t="s">
        <v>45</v>
      </c>
      <c r="B131" s="23">
        <v>1089</v>
      </c>
      <c r="C131" s="15">
        <v>1219</v>
      </c>
      <c r="D131" s="19">
        <v>230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1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7</v>
      </c>
      <c r="C5" s="13">
        <v>7</v>
      </c>
      <c r="D5" s="17">
        <v>14</v>
      </c>
    </row>
    <row r="6" spans="1:4" ht="18" customHeight="1" x14ac:dyDescent="0.15">
      <c r="A6" s="5">
        <v>1</v>
      </c>
      <c r="B6" s="22">
        <v>5</v>
      </c>
      <c r="C6" s="14">
        <v>13</v>
      </c>
      <c r="D6" s="18">
        <v>18</v>
      </c>
    </row>
    <row r="7" spans="1:4" ht="18" customHeight="1" x14ac:dyDescent="0.15">
      <c r="A7" s="5">
        <v>2</v>
      </c>
      <c r="B7" s="22">
        <v>10</v>
      </c>
      <c r="C7" s="14">
        <v>10</v>
      </c>
      <c r="D7" s="18">
        <v>20</v>
      </c>
    </row>
    <row r="8" spans="1:4" ht="18" customHeight="1" x14ac:dyDescent="0.15">
      <c r="A8" s="5">
        <v>3</v>
      </c>
      <c r="B8" s="22">
        <v>10</v>
      </c>
      <c r="C8" s="14">
        <v>10</v>
      </c>
      <c r="D8" s="18">
        <v>20</v>
      </c>
    </row>
    <row r="9" spans="1:4" ht="18" customHeight="1" x14ac:dyDescent="0.15">
      <c r="A9" s="5">
        <v>4</v>
      </c>
      <c r="B9" s="22">
        <v>7</v>
      </c>
      <c r="C9" s="14">
        <v>9</v>
      </c>
      <c r="D9" s="18">
        <v>16</v>
      </c>
    </row>
    <row r="10" spans="1:4" ht="18" customHeight="1" x14ac:dyDescent="0.15">
      <c r="A10" s="5" t="s">
        <v>7</v>
      </c>
      <c r="B10" s="22">
        <v>39</v>
      </c>
      <c r="C10" s="14">
        <v>49</v>
      </c>
      <c r="D10" s="18">
        <v>88</v>
      </c>
    </row>
    <row r="11" spans="1:4" ht="18" customHeight="1" x14ac:dyDescent="0.15">
      <c r="A11" s="5">
        <v>5</v>
      </c>
      <c r="B11" s="22">
        <v>9</v>
      </c>
      <c r="C11" s="14">
        <v>7</v>
      </c>
      <c r="D11" s="18">
        <v>16</v>
      </c>
    </row>
    <row r="12" spans="1:4" ht="18" customHeight="1" x14ac:dyDescent="0.15">
      <c r="A12" s="5">
        <v>6</v>
      </c>
      <c r="B12" s="22">
        <v>15</v>
      </c>
      <c r="C12" s="14">
        <v>16</v>
      </c>
      <c r="D12" s="18">
        <v>31</v>
      </c>
    </row>
    <row r="13" spans="1:4" ht="18" customHeight="1" x14ac:dyDescent="0.15">
      <c r="A13" s="5">
        <v>7</v>
      </c>
      <c r="B13" s="22">
        <v>12</v>
      </c>
      <c r="C13" s="14">
        <v>11</v>
      </c>
      <c r="D13" s="18">
        <v>23</v>
      </c>
    </row>
    <row r="14" spans="1:4" ht="18" customHeight="1" x14ac:dyDescent="0.15">
      <c r="A14" s="5">
        <v>8</v>
      </c>
      <c r="B14" s="22">
        <v>12</v>
      </c>
      <c r="C14" s="14">
        <v>16</v>
      </c>
      <c r="D14" s="18">
        <v>28</v>
      </c>
    </row>
    <row r="15" spans="1:4" ht="18" customHeight="1" x14ac:dyDescent="0.15">
      <c r="A15" s="5">
        <v>9</v>
      </c>
      <c r="B15" s="22">
        <v>14</v>
      </c>
      <c r="C15" s="14">
        <v>13</v>
      </c>
      <c r="D15" s="18">
        <v>27</v>
      </c>
    </row>
    <row r="16" spans="1:4" ht="18" customHeight="1" x14ac:dyDescent="0.15">
      <c r="A16" s="5" t="s">
        <v>11</v>
      </c>
      <c r="B16" s="22">
        <v>62</v>
      </c>
      <c r="C16" s="14">
        <v>63</v>
      </c>
      <c r="D16" s="18">
        <v>125</v>
      </c>
    </row>
    <row r="17" spans="1:4" ht="18" customHeight="1" x14ac:dyDescent="0.15">
      <c r="A17" s="5">
        <v>10</v>
      </c>
      <c r="B17" s="22">
        <v>9</v>
      </c>
      <c r="C17" s="14">
        <v>12</v>
      </c>
      <c r="D17" s="18">
        <v>21</v>
      </c>
    </row>
    <row r="18" spans="1:4" ht="18" customHeight="1" x14ac:dyDescent="0.15">
      <c r="A18" s="5">
        <v>11</v>
      </c>
      <c r="B18" s="22">
        <v>8</v>
      </c>
      <c r="C18" s="14">
        <v>10</v>
      </c>
      <c r="D18" s="18">
        <v>18</v>
      </c>
    </row>
    <row r="19" spans="1:4" ht="18" customHeight="1" x14ac:dyDescent="0.15">
      <c r="A19" s="5">
        <v>12</v>
      </c>
      <c r="B19" s="22">
        <v>11</v>
      </c>
      <c r="C19" s="14">
        <v>9</v>
      </c>
      <c r="D19" s="18">
        <v>20</v>
      </c>
    </row>
    <row r="20" spans="1:4" ht="18" customHeight="1" x14ac:dyDescent="0.15">
      <c r="A20" s="5">
        <v>13</v>
      </c>
      <c r="B20" s="22">
        <v>9</v>
      </c>
      <c r="C20" s="14">
        <v>5</v>
      </c>
      <c r="D20" s="18">
        <v>14</v>
      </c>
    </row>
    <row r="21" spans="1:4" ht="18" customHeight="1" x14ac:dyDescent="0.15">
      <c r="A21" s="5">
        <v>14</v>
      </c>
      <c r="B21" s="22">
        <v>9</v>
      </c>
      <c r="C21" s="14">
        <v>13</v>
      </c>
      <c r="D21" s="18">
        <v>22</v>
      </c>
    </row>
    <row r="22" spans="1:4" ht="18" customHeight="1" x14ac:dyDescent="0.15">
      <c r="A22" s="5" t="s">
        <v>12</v>
      </c>
      <c r="B22" s="22">
        <v>46</v>
      </c>
      <c r="C22" s="14">
        <v>49</v>
      </c>
      <c r="D22" s="18">
        <v>95</v>
      </c>
    </row>
    <row r="23" spans="1:4" ht="18" customHeight="1" x14ac:dyDescent="0.15">
      <c r="A23" s="5" t="s">
        <v>6</v>
      </c>
      <c r="B23" s="22">
        <v>147</v>
      </c>
      <c r="C23" s="14">
        <v>161</v>
      </c>
      <c r="D23" s="18">
        <v>308</v>
      </c>
    </row>
    <row r="24" spans="1:4" ht="18" customHeight="1" x14ac:dyDescent="0.15">
      <c r="A24" s="5">
        <v>15</v>
      </c>
      <c r="B24" s="22">
        <v>18</v>
      </c>
      <c r="C24" s="14">
        <v>6</v>
      </c>
      <c r="D24" s="18">
        <v>24</v>
      </c>
    </row>
    <row r="25" spans="1:4" ht="18" customHeight="1" x14ac:dyDescent="0.15">
      <c r="A25" s="5">
        <v>16</v>
      </c>
      <c r="B25" s="22">
        <v>10</v>
      </c>
      <c r="C25" s="14">
        <v>12</v>
      </c>
      <c r="D25" s="18">
        <v>22</v>
      </c>
    </row>
    <row r="26" spans="1:4" ht="18" customHeight="1" x14ac:dyDescent="0.15">
      <c r="A26" s="5">
        <v>17</v>
      </c>
      <c r="B26" s="22">
        <v>11</v>
      </c>
      <c r="C26" s="14">
        <v>13</v>
      </c>
      <c r="D26" s="18">
        <v>24</v>
      </c>
    </row>
    <row r="27" spans="1:4" ht="18" customHeight="1" x14ac:dyDescent="0.15">
      <c r="A27" s="5">
        <v>18</v>
      </c>
      <c r="B27" s="22">
        <v>10</v>
      </c>
      <c r="C27" s="14">
        <v>10</v>
      </c>
      <c r="D27" s="18">
        <v>20</v>
      </c>
    </row>
    <row r="28" spans="1:4" ht="18" customHeight="1" x14ac:dyDescent="0.15">
      <c r="A28" s="5">
        <v>19</v>
      </c>
      <c r="B28" s="22">
        <v>11</v>
      </c>
      <c r="C28" s="14">
        <v>9</v>
      </c>
      <c r="D28" s="18">
        <v>20</v>
      </c>
    </row>
    <row r="29" spans="1:4" ht="18" customHeight="1" x14ac:dyDescent="0.15">
      <c r="A29" s="5" t="s">
        <v>14</v>
      </c>
      <c r="B29" s="22">
        <v>60</v>
      </c>
      <c r="C29" s="14">
        <v>50</v>
      </c>
      <c r="D29" s="18">
        <v>110</v>
      </c>
    </row>
    <row r="30" spans="1:4" ht="18" customHeight="1" x14ac:dyDescent="0.15">
      <c r="A30" s="5">
        <v>20</v>
      </c>
      <c r="B30" s="22">
        <v>7</v>
      </c>
      <c r="C30" s="14">
        <v>13</v>
      </c>
      <c r="D30" s="18">
        <v>20</v>
      </c>
    </row>
    <row r="31" spans="1:4" ht="18" customHeight="1" x14ac:dyDescent="0.15">
      <c r="A31" s="5">
        <v>21</v>
      </c>
      <c r="B31" s="22">
        <v>12</v>
      </c>
      <c r="C31" s="14">
        <v>9</v>
      </c>
      <c r="D31" s="18">
        <v>21</v>
      </c>
    </row>
    <row r="32" spans="1:4" ht="18" customHeight="1" x14ac:dyDescent="0.15">
      <c r="A32" s="5">
        <v>22</v>
      </c>
      <c r="B32" s="22">
        <v>8</v>
      </c>
      <c r="C32" s="14">
        <v>16</v>
      </c>
      <c r="D32" s="18">
        <v>24</v>
      </c>
    </row>
    <row r="33" spans="1:4" ht="18" customHeight="1" x14ac:dyDescent="0.15">
      <c r="A33" s="5">
        <v>23</v>
      </c>
      <c r="B33" s="22">
        <v>14</v>
      </c>
      <c r="C33" s="14">
        <v>8</v>
      </c>
      <c r="D33" s="18">
        <v>22</v>
      </c>
    </row>
    <row r="34" spans="1:4" ht="18" customHeight="1" x14ac:dyDescent="0.15">
      <c r="A34" s="5">
        <v>24</v>
      </c>
      <c r="B34" s="22">
        <v>14</v>
      </c>
      <c r="C34" s="14">
        <v>6</v>
      </c>
      <c r="D34" s="18">
        <v>20</v>
      </c>
    </row>
    <row r="35" spans="1:4" ht="18" customHeight="1" x14ac:dyDescent="0.15">
      <c r="A35" s="5" t="s">
        <v>9</v>
      </c>
      <c r="B35" s="22">
        <v>55</v>
      </c>
      <c r="C35" s="14">
        <v>52</v>
      </c>
      <c r="D35" s="18">
        <v>107</v>
      </c>
    </row>
    <row r="36" spans="1:4" ht="18" customHeight="1" x14ac:dyDescent="0.15">
      <c r="A36" s="5">
        <v>25</v>
      </c>
      <c r="B36" s="22">
        <v>12</v>
      </c>
      <c r="C36" s="14">
        <v>11</v>
      </c>
      <c r="D36" s="18">
        <v>23</v>
      </c>
    </row>
    <row r="37" spans="1:4" ht="18" customHeight="1" x14ac:dyDescent="0.15">
      <c r="A37" s="5">
        <v>26</v>
      </c>
      <c r="B37" s="22">
        <v>15</v>
      </c>
      <c r="C37" s="14">
        <v>6</v>
      </c>
      <c r="D37" s="18">
        <v>21</v>
      </c>
    </row>
    <row r="38" spans="1:4" ht="18" customHeight="1" x14ac:dyDescent="0.15">
      <c r="A38" s="5">
        <v>27</v>
      </c>
      <c r="B38" s="22">
        <v>12</v>
      </c>
      <c r="C38" s="14">
        <v>11</v>
      </c>
      <c r="D38" s="18">
        <v>23</v>
      </c>
    </row>
    <row r="39" spans="1:4" ht="18" customHeight="1" x14ac:dyDescent="0.15">
      <c r="A39" s="5">
        <v>28</v>
      </c>
      <c r="B39" s="22">
        <v>11</v>
      </c>
      <c r="C39" s="14">
        <v>9</v>
      </c>
      <c r="D39" s="18">
        <v>20</v>
      </c>
    </row>
    <row r="40" spans="1:4" ht="18" customHeight="1" x14ac:dyDescent="0.15">
      <c r="A40" s="5">
        <v>29</v>
      </c>
      <c r="B40" s="22">
        <v>8</v>
      </c>
      <c r="C40" s="14">
        <v>7</v>
      </c>
      <c r="D40" s="18">
        <v>15</v>
      </c>
    </row>
    <row r="41" spans="1:4" ht="18" customHeight="1" x14ac:dyDescent="0.15">
      <c r="A41" s="5" t="s">
        <v>2</v>
      </c>
      <c r="B41" s="22">
        <v>58</v>
      </c>
      <c r="C41" s="14">
        <v>44</v>
      </c>
      <c r="D41" s="18">
        <v>102</v>
      </c>
    </row>
    <row r="42" spans="1:4" ht="18" customHeight="1" x14ac:dyDescent="0.15">
      <c r="A42" s="5">
        <v>30</v>
      </c>
      <c r="B42" s="22">
        <v>20</v>
      </c>
      <c r="C42" s="14">
        <v>10</v>
      </c>
      <c r="D42" s="18">
        <v>30</v>
      </c>
    </row>
    <row r="43" spans="1:4" ht="18" customHeight="1" x14ac:dyDescent="0.15">
      <c r="A43" s="5">
        <v>31</v>
      </c>
      <c r="B43" s="22">
        <v>10</v>
      </c>
      <c r="C43" s="14">
        <v>12</v>
      </c>
      <c r="D43" s="18">
        <v>22</v>
      </c>
    </row>
    <row r="44" spans="1:4" ht="18" customHeight="1" x14ac:dyDescent="0.15">
      <c r="A44" s="5">
        <v>32</v>
      </c>
      <c r="B44" s="22">
        <v>19</v>
      </c>
      <c r="C44" s="14">
        <v>12</v>
      </c>
      <c r="D44" s="18">
        <v>31</v>
      </c>
    </row>
    <row r="45" spans="1:4" ht="18" customHeight="1" x14ac:dyDescent="0.15">
      <c r="A45" s="5">
        <v>33</v>
      </c>
      <c r="B45" s="22">
        <v>12</v>
      </c>
      <c r="C45" s="14">
        <v>17</v>
      </c>
      <c r="D45" s="18">
        <v>29</v>
      </c>
    </row>
    <row r="46" spans="1:4" ht="18" customHeight="1" x14ac:dyDescent="0.15">
      <c r="A46" s="5">
        <v>34</v>
      </c>
      <c r="B46" s="22">
        <v>11</v>
      </c>
      <c r="C46" s="14">
        <v>12</v>
      </c>
      <c r="D46" s="18">
        <v>23</v>
      </c>
    </row>
    <row r="47" spans="1:4" ht="18" customHeight="1" x14ac:dyDescent="0.15">
      <c r="A47" s="5" t="s">
        <v>15</v>
      </c>
      <c r="B47" s="22">
        <v>72</v>
      </c>
      <c r="C47" s="14">
        <v>63</v>
      </c>
      <c r="D47" s="18">
        <v>135</v>
      </c>
    </row>
    <row r="48" spans="1:4" ht="18" customHeight="1" x14ac:dyDescent="0.15">
      <c r="A48" s="5">
        <v>35</v>
      </c>
      <c r="B48" s="22">
        <v>8</v>
      </c>
      <c r="C48" s="14">
        <v>14</v>
      </c>
      <c r="D48" s="18">
        <v>22</v>
      </c>
    </row>
    <row r="49" spans="1:4" ht="18" customHeight="1" x14ac:dyDescent="0.15">
      <c r="A49" s="5">
        <v>36</v>
      </c>
      <c r="B49" s="22">
        <v>16</v>
      </c>
      <c r="C49" s="14">
        <v>19</v>
      </c>
      <c r="D49" s="18">
        <v>35</v>
      </c>
    </row>
    <row r="50" spans="1:4" ht="18" customHeight="1" x14ac:dyDescent="0.15">
      <c r="A50" s="5">
        <v>37</v>
      </c>
      <c r="B50" s="22">
        <v>16</v>
      </c>
      <c r="C50" s="14">
        <v>18</v>
      </c>
      <c r="D50" s="18">
        <v>34</v>
      </c>
    </row>
    <row r="51" spans="1:4" ht="18" customHeight="1" x14ac:dyDescent="0.15">
      <c r="A51" s="5">
        <v>38</v>
      </c>
      <c r="B51" s="22">
        <v>15</v>
      </c>
      <c r="C51" s="14">
        <v>21</v>
      </c>
      <c r="D51" s="18">
        <v>36</v>
      </c>
    </row>
    <row r="52" spans="1:4" ht="18" customHeight="1" x14ac:dyDescent="0.15">
      <c r="A52" s="5">
        <v>39</v>
      </c>
      <c r="B52" s="22">
        <v>21</v>
      </c>
      <c r="C52" s="14">
        <v>16</v>
      </c>
      <c r="D52" s="18">
        <v>37</v>
      </c>
    </row>
    <row r="53" spans="1:4" ht="18" customHeight="1" x14ac:dyDescent="0.15">
      <c r="A53" s="5" t="s">
        <v>18</v>
      </c>
      <c r="B53" s="22">
        <v>76</v>
      </c>
      <c r="C53" s="14">
        <v>88</v>
      </c>
      <c r="D53" s="18">
        <v>164</v>
      </c>
    </row>
    <row r="54" spans="1:4" ht="18" customHeight="1" x14ac:dyDescent="0.15">
      <c r="A54" s="5">
        <v>40</v>
      </c>
      <c r="B54" s="22">
        <v>16</v>
      </c>
      <c r="C54" s="14">
        <v>17</v>
      </c>
      <c r="D54" s="18">
        <v>33</v>
      </c>
    </row>
    <row r="55" spans="1:4" ht="18" customHeight="1" x14ac:dyDescent="0.15">
      <c r="A55" s="5">
        <v>41</v>
      </c>
      <c r="B55" s="22">
        <v>24</v>
      </c>
      <c r="C55" s="14">
        <v>14</v>
      </c>
      <c r="D55" s="18">
        <v>38</v>
      </c>
    </row>
    <row r="56" spans="1:4" ht="18" customHeight="1" x14ac:dyDescent="0.15">
      <c r="A56" s="5">
        <v>42</v>
      </c>
      <c r="B56" s="22">
        <v>22</v>
      </c>
      <c r="C56" s="14">
        <v>18</v>
      </c>
      <c r="D56" s="18">
        <v>40</v>
      </c>
    </row>
    <row r="57" spans="1:4" ht="18" customHeight="1" x14ac:dyDescent="0.15">
      <c r="A57" s="5">
        <v>43</v>
      </c>
      <c r="B57" s="22">
        <v>26</v>
      </c>
      <c r="C57" s="14">
        <v>22</v>
      </c>
      <c r="D57" s="18">
        <v>48</v>
      </c>
    </row>
    <row r="58" spans="1:4" ht="18" customHeight="1" x14ac:dyDescent="0.15">
      <c r="A58" s="5">
        <v>44</v>
      </c>
      <c r="B58" s="22">
        <v>16</v>
      </c>
      <c r="C58" s="14">
        <v>24</v>
      </c>
      <c r="D58" s="18">
        <v>40</v>
      </c>
    </row>
    <row r="59" spans="1:4" ht="18" customHeight="1" x14ac:dyDescent="0.15">
      <c r="A59" s="5" t="s">
        <v>21</v>
      </c>
      <c r="B59" s="22">
        <v>104</v>
      </c>
      <c r="C59" s="14">
        <v>95</v>
      </c>
      <c r="D59" s="18">
        <v>199</v>
      </c>
    </row>
    <row r="60" spans="1:4" ht="18" customHeight="1" x14ac:dyDescent="0.15">
      <c r="A60" s="5">
        <v>45</v>
      </c>
      <c r="B60" s="22">
        <v>17</v>
      </c>
      <c r="C60" s="14">
        <v>17</v>
      </c>
      <c r="D60" s="18">
        <v>34</v>
      </c>
    </row>
    <row r="61" spans="1:4" ht="18" customHeight="1" x14ac:dyDescent="0.15">
      <c r="A61" s="5">
        <v>46</v>
      </c>
      <c r="B61" s="22">
        <v>24</v>
      </c>
      <c r="C61" s="14">
        <v>19</v>
      </c>
      <c r="D61" s="18">
        <v>43</v>
      </c>
    </row>
    <row r="62" spans="1:4" ht="18" customHeight="1" x14ac:dyDescent="0.15">
      <c r="A62" s="5">
        <v>47</v>
      </c>
      <c r="B62" s="22">
        <v>23</v>
      </c>
      <c r="C62" s="14">
        <v>19</v>
      </c>
      <c r="D62" s="18">
        <v>42</v>
      </c>
    </row>
    <row r="63" spans="1:4" ht="18" customHeight="1" x14ac:dyDescent="0.15">
      <c r="A63" s="5">
        <v>48</v>
      </c>
      <c r="B63" s="22">
        <v>18</v>
      </c>
      <c r="C63" s="14">
        <v>27</v>
      </c>
      <c r="D63" s="18">
        <v>45</v>
      </c>
    </row>
    <row r="64" spans="1:4" ht="18" customHeight="1" x14ac:dyDescent="0.15">
      <c r="A64" s="5">
        <v>49</v>
      </c>
      <c r="B64" s="22">
        <v>33</v>
      </c>
      <c r="C64" s="14">
        <v>29</v>
      </c>
      <c r="D64" s="18">
        <v>62</v>
      </c>
    </row>
    <row r="65" spans="1:4" ht="18" customHeight="1" x14ac:dyDescent="0.15">
      <c r="A65" s="5" t="s">
        <v>17</v>
      </c>
      <c r="B65" s="22">
        <v>115</v>
      </c>
      <c r="C65" s="14">
        <v>111</v>
      </c>
      <c r="D65" s="18">
        <v>226</v>
      </c>
    </row>
    <row r="66" spans="1:4" ht="18" customHeight="1" x14ac:dyDescent="0.15">
      <c r="A66" s="5">
        <v>50</v>
      </c>
      <c r="B66" s="22">
        <v>21</v>
      </c>
      <c r="C66" s="14">
        <v>25</v>
      </c>
      <c r="D66" s="18">
        <v>46</v>
      </c>
    </row>
    <row r="67" spans="1:4" ht="18" customHeight="1" x14ac:dyDescent="0.15">
      <c r="A67" s="5">
        <v>51</v>
      </c>
      <c r="B67" s="22">
        <v>25</v>
      </c>
      <c r="C67" s="14">
        <v>36</v>
      </c>
      <c r="D67" s="18">
        <v>61</v>
      </c>
    </row>
    <row r="68" spans="1:4" ht="18" customHeight="1" x14ac:dyDescent="0.15">
      <c r="A68" s="5">
        <v>52</v>
      </c>
      <c r="B68" s="22">
        <v>29</v>
      </c>
      <c r="C68" s="14">
        <v>28</v>
      </c>
      <c r="D68" s="18">
        <v>57</v>
      </c>
    </row>
    <row r="69" spans="1:4" ht="18" customHeight="1" x14ac:dyDescent="0.15">
      <c r="A69" s="5">
        <v>53</v>
      </c>
      <c r="B69" s="22">
        <v>30</v>
      </c>
      <c r="C69" s="14">
        <v>34</v>
      </c>
      <c r="D69" s="18">
        <v>64</v>
      </c>
    </row>
    <row r="70" spans="1:4" ht="18" customHeight="1" x14ac:dyDescent="0.15">
      <c r="A70" s="5">
        <v>54</v>
      </c>
      <c r="B70" s="22">
        <v>18</v>
      </c>
      <c r="C70" s="14">
        <v>35</v>
      </c>
      <c r="D70" s="18">
        <v>53</v>
      </c>
    </row>
    <row r="71" spans="1:4" ht="18" customHeight="1" x14ac:dyDescent="0.15">
      <c r="A71" s="5" t="s">
        <v>22</v>
      </c>
      <c r="B71" s="22">
        <v>123</v>
      </c>
      <c r="C71" s="14">
        <v>158</v>
      </c>
      <c r="D71" s="18">
        <v>281</v>
      </c>
    </row>
    <row r="72" spans="1:4" ht="18" customHeight="1" x14ac:dyDescent="0.15">
      <c r="A72" s="5">
        <v>55</v>
      </c>
      <c r="B72" s="22">
        <v>24</v>
      </c>
      <c r="C72" s="14">
        <v>28</v>
      </c>
      <c r="D72" s="18">
        <v>52</v>
      </c>
    </row>
    <row r="73" spans="1:4" ht="18" customHeight="1" x14ac:dyDescent="0.15">
      <c r="A73" s="5">
        <v>56</v>
      </c>
      <c r="B73" s="22">
        <v>33</v>
      </c>
      <c r="C73" s="14">
        <v>22</v>
      </c>
      <c r="D73" s="18">
        <v>55</v>
      </c>
    </row>
    <row r="74" spans="1:4" ht="18" customHeight="1" x14ac:dyDescent="0.15">
      <c r="A74" s="5">
        <v>57</v>
      </c>
      <c r="B74" s="22">
        <v>23</v>
      </c>
      <c r="C74" s="14">
        <v>32</v>
      </c>
      <c r="D74" s="18">
        <v>55</v>
      </c>
    </row>
    <row r="75" spans="1:4" ht="18" customHeight="1" x14ac:dyDescent="0.15">
      <c r="A75" s="5">
        <v>58</v>
      </c>
      <c r="B75" s="22">
        <v>34</v>
      </c>
      <c r="C75" s="14">
        <v>31</v>
      </c>
      <c r="D75" s="18">
        <v>65</v>
      </c>
    </row>
    <row r="76" spans="1:4" ht="18" customHeight="1" x14ac:dyDescent="0.15">
      <c r="A76" s="5">
        <v>59</v>
      </c>
      <c r="B76" s="22">
        <v>21</v>
      </c>
      <c r="C76" s="14">
        <v>27</v>
      </c>
      <c r="D76" s="18">
        <v>48</v>
      </c>
    </row>
    <row r="77" spans="1:4" ht="18" customHeight="1" x14ac:dyDescent="0.15">
      <c r="A77" s="5" t="s">
        <v>27</v>
      </c>
      <c r="B77" s="22">
        <v>135</v>
      </c>
      <c r="C77" s="14">
        <v>140</v>
      </c>
      <c r="D77" s="18">
        <v>275</v>
      </c>
    </row>
    <row r="78" spans="1:4" ht="18" customHeight="1" x14ac:dyDescent="0.15">
      <c r="A78" s="5">
        <v>60</v>
      </c>
      <c r="B78" s="22">
        <v>29</v>
      </c>
      <c r="C78" s="14">
        <v>36</v>
      </c>
      <c r="D78" s="18">
        <v>65</v>
      </c>
    </row>
    <row r="79" spans="1:4" ht="18" customHeight="1" x14ac:dyDescent="0.15">
      <c r="A79" s="5">
        <v>61</v>
      </c>
      <c r="B79" s="22">
        <v>30</v>
      </c>
      <c r="C79" s="14">
        <v>27</v>
      </c>
      <c r="D79" s="18">
        <v>57</v>
      </c>
    </row>
    <row r="80" spans="1:4" ht="18" customHeight="1" x14ac:dyDescent="0.15">
      <c r="A80" s="5">
        <v>62</v>
      </c>
      <c r="B80" s="22">
        <v>30</v>
      </c>
      <c r="C80" s="14">
        <v>36</v>
      </c>
      <c r="D80" s="18">
        <v>66</v>
      </c>
    </row>
    <row r="81" spans="1:4" ht="18" customHeight="1" x14ac:dyDescent="0.15">
      <c r="A81" s="5">
        <v>63</v>
      </c>
      <c r="B81" s="22">
        <v>14</v>
      </c>
      <c r="C81" s="14">
        <v>29</v>
      </c>
      <c r="D81" s="18">
        <v>43</v>
      </c>
    </row>
    <row r="82" spans="1:4" ht="18" customHeight="1" x14ac:dyDescent="0.15">
      <c r="A82" s="5">
        <v>64</v>
      </c>
      <c r="B82" s="22">
        <v>23</v>
      </c>
      <c r="C82" s="14">
        <v>24</v>
      </c>
      <c r="D82" s="18">
        <v>47</v>
      </c>
    </row>
    <row r="83" spans="1:4" ht="18" customHeight="1" x14ac:dyDescent="0.15">
      <c r="A83" s="5" t="s">
        <v>28</v>
      </c>
      <c r="B83" s="22">
        <v>126</v>
      </c>
      <c r="C83" s="14">
        <v>152</v>
      </c>
      <c r="D83" s="18">
        <v>278</v>
      </c>
    </row>
    <row r="84" spans="1:4" ht="18" customHeight="1" x14ac:dyDescent="0.15">
      <c r="A84" s="5" t="s">
        <v>31</v>
      </c>
      <c r="B84" s="22">
        <v>924</v>
      </c>
      <c r="C84" s="14">
        <v>953</v>
      </c>
      <c r="D84" s="18">
        <v>1877</v>
      </c>
    </row>
    <row r="85" spans="1:4" ht="18" customHeight="1" x14ac:dyDescent="0.15">
      <c r="A85" s="5">
        <v>65</v>
      </c>
      <c r="B85" s="22">
        <v>18</v>
      </c>
      <c r="C85" s="14">
        <v>30</v>
      </c>
      <c r="D85" s="18">
        <v>48</v>
      </c>
    </row>
    <row r="86" spans="1:4" ht="18" customHeight="1" x14ac:dyDescent="0.15">
      <c r="A86" s="5">
        <v>66</v>
      </c>
      <c r="B86" s="22">
        <v>26</v>
      </c>
      <c r="C86" s="14">
        <v>30</v>
      </c>
      <c r="D86" s="18">
        <v>56</v>
      </c>
    </row>
    <row r="87" spans="1:4" ht="18" customHeight="1" x14ac:dyDescent="0.15">
      <c r="A87" s="5">
        <v>67</v>
      </c>
      <c r="B87" s="22">
        <v>22</v>
      </c>
      <c r="C87" s="14">
        <v>31</v>
      </c>
      <c r="D87" s="18">
        <v>53</v>
      </c>
    </row>
    <row r="88" spans="1:4" ht="18" customHeight="1" x14ac:dyDescent="0.15">
      <c r="A88" s="5">
        <v>68</v>
      </c>
      <c r="B88" s="22">
        <v>26</v>
      </c>
      <c r="C88" s="14">
        <v>27</v>
      </c>
      <c r="D88" s="18">
        <v>53</v>
      </c>
    </row>
    <row r="89" spans="1:4" ht="18" customHeight="1" x14ac:dyDescent="0.15">
      <c r="A89" s="5">
        <v>69</v>
      </c>
      <c r="B89" s="22">
        <v>20</v>
      </c>
      <c r="C89" s="14">
        <v>22</v>
      </c>
      <c r="D89" s="18">
        <v>42</v>
      </c>
    </row>
    <row r="90" spans="1:4" ht="18" customHeight="1" x14ac:dyDescent="0.15">
      <c r="A90" s="5" t="s">
        <v>20</v>
      </c>
      <c r="B90" s="22">
        <v>112</v>
      </c>
      <c r="C90" s="14">
        <v>140</v>
      </c>
      <c r="D90" s="18">
        <v>252</v>
      </c>
    </row>
    <row r="91" spans="1:4" ht="18" customHeight="1" x14ac:dyDescent="0.15">
      <c r="A91" s="5">
        <v>70</v>
      </c>
      <c r="B91" s="22">
        <v>33</v>
      </c>
      <c r="C91" s="14">
        <v>20</v>
      </c>
      <c r="D91" s="18">
        <v>53</v>
      </c>
    </row>
    <row r="92" spans="1:4" ht="18" customHeight="1" x14ac:dyDescent="0.15">
      <c r="A92" s="5">
        <v>71</v>
      </c>
      <c r="B92" s="22">
        <v>18</v>
      </c>
      <c r="C92" s="14">
        <v>24</v>
      </c>
      <c r="D92" s="18">
        <v>42</v>
      </c>
    </row>
    <row r="93" spans="1:4" ht="18" customHeight="1" x14ac:dyDescent="0.15">
      <c r="A93" s="5">
        <v>72</v>
      </c>
      <c r="B93" s="22">
        <v>22</v>
      </c>
      <c r="C93" s="14">
        <v>31</v>
      </c>
      <c r="D93" s="18">
        <v>53</v>
      </c>
    </row>
    <row r="94" spans="1:4" ht="18" customHeight="1" x14ac:dyDescent="0.15">
      <c r="A94" s="5">
        <v>73</v>
      </c>
      <c r="B94" s="22">
        <v>22</v>
      </c>
      <c r="C94" s="14">
        <v>20</v>
      </c>
      <c r="D94" s="18">
        <v>42</v>
      </c>
    </row>
    <row r="95" spans="1:4" ht="18" customHeight="1" x14ac:dyDescent="0.15">
      <c r="A95" s="5">
        <v>74</v>
      </c>
      <c r="B95" s="22">
        <v>22</v>
      </c>
      <c r="C95" s="14">
        <v>24</v>
      </c>
      <c r="D95" s="18">
        <v>46</v>
      </c>
    </row>
    <row r="96" spans="1:4" ht="18" customHeight="1" x14ac:dyDescent="0.15">
      <c r="A96" s="5" t="s">
        <v>33</v>
      </c>
      <c r="B96" s="22">
        <v>117</v>
      </c>
      <c r="C96" s="14">
        <v>119</v>
      </c>
      <c r="D96" s="18">
        <v>236</v>
      </c>
    </row>
    <row r="97" spans="1:4" ht="18" customHeight="1" x14ac:dyDescent="0.15">
      <c r="A97" s="5">
        <v>75</v>
      </c>
      <c r="B97" s="22">
        <v>28</v>
      </c>
      <c r="C97" s="14">
        <v>32</v>
      </c>
      <c r="D97" s="18">
        <v>60</v>
      </c>
    </row>
    <row r="98" spans="1:4" ht="18" customHeight="1" x14ac:dyDescent="0.15">
      <c r="A98" s="5">
        <v>76</v>
      </c>
      <c r="B98" s="22">
        <v>23</v>
      </c>
      <c r="C98" s="14">
        <v>31</v>
      </c>
      <c r="D98" s="18">
        <v>54</v>
      </c>
    </row>
    <row r="99" spans="1:4" ht="18" customHeight="1" x14ac:dyDescent="0.15">
      <c r="A99" s="5">
        <v>77</v>
      </c>
      <c r="B99" s="22">
        <v>31</v>
      </c>
      <c r="C99" s="14">
        <v>34</v>
      </c>
      <c r="D99" s="18">
        <v>65</v>
      </c>
    </row>
    <row r="100" spans="1:4" ht="18" customHeight="1" x14ac:dyDescent="0.15">
      <c r="A100" s="5">
        <v>78</v>
      </c>
      <c r="B100" s="22">
        <v>22</v>
      </c>
      <c r="C100" s="14">
        <v>32</v>
      </c>
      <c r="D100" s="18">
        <v>54</v>
      </c>
    </row>
    <row r="101" spans="1:4" ht="18" customHeight="1" x14ac:dyDescent="0.15">
      <c r="A101" s="5">
        <v>79</v>
      </c>
      <c r="B101" s="22">
        <v>8</v>
      </c>
      <c r="C101" s="14">
        <v>31</v>
      </c>
      <c r="D101" s="18">
        <v>39</v>
      </c>
    </row>
    <row r="102" spans="1:4" ht="18" customHeight="1" x14ac:dyDescent="0.15">
      <c r="A102" s="5" t="s">
        <v>0</v>
      </c>
      <c r="B102" s="22">
        <v>112</v>
      </c>
      <c r="C102" s="14">
        <v>160</v>
      </c>
      <c r="D102" s="18">
        <v>272</v>
      </c>
    </row>
    <row r="103" spans="1:4" ht="18" customHeight="1" x14ac:dyDescent="0.15">
      <c r="A103" s="5">
        <v>80</v>
      </c>
      <c r="B103" s="22">
        <v>13</v>
      </c>
      <c r="C103" s="14">
        <v>18</v>
      </c>
      <c r="D103" s="18">
        <v>31</v>
      </c>
    </row>
    <row r="104" spans="1:4" ht="18" customHeight="1" x14ac:dyDescent="0.15">
      <c r="A104" s="5">
        <v>81</v>
      </c>
      <c r="B104" s="22">
        <v>14</v>
      </c>
      <c r="C104" s="14">
        <v>21</v>
      </c>
      <c r="D104" s="18">
        <v>35</v>
      </c>
    </row>
    <row r="105" spans="1:4" ht="18" customHeight="1" x14ac:dyDescent="0.15">
      <c r="A105" s="5">
        <v>82</v>
      </c>
      <c r="B105" s="22">
        <v>10</v>
      </c>
      <c r="C105" s="14">
        <v>23</v>
      </c>
      <c r="D105" s="18">
        <v>33</v>
      </c>
    </row>
    <row r="106" spans="1:4" ht="18" customHeight="1" x14ac:dyDescent="0.15">
      <c r="A106" s="5">
        <v>83</v>
      </c>
      <c r="B106" s="22">
        <v>13</v>
      </c>
      <c r="C106" s="14">
        <v>24</v>
      </c>
      <c r="D106" s="18">
        <v>37</v>
      </c>
    </row>
    <row r="107" spans="1:4" ht="18" customHeight="1" x14ac:dyDescent="0.15">
      <c r="A107" s="5">
        <v>84</v>
      </c>
      <c r="B107" s="22">
        <v>15</v>
      </c>
      <c r="C107" s="14">
        <v>21</v>
      </c>
      <c r="D107" s="18">
        <v>36</v>
      </c>
    </row>
    <row r="108" spans="1:4" ht="18" customHeight="1" x14ac:dyDescent="0.15">
      <c r="A108" s="5" t="s">
        <v>35</v>
      </c>
      <c r="B108" s="22">
        <v>65</v>
      </c>
      <c r="C108" s="14">
        <v>107</v>
      </c>
      <c r="D108" s="18">
        <v>172</v>
      </c>
    </row>
    <row r="109" spans="1:4" ht="18" customHeight="1" x14ac:dyDescent="0.15">
      <c r="A109" s="5">
        <v>85</v>
      </c>
      <c r="B109" s="22">
        <v>8</v>
      </c>
      <c r="C109" s="14">
        <v>26</v>
      </c>
      <c r="D109" s="18">
        <v>34</v>
      </c>
    </row>
    <row r="110" spans="1:4" ht="18" customHeight="1" x14ac:dyDescent="0.15">
      <c r="A110" s="5">
        <v>86</v>
      </c>
      <c r="B110" s="22">
        <v>10</v>
      </c>
      <c r="C110" s="14">
        <v>31</v>
      </c>
      <c r="D110" s="18">
        <v>41</v>
      </c>
    </row>
    <row r="111" spans="1:4" ht="18" customHeight="1" x14ac:dyDescent="0.15">
      <c r="A111" s="5">
        <v>87</v>
      </c>
      <c r="B111" s="22">
        <v>12</v>
      </c>
      <c r="C111" s="14">
        <v>12</v>
      </c>
      <c r="D111" s="18">
        <v>24</v>
      </c>
    </row>
    <row r="112" spans="1:4" ht="18" customHeight="1" x14ac:dyDescent="0.15">
      <c r="A112" s="5">
        <v>88</v>
      </c>
      <c r="B112" s="22">
        <v>8</v>
      </c>
      <c r="C112" s="14">
        <v>16</v>
      </c>
      <c r="D112" s="18">
        <v>24</v>
      </c>
    </row>
    <row r="113" spans="1:4" ht="18" customHeight="1" x14ac:dyDescent="0.15">
      <c r="A113" s="5">
        <v>89</v>
      </c>
      <c r="B113" s="22">
        <v>7</v>
      </c>
      <c r="C113" s="14">
        <v>17</v>
      </c>
      <c r="D113" s="18">
        <v>24</v>
      </c>
    </row>
    <row r="114" spans="1:4" ht="18" customHeight="1" x14ac:dyDescent="0.15">
      <c r="A114" s="5" t="s">
        <v>37</v>
      </c>
      <c r="B114" s="22">
        <v>45</v>
      </c>
      <c r="C114" s="14">
        <v>102</v>
      </c>
      <c r="D114" s="18">
        <v>147</v>
      </c>
    </row>
    <row r="115" spans="1:4" ht="18" customHeight="1" x14ac:dyDescent="0.15">
      <c r="A115" s="5">
        <v>90</v>
      </c>
      <c r="B115" s="22">
        <v>9</v>
      </c>
      <c r="C115" s="14">
        <v>21</v>
      </c>
      <c r="D115" s="18">
        <v>30</v>
      </c>
    </row>
    <row r="116" spans="1:4" ht="18" customHeight="1" x14ac:dyDescent="0.15">
      <c r="A116" s="5">
        <v>91</v>
      </c>
      <c r="B116" s="22">
        <v>2</v>
      </c>
      <c r="C116" s="14">
        <v>18</v>
      </c>
      <c r="D116" s="18">
        <v>20</v>
      </c>
    </row>
    <row r="117" spans="1:4" ht="18" customHeight="1" x14ac:dyDescent="0.15">
      <c r="A117" s="5">
        <v>92</v>
      </c>
      <c r="B117" s="22">
        <v>4</v>
      </c>
      <c r="C117" s="14">
        <v>10</v>
      </c>
      <c r="D117" s="18">
        <v>14</v>
      </c>
    </row>
    <row r="118" spans="1:4" ht="18" customHeight="1" x14ac:dyDescent="0.15">
      <c r="A118" s="5">
        <v>93</v>
      </c>
      <c r="B118" s="22">
        <v>6</v>
      </c>
      <c r="C118" s="14">
        <v>17</v>
      </c>
      <c r="D118" s="18">
        <v>23</v>
      </c>
    </row>
    <row r="119" spans="1:4" ht="18" customHeight="1" x14ac:dyDescent="0.15">
      <c r="A119" s="5">
        <v>94</v>
      </c>
      <c r="B119" s="22">
        <v>0</v>
      </c>
      <c r="C119" s="14">
        <v>10</v>
      </c>
      <c r="D119" s="18">
        <v>10</v>
      </c>
    </row>
    <row r="120" spans="1:4" ht="18" customHeight="1" x14ac:dyDescent="0.15">
      <c r="A120" s="5" t="s">
        <v>39</v>
      </c>
      <c r="B120" s="22">
        <v>21</v>
      </c>
      <c r="C120" s="14">
        <v>76</v>
      </c>
      <c r="D120" s="18">
        <v>97</v>
      </c>
    </row>
    <row r="121" spans="1:4" ht="18" customHeight="1" x14ac:dyDescent="0.15">
      <c r="A121" s="5">
        <v>95</v>
      </c>
      <c r="B121" s="22">
        <v>2</v>
      </c>
      <c r="C121" s="14">
        <v>9</v>
      </c>
      <c r="D121" s="18">
        <v>11</v>
      </c>
    </row>
    <row r="122" spans="1:4" ht="18" customHeight="1" x14ac:dyDescent="0.15">
      <c r="A122" s="5">
        <v>96</v>
      </c>
      <c r="B122" s="22">
        <v>2</v>
      </c>
      <c r="C122" s="14">
        <v>9</v>
      </c>
      <c r="D122" s="18">
        <v>11</v>
      </c>
    </row>
    <row r="123" spans="1:4" ht="18" customHeight="1" x14ac:dyDescent="0.15">
      <c r="A123" s="5">
        <v>97</v>
      </c>
      <c r="B123" s="22">
        <v>1</v>
      </c>
      <c r="C123" s="14">
        <v>6</v>
      </c>
      <c r="D123" s="18">
        <v>7</v>
      </c>
    </row>
    <row r="124" spans="1:4" ht="18" customHeight="1" x14ac:dyDescent="0.15">
      <c r="A124" s="5">
        <v>98</v>
      </c>
      <c r="B124" s="22">
        <v>0</v>
      </c>
      <c r="C124" s="14">
        <v>6</v>
      </c>
      <c r="D124" s="18">
        <v>6</v>
      </c>
    </row>
    <row r="125" spans="1:4" ht="18" customHeight="1" x14ac:dyDescent="0.15">
      <c r="A125" s="5">
        <v>99</v>
      </c>
      <c r="B125" s="22">
        <v>0</v>
      </c>
      <c r="C125" s="14">
        <v>3</v>
      </c>
      <c r="D125" s="18">
        <v>3</v>
      </c>
    </row>
    <row r="126" spans="1:4" ht="18" customHeight="1" x14ac:dyDescent="0.15">
      <c r="A126" s="5" t="s">
        <v>40</v>
      </c>
      <c r="B126" s="22">
        <v>5</v>
      </c>
      <c r="C126" s="14">
        <v>33</v>
      </c>
      <c r="D126" s="18">
        <v>38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477</v>
      </c>
      <c r="C130" s="14">
        <v>737</v>
      </c>
      <c r="D130" s="18">
        <v>1214</v>
      </c>
    </row>
    <row r="131" spans="1:4" ht="18" customHeight="1" x14ac:dyDescent="0.15">
      <c r="A131" s="7" t="s">
        <v>45</v>
      </c>
      <c r="B131" s="23">
        <v>1548</v>
      </c>
      <c r="C131" s="15">
        <v>1851</v>
      </c>
      <c r="D131" s="19">
        <v>339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7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1</v>
      </c>
      <c r="C7" s="14">
        <v>1</v>
      </c>
      <c r="D7" s="18">
        <v>2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4</v>
      </c>
      <c r="C10" s="14">
        <v>1</v>
      </c>
      <c r="D10" s="18">
        <v>5</v>
      </c>
    </row>
    <row r="11" spans="1:4" ht="18" customHeight="1" x14ac:dyDescent="0.15">
      <c r="A11" s="5">
        <v>5</v>
      </c>
      <c r="B11" s="27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1</v>
      </c>
      <c r="C13" s="14">
        <v>0</v>
      </c>
      <c r="D13" s="18">
        <v>1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2</v>
      </c>
      <c r="C15" s="14">
        <v>3</v>
      </c>
      <c r="D15" s="18">
        <v>5</v>
      </c>
    </row>
    <row r="16" spans="1:4" ht="18" customHeight="1" x14ac:dyDescent="0.15">
      <c r="A16" s="5" t="s">
        <v>11</v>
      </c>
      <c r="B16" s="22">
        <v>5</v>
      </c>
      <c r="C16" s="14">
        <v>6</v>
      </c>
      <c r="D16" s="18">
        <v>11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2</v>
      </c>
      <c r="D18" s="18">
        <v>2</v>
      </c>
    </row>
    <row r="19" spans="1:4" ht="18" customHeight="1" x14ac:dyDescent="0.15">
      <c r="A19" s="5">
        <v>12</v>
      </c>
      <c r="B19" s="22">
        <v>2</v>
      </c>
      <c r="C19" s="14">
        <v>1</v>
      </c>
      <c r="D19" s="18">
        <v>3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2</v>
      </c>
      <c r="D21" s="18">
        <v>2</v>
      </c>
    </row>
    <row r="22" spans="1:4" ht="18" customHeight="1" x14ac:dyDescent="0.15">
      <c r="A22" s="5" t="s">
        <v>12</v>
      </c>
      <c r="B22" s="22">
        <v>2</v>
      </c>
      <c r="C22" s="14">
        <v>6</v>
      </c>
      <c r="D22" s="18">
        <v>8</v>
      </c>
    </row>
    <row r="23" spans="1:4" ht="18" customHeight="1" x14ac:dyDescent="0.15">
      <c r="A23" s="5" t="s">
        <v>6</v>
      </c>
      <c r="B23" s="22">
        <v>11</v>
      </c>
      <c r="C23" s="14">
        <v>13</v>
      </c>
      <c r="D23" s="18">
        <v>24</v>
      </c>
    </row>
    <row r="24" spans="1:4" ht="18" customHeight="1" x14ac:dyDescent="0.15">
      <c r="A24" s="5">
        <v>15</v>
      </c>
      <c r="B24" s="22">
        <v>3</v>
      </c>
      <c r="C24" s="14">
        <v>1</v>
      </c>
      <c r="D24" s="18">
        <v>4</v>
      </c>
    </row>
    <row r="25" spans="1:4" ht="18" customHeight="1" x14ac:dyDescent="0.15">
      <c r="A25" s="5">
        <v>16</v>
      </c>
      <c r="B25" s="22">
        <v>1</v>
      </c>
      <c r="C25" s="14">
        <v>2</v>
      </c>
      <c r="D25" s="18">
        <v>3</v>
      </c>
    </row>
    <row r="26" spans="1:4" ht="18" customHeight="1" x14ac:dyDescent="0.15">
      <c r="A26" s="5">
        <v>17</v>
      </c>
      <c r="B26" s="22">
        <v>1</v>
      </c>
      <c r="C26" s="14">
        <v>0</v>
      </c>
      <c r="D26" s="18">
        <v>1</v>
      </c>
    </row>
    <row r="27" spans="1:4" ht="18" customHeight="1" x14ac:dyDescent="0.15">
      <c r="A27" s="5">
        <v>18</v>
      </c>
      <c r="B27" s="22">
        <v>1</v>
      </c>
      <c r="C27" s="14">
        <v>3</v>
      </c>
      <c r="D27" s="18">
        <v>4</v>
      </c>
    </row>
    <row r="28" spans="1:4" ht="18" customHeight="1" x14ac:dyDescent="0.15">
      <c r="A28" s="5">
        <v>19</v>
      </c>
      <c r="B28" s="22">
        <v>3</v>
      </c>
      <c r="C28" s="14">
        <v>1</v>
      </c>
      <c r="D28" s="18">
        <v>4</v>
      </c>
    </row>
    <row r="29" spans="1:4" ht="18" customHeight="1" x14ac:dyDescent="0.15">
      <c r="A29" s="5" t="s">
        <v>14</v>
      </c>
      <c r="B29" s="22">
        <v>9</v>
      </c>
      <c r="C29" s="14">
        <v>7</v>
      </c>
      <c r="D29" s="18">
        <v>16</v>
      </c>
    </row>
    <row r="30" spans="1:4" ht="18" customHeight="1" x14ac:dyDescent="0.15">
      <c r="A30" s="5">
        <v>20</v>
      </c>
      <c r="B30" s="22">
        <v>3</v>
      </c>
      <c r="C30" s="14">
        <v>5</v>
      </c>
      <c r="D30" s="18">
        <v>8</v>
      </c>
    </row>
    <row r="31" spans="1:4" ht="18" customHeight="1" x14ac:dyDescent="0.15">
      <c r="A31" s="5">
        <v>21</v>
      </c>
      <c r="B31" s="22">
        <v>2</v>
      </c>
      <c r="C31" s="14">
        <v>1</v>
      </c>
      <c r="D31" s="18">
        <v>3</v>
      </c>
    </row>
    <row r="32" spans="1:4" ht="18" customHeight="1" x14ac:dyDescent="0.15">
      <c r="A32" s="5">
        <v>22</v>
      </c>
      <c r="B32" s="22">
        <v>1</v>
      </c>
      <c r="C32" s="14">
        <v>1</v>
      </c>
      <c r="D32" s="18">
        <v>2</v>
      </c>
    </row>
    <row r="33" spans="1:4" ht="18" customHeight="1" x14ac:dyDescent="0.15">
      <c r="A33" s="5">
        <v>23</v>
      </c>
      <c r="B33" s="22">
        <v>2</v>
      </c>
      <c r="C33" s="14">
        <v>2</v>
      </c>
      <c r="D33" s="18">
        <v>4</v>
      </c>
    </row>
    <row r="34" spans="1:4" ht="18" customHeight="1" x14ac:dyDescent="0.15">
      <c r="A34" s="5">
        <v>24</v>
      </c>
      <c r="B34" s="22">
        <v>3</v>
      </c>
      <c r="C34" s="14">
        <v>2</v>
      </c>
      <c r="D34" s="18">
        <v>5</v>
      </c>
    </row>
    <row r="35" spans="1:4" ht="18" customHeight="1" x14ac:dyDescent="0.15">
      <c r="A35" s="5" t="s">
        <v>9</v>
      </c>
      <c r="B35" s="22">
        <v>11</v>
      </c>
      <c r="C35" s="14">
        <v>11</v>
      </c>
      <c r="D35" s="18">
        <v>22</v>
      </c>
    </row>
    <row r="36" spans="1:4" ht="18" customHeight="1" x14ac:dyDescent="0.15">
      <c r="A36" s="5">
        <v>25</v>
      </c>
      <c r="B36" s="22">
        <v>1</v>
      </c>
      <c r="C36" s="14">
        <v>2</v>
      </c>
      <c r="D36" s="18">
        <v>3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3</v>
      </c>
      <c r="D38" s="18">
        <v>3</v>
      </c>
    </row>
    <row r="39" spans="1:4" ht="18" customHeight="1" x14ac:dyDescent="0.15">
      <c r="A39" s="5">
        <v>28</v>
      </c>
      <c r="B39" s="22">
        <v>2</v>
      </c>
      <c r="C39" s="14">
        <v>1</v>
      </c>
      <c r="D39" s="18">
        <v>3</v>
      </c>
    </row>
    <row r="40" spans="1:4" ht="18" customHeight="1" x14ac:dyDescent="0.15">
      <c r="A40" s="5">
        <v>29</v>
      </c>
      <c r="B40" s="22">
        <v>1</v>
      </c>
      <c r="C40" s="14">
        <v>2</v>
      </c>
      <c r="D40" s="18">
        <v>3</v>
      </c>
    </row>
    <row r="41" spans="1:4" ht="18" customHeight="1" x14ac:dyDescent="0.15">
      <c r="A41" s="5" t="s">
        <v>2</v>
      </c>
      <c r="B41" s="22">
        <v>4</v>
      </c>
      <c r="C41" s="14">
        <v>8</v>
      </c>
      <c r="D41" s="18">
        <v>12</v>
      </c>
    </row>
    <row r="42" spans="1:4" ht="18" customHeight="1" x14ac:dyDescent="0.15">
      <c r="A42" s="5">
        <v>30</v>
      </c>
      <c r="B42" s="22">
        <v>3</v>
      </c>
      <c r="C42" s="14">
        <v>1</v>
      </c>
      <c r="D42" s="18">
        <v>4</v>
      </c>
    </row>
    <row r="43" spans="1:4" ht="18" customHeight="1" x14ac:dyDescent="0.15">
      <c r="A43" s="5">
        <v>31</v>
      </c>
      <c r="B43" s="22">
        <v>3</v>
      </c>
      <c r="C43" s="14">
        <v>2</v>
      </c>
      <c r="D43" s="18">
        <v>5</v>
      </c>
    </row>
    <row r="44" spans="1:4" ht="18" customHeight="1" x14ac:dyDescent="0.15">
      <c r="A44" s="5">
        <v>32</v>
      </c>
      <c r="B44" s="22">
        <v>1</v>
      </c>
      <c r="C44" s="14">
        <v>1</v>
      </c>
      <c r="D44" s="18">
        <v>2</v>
      </c>
    </row>
    <row r="45" spans="1:4" ht="18" customHeight="1" x14ac:dyDescent="0.15">
      <c r="A45" s="5">
        <v>33</v>
      </c>
      <c r="B45" s="22">
        <v>5</v>
      </c>
      <c r="C45" s="14">
        <v>3</v>
      </c>
      <c r="D45" s="18">
        <v>8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13</v>
      </c>
      <c r="C47" s="14">
        <v>8</v>
      </c>
      <c r="D47" s="18">
        <v>21</v>
      </c>
    </row>
    <row r="48" spans="1:4" ht="18" customHeight="1" x14ac:dyDescent="0.15">
      <c r="A48" s="5">
        <v>35</v>
      </c>
      <c r="B48" s="22">
        <v>3</v>
      </c>
      <c r="C48" s="14">
        <v>1</v>
      </c>
      <c r="D48" s="18">
        <v>4</v>
      </c>
    </row>
    <row r="49" spans="1:4" ht="18" customHeight="1" x14ac:dyDescent="0.15">
      <c r="A49" s="5">
        <v>36</v>
      </c>
      <c r="B49" s="22">
        <v>1</v>
      </c>
      <c r="C49" s="14">
        <v>5</v>
      </c>
      <c r="D49" s="18">
        <v>6</v>
      </c>
    </row>
    <row r="50" spans="1:4" ht="18" customHeight="1" x14ac:dyDescent="0.15">
      <c r="A50" s="5">
        <v>37</v>
      </c>
      <c r="B50" s="22">
        <v>3</v>
      </c>
      <c r="C50" s="14">
        <v>1</v>
      </c>
      <c r="D50" s="18">
        <v>4</v>
      </c>
    </row>
    <row r="51" spans="1:4" ht="18" customHeight="1" x14ac:dyDescent="0.15">
      <c r="A51" s="5">
        <v>38</v>
      </c>
      <c r="B51" s="22">
        <v>2</v>
      </c>
      <c r="C51" s="14">
        <v>1</v>
      </c>
      <c r="D51" s="18">
        <v>3</v>
      </c>
    </row>
    <row r="52" spans="1:4" ht="18" customHeight="1" x14ac:dyDescent="0.15">
      <c r="A52" s="5">
        <v>39</v>
      </c>
      <c r="B52" s="22">
        <v>3</v>
      </c>
      <c r="C52" s="14">
        <v>3</v>
      </c>
      <c r="D52" s="18">
        <v>6</v>
      </c>
    </row>
    <row r="53" spans="1:4" ht="18" customHeight="1" x14ac:dyDescent="0.15">
      <c r="A53" s="5" t="s">
        <v>18</v>
      </c>
      <c r="B53" s="22">
        <v>12</v>
      </c>
      <c r="C53" s="14">
        <v>11</v>
      </c>
      <c r="D53" s="18">
        <v>23</v>
      </c>
    </row>
    <row r="54" spans="1:4" ht="18" customHeight="1" x14ac:dyDescent="0.15">
      <c r="A54" s="5">
        <v>40</v>
      </c>
      <c r="B54" s="22">
        <v>2</v>
      </c>
      <c r="C54" s="14">
        <v>2</v>
      </c>
      <c r="D54" s="18">
        <v>4</v>
      </c>
    </row>
    <row r="55" spans="1:4" ht="18" customHeight="1" x14ac:dyDescent="0.15">
      <c r="A55" s="5">
        <v>41</v>
      </c>
      <c r="B55" s="22">
        <v>6</v>
      </c>
      <c r="C55" s="14">
        <v>3</v>
      </c>
      <c r="D55" s="18">
        <v>9</v>
      </c>
    </row>
    <row r="56" spans="1:4" ht="18" customHeight="1" x14ac:dyDescent="0.15">
      <c r="A56" s="5">
        <v>42</v>
      </c>
      <c r="B56" s="22">
        <v>3</v>
      </c>
      <c r="C56" s="14">
        <v>4</v>
      </c>
      <c r="D56" s="18">
        <v>7</v>
      </c>
    </row>
    <row r="57" spans="1:4" ht="18" customHeight="1" x14ac:dyDescent="0.15">
      <c r="A57" s="5">
        <v>43</v>
      </c>
      <c r="B57" s="22">
        <v>4</v>
      </c>
      <c r="C57" s="14">
        <v>3</v>
      </c>
      <c r="D57" s="18">
        <v>7</v>
      </c>
    </row>
    <row r="58" spans="1:4" ht="18" customHeight="1" x14ac:dyDescent="0.15">
      <c r="A58" s="5">
        <v>44</v>
      </c>
      <c r="B58" s="22">
        <v>0</v>
      </c>
      <c r="C58" s="14">
        <v>4</v>
      </c>
      <c r="D58" s="18">
        <v>4</v>
      </c>
    </row>
    <row r="59" spans="1:4" ht="18" customHeight="1" x14ac:dyDescent="0.15">
      <c r="A59" s="5" t="s">
        <v>21</v>
      </c>
      <c r="B59" s="22">
        <v>15</v>
      </c>
      <c r="C59" s="14">
        <v>16</v>
      </c>
      <c r="D59" s="18">
        <v>31</v>
      </c>
    </row>
    <row r="60" spans="1:4" ht="18" customHeight="1" x14ac:dyDescent="0.15">
      <c r="A60" s="5">
        <v>45</v>
      </c>
      <c r="B60" s="22">
        <v>1</v>
      </c>
      <c r="C60" s="14">
        <v>0</v>
      </c>
      <c r="D60" s="18">
        <v>1</v>
      </c>
    </row>
    <row r="61" spans="1:4" ht="18" customHeight="1" x14ac:dyDescent="0.15">
      <c r="A61" s="5">
        <v>46</v>
      </c>
      <c r="B61" s="22">
        <v>3</v>
      </c>
      <c r="C61" s="14">
        <v>3</v>
      </c>
      <c r="D61" s="18">
        <v>6</v>
      </c>
    </row>
    <row r="62" spans="1:4" ht="18" customHeight="1" x14ac:dyDescent="0.15">
      <c r="A62" s="5">
        <v>47</v>
      </c>
      <c r="B62" s="22">
        <v>3</v>
      </c>
      <c r="C62" s="14">
        <v>3</v>
      </c>
      <c r="D62" s="18">
        <v>6</v>
      </c>
    </row>
    <row r="63" spans="1:4" ht="18" customHeight="1" x14ac:dyDescent="0.15">
      <c r="A63" s="5">
        <v>48</v>
      </c>
      <c r="B63" s="22">
        <v>2</v>
      </c>
      <c r="C63" s="14">
        <v>6</v>
      </c>
      <c r="D63" s="18">
        <v>8</v>
      </c>
    </row>
    <row r="64" spans="1:4" ht="18" customHeight="1" x14ac:dyDescent="0.15">
      <c r="A64" s="5">
        <v>49</v>
      </c>
      <c r="B64" s="22">
        <v>3</v>
      </c>
      <c r="C64" s="14">
        <v>0</v>
      </c>
      <c r="D64" s="18">
        <v>3</v>
      </c>
    </row>
    <row r="65" spans="1:4" ht="18" customHeight="1" x14ac:dyDescent="0.15">
      <c r="A65" s="5" t="s">
        <v>17</v>
      </c>
      <c r="B65" s="22">
        <v>12</v>
      </c>
      <c r="C65" s="14">
        <v>12</v>
      </c>
      <c r="D65" s="18">
        <v>24</v>
      </c>
    </row>
    <row r="66" spans="1:4" ht="18" customHeight="1" x14ac:dyDescent="0.15">
      <c r="A66" s="5">
        <v>50</v>
      </c>
      <c r="B66" s="22">
        <v>7</v>
      </c>
      <c r="C66" s="14">
        <v>2</v>
      </c>
      <c r="D66" s="18">
        <v>9</v>
      </c>
    </row>
    <row r="67" spans="1:4" ht="18" customHeight="1" x14ac:dyDescent="0.15">
      <c r="A67" s="5">
        <v>51</v>
      </c>
      <c r="B67" s="22">
        <v>4</v>
      </c>
      <c r="C67" s="14">
        <v>3</v>
      </c>
      <c r="D67" s="18">
        <v>7</v>
      </c>
    </row>
    <row r="68" spans="1:4" ht="18" customHeight="1" x14ac:dyDescent="0.15">
      <c r="A68" s="5">
        <v>52</v>
      </c>
      <c r="B68" s="22">
        <v>5</v>
      </c>
      <c r="C68" s="14">
        <v>6</v>
      </c>
      <c r="D68" s="18">
        <v>11</v>
      </c>
    </row>
    <row r="69" spans="1:4" ht="18" customHeight="1" x14ac:dyDescent="0.15">
      <c r="A69" s="5">
        <v>53</v>
      </c>
      <c r="B69" s="22">
        <v>6</v>
      </c>
      <c r="C69" s="14">
        <v>5</v>
      </c>
      <c r="D69" s="18">
        <v>11</v>
      </c>
    </row>
    <row r="70" spans="1:4" ht="18" customHeight="1" x14ac:dyDescent="0.15">
      <c r="A70" s="5">
        <v>54</v>
      </c>
      <c r="B70" s="22">
        <v>6</v>
      </c>
      <c r="C70" s="14">
        <v>5</v>
      </c>
      <c r="D70" s="18">
        <v>11</v>
      </c>
    </row>
    <row r="71" spans="1:4" ht="18" customHeight="1" x14ac:dyDescent="0.15">
      <c r="A71" s="5" t="s">
        <v>22</v>
      </c>
      <c r="B71" s="22">
        <v>28</v>
      </c>
      <c r="C71" s="14">
        <v>21</v>
      </c>
      <c r="D71" s="18">
        <v>49</v>
      </c>
    </row>
    <row r="72" spans="1:4" ht="18" customHeight="1" x14ac:dyDescent="0.15">
      <c r="A72" s="5">
        <v>55</v>
      </c>
      <c r="B72" s="22">
        <v>4</v>
      </c>
      <c r="C72" s="14">
        <v>5</v>
      </c>
      <c r="D72" s="18">
        <v>9</v>
      </c>
    </row>
    <row r="73" spans="1:4" ht="18" customHeight="1" x14ac:dyDescent="0.15">
      <c r="A73" s="5">
        <v>56</v>
      </c>
      <c r="B73" s="22">
        <v>6</v>
      </c>
      <c r="C73" s="14">
        <v>5</v>
      </c>
      <c r="D73" s="18">
        <v>11</v>
      </c>
    </row>
    <row r="74" spans="1:4" ht="18" customHeight="1" x14ac:dyDescent="0.15">
      <c r="A74" s="5">
        <v>57</v>
      </c>
      <c r="B74" s="22">
        <v>6</v>
      </c>
      <c r="C74" s="14">
        <v>5</v>
      </c>
      <c r="D74" s="18">
        <v>11</v>
      </c>
    </row>
    <row r="75" spans="1:4" ht="18" customHeight="1" x14ac:dyDescent="0.15">
      <c r="A75" s="5">
        <v>58</v>
      </c>
      <c r="B75" s="22">
        <v>4</v>
      </c>
      <c r="C75" s="14">
        <v>3</v>
      </c>
      <c r="D75" s="18">
        <v>7</v>
      </c>
    </row>
    <row r="76" spans="1:4" ht="18" customHeight="1" x14ac:dyDescent="0.15">
      <c r="A76" s="5">
        <v>59</v>
      </c>
      <c r="B76" s="22">
        <v>0</v>
      </c>
      <c r="C76" s="14">
        <v>2</v>
      </c>
      <c r="D76" s="18">
        <v>2</v>
      </c>
    </row>
    <row r="77" spans="1:4" ht="18" customHeight="1" x14ac:dyDescent="0.15">
      <c r="A77" s="5" t="s">
        <v>27</v>
      </c>
      <c r="B77" s="22">
        <v>20</v>
      </c>
      <c r="C77" s="14">
        <v>20</v>
      </c>
      <c r="D77" s="18">
        <v>40</v>
      </c>
    </row>
    <row r="78" spans="1:4" ht="18" customHeight="1" x14ac:dyDescent="0.15">
      <c r="A78" s="5">
        <v>60</v>
      </c>
      <c r="B78" s="22">
        <v>0</v>
      </c>
      <c r="C78" s="14">
        <v>6</v>
      </c>
      <c r="D78" s="18">
        <v>6</v>
      </c>
    </row>
    <row r="79" spans="1:4" ht="18" customHeight="1" x14ac:dyDescent="0.15">
      <c r="A79" s="5">
        <v>61</v>
      </c>
      <c r="B79" s="22">
        <v>0</v>
      </c>
      <c r="C79" s="14">
        <v>4</v>
      </c>
      <c r="D79" s="18">
        <v>4</v>
      </c>
    </row>
    <row r="80" spans="1:4" ht="18" customHeight="1" x14ac:dyDescent="0.15">
      <c r="A80" s="5">
        <v>62</v>
      </c>
      <c r="B80" s="22">
        <v>5</v>
      </c>
      <c r="C80" s="14">
        <v>6</v>
      </c>
      <c r="D80" s="18">
        <v>11</v>
      </c>
    </row>
    <row r="81" spans="1:4" ht="18" customHeight="1" x14ac:dyDescent="0.15">
      <c r="A81" s="5">
        <v>63</v>
      </c>
      <c r="B81" s="22">
        <v>10</v>
      </c>
      <c r="C81" s="14">
        <v>6</v>
      </c>
      <c r="D81" s="18">
        <v>16</v>
      </c>
    </row>
    <row r="82" spans="1:4" ht="18" customHeight="1" x14ac:dyDescent="0.15">
      <c r="A82" s="5">
        <v>64</v>
      </c>
      <c r="B82" s="22">
        <v>4</v>
      </c>
      <c r="C82" s="14">
        <v>5</v>
      </c>
      <c r="D82" s="18">
        <v>9</v>
      </c>
    </row>
    <row r="83" spans="1:4" ht="18" customHeight="1" x14ac:dyDescent="0.15">
      <c r="A83" s="5" t="s">
        <v>28</v>
      </c>
      <c r="B83" s="22">
        <v>19</v>
      </c>
      <c r="C83" s="14">
        <v>27</v>
      </c>
      <c r="D83" s="18">
        <v>46</v>
      </c>
    </row>
    <row r="84" spans="1:4" ht="18" customHeight="1" x14ac:dyDescent="0.15">
      <c r="A84" s="5" t="s">
        <v>31</v>
      </c>
      <c r="B84" s="22">
        <v>143</v>
      </c>
      <c r="C84" s="14">
        <v>141</v>
      </c>
      <c r="D84" s="18">
        <v>284</v>
      </c>
    </row>
    <row r="85" spans="1:4" ht="18" customHeight="1" x14ac:dyDescent="0.15">
      <c r="A85" s="5">
        <v>65</v>
      </c>
      <c r="B85" s="22">
        <v>4</v>
      </c>
      <c r="C85" s="14">
        <v>8</v>
      </c>
      <c r="D85" s="18">
        <v>12</v>
      </c>
    </row>
    <row r="86" spans="1:4" ht="18" customHeight="1" x14ac:dyDescent="0.15">
      <c r="A86" s="5">
        <v>66</v>
      </c>
      <c r="B86" s="22">
        <v>12</v>
      </c>
      <c r="C86" s="14">
        <v>8</v>
      </c>
      <c r="D86" s="18">
        <v>20</v>
      </c>
    </row>
    <row r="87" spans="1:4" ht="18" customHeight="1" x14ac:dyDescent="0.15">
      <c r="A87" s="5">
        <v>67</v>
      </c>
      <c r="B87" s="22">
        <v>6</v>
      </c>
      <c r="C87" s="14">
        <v>10</v>
      </c>
      <c r="D87" s="18">
        <v>16</v>
      </c>
    </row>
    <row r="88" spans="1:4" ht="18" customHeight="1" x14ac:dyDescent="0.15">
      <c r="A88" s="5">
        <v>68</v>
      </c>
      <c r="B88" s="22">
        <v>7</v>
      </c>
      <c r="C88" s="14">
        <v>6</v>
      </c>
      <c r="D88" s="18">
        <v>13</v>
      </c>
    </row>
    <row r="89" spans="1:4" ht="18" customHeight="1" x14ac:dyDescent="0.15">
      <c r="A89" s="5">
        <v>69</v>
      </c>
      <c r="B89" s="22">
        <v>3</v>
      </c>
      <c r="C89" s="14">
        <v>7</v>
      </c>
      <c r="D89" s="18">
        <v>10</v>
      </c>
    </row>
    <row r="90" spans="1:4" ht="18" customHeight="1" x14ac:dyDescent="0.15">
      <c r="A90" s="5" t="s">
        <v>20</v>
      </c>
      <c r="B90" s="22">
        <v>32</v>
      </c>
      <c r="C90" s="14">
        <v>39</v>
      </c>
      <c r="D90" s="18">
        <v>71</v>
      </c>
    </row>
    <row r="91" spans="1:4" ht="18" customHeight="1" x14ac:dyDescent="0.15">
      <c r="A91" s="5">
        <v>70</v>
      </c>
      <c r="B91" s="22">
        <v>4</v>
      </c>
      <c r="C91" s="14">
        <v>5</v>
      </c>
      <c r="D91" s="18">
        <v>9</v>
      </c>
    </row>
    <row r="92" spans="1:4" ht="18" customHeight="1" x14ac:dyDescent="0.15">
      <c r="A92" s="5">
        <v>71</v>
      </c>
      <c r="B92" s="22">
        <v>9</v>
      </c>
      <c r="C92" s="14">
        <v>7</v>
      </c>
      <c r="D92" s="18">
        <v>16</v>
      </c>
    </row>
    <row r="93" spans="1:4" ht="18" customHeight="1" x14ac:dyDescent="0.15">
      <c r="A93" s="5">
        <v>72</v>
      </c>
      <c r="B93" s="22">
        <v>4</v>
      </c>
      <c r="C93" s="14">
        <v>10</v>
      </c>
      <c r="D93" s="18">
        <v>14</v>
      </c>
    </row>
    <row r="94" spans="1:4" ht="18" customHeight="1" x14ac:dyDescent="0.15">
      <c r="A94" s="5">
        <v>73</v>
      </c>
      <c r="B94" s="22">
        <v>3</v>
      </c>
      <c r="C94" s="14">
        <v>3</v>
      </c>
      <c r="D94" s="18">
        <v>6</v>
      </c>
    </row>
    <row r="95" spans="1:4" ht="18" customHeight="1" x14ac:dyDescent="0.15">
      <c r="A95" s="5">
        <v>74</v>
      </c>
      <c r="B95" s="22">
        <v>5</v>
      </c>
      <c r="C95" s="14">
        <v>10</v>
      </c>
      <c r="D95" s="18">
        <v>15</v>
      </c>
    </row>
    <row r="96" spans="1:4" ht="18" customHeight="1" x14ac:dyDescent="0.15">
      <c r="A96" s="5" t="s">
        <v>33</v>
      </c>
      <c r="B96" s="22">
        <v>25</v>
      </c>
      <c r="C96" s="14">
        <v>35</v>
      </c>
      <c r="D96" s="18">
        <v>60</v>
      </c>
    </row>
    <row r="97" spans="1:4" ht="18" customHeight="1" x14ac:dyDescent="0.15">
      <c r="A97" s="5">
        <v>75</v>
      </c>
      <c r="B97" s="22">
        <v>10</v>
      </c>
      <c r="C97" s="14">
        <v>10</v>
      </c>
      <c r="D97" s="18">
        <v>20</v>
      </c>
    </row>
    <row r="98" spans="1:4" ht="18" customHeight="1" x14ac:dyDescent="0.15">
      <c r="A98" s="5">
        <v>76</v>
      </c>
      <c r="B98" s="22">
        <v>6</v>
      </c>
      <c r="C98" s="14">
        <v>10</v>
      </c>
      <c r="D98" s="18">
        <v>16</v>
      </c>
    </row>
    <row r="99" spans="1:4" ht="18" customHeight="1" x14ac:dyDescent="0.15">
      <c r="A99" s="5">
        <v>77</v>
      </c>
      <c r="B99" s="22">
        <v>10</v>
      </c>
      <c r="C99" s="14">
        <v>11</v>
      </c>
      <c r="D99" s="18">
        <v>21</v>
      </c>
    </row>
    <row r="100" spans="1:4" ht="18" customHeight="1" x14ac:dyDescent="0.15">
      <c r="A100" s="5">
        <v>78</v>
      </c>
      <c r="B100" s="22">
        <v>8</v>
      </c>
      <c r="C100" s="14">
        <v>11</v>
      </c>
      <c r="D100" s="18">
        <v>19</v>
      </c>
    </row>
    <row r="101" spans="1:4" ht="18" customHeight="1" x14ac:dyDescent="0.15">
      <c r="A101" s="5">
        <v>79</v>
      </c>
      <c r="B101" s="22">
        <v>8</v>
      </c>
      <c r="C101" s="14">
        <v>12</v>
      </c>
      <c r="D101" s="18">
        <v>20</v>
      </c>
    </row>
    <row r="102" spans="1:4" ht="18" customHeight="1" x14ac:dyDescent="0.15">
      <c r="A102" s="5" t="s">
        <v>0</v>
      </c>
      <c r="B102" s="22">
        <v>42</v>
      </c>
      <c r="C102" s="14">
        <v>54</v>
      </c>
      <c r="D102" s="18">
        <v>96</v>
      </c>
    </row>
    <row r="103" spans="1:4" ht="18" customHeight="1" x14ac:dyDescent="0.15">
      <c r="A103" s="5">
        <v>80</v>
      </c>
      <c r="B103" s="22">
        <v>7</v>
      </c>
      <c r="C103" s="14">
        <v>7</v>
      </c>
      <c r="D103" s="18">
        <v>14</v>
      </c>
    </row>
    <row r="104" spans="1:4" ht="18" customHeight="1" x14ac:dyDescent="0.15">
      <c r="A104" s="5">
        <v>81</v>
      </c>
      <c r="B104" s="22">
        <v>1</v>
      </c>
      <c r="C104" s="14">
        <v>8</v>
      </c>
      <c r="D104" s="18">
        <v>9</v>
      </c>
    </row>
    <row r="105" spans="1:4" ht="18" customHeight="1" x14ac:dyDescent="0.15">
      <c r="A105" s="5">
        <v>82</v>
      </c>
      <c r="B105" s="22">
        <v>6</v>
      </c>
      <c r="C105" s="14">
        <v>7</v>
      </c>
      <c r="D105" s="18">
        <v>13</v>
      </c>
    </row>
    <row r="106" spans="1:4" ht="18" customHeight="1" x14ac:dyDescent="0.15">
      <c r="A106" s="5">
        <v>83</v>
      </c>
      <c r="B106" s="22">
        <v>6</v>
      </c>
      <c r="C106" s="14">
        <v>11</v>
      </c>
      <c r="D106" s="18">
        <v>17</v>
      </c>
    </row>
    <row r="107" spans="1:4" ht="18" customHeight="1" x14ac:dyDescent="0.15">
      <c r="A107" s="5">
        <v>84</v>
      </c>
      <c r="B107" s="22">
        <v>5</v>
      </c>
      <c r="C107" s="14">
        <v>8</v>
      </c>
      <c r="D107" s="18">
        <v>13</v>
      </c>
    </row>
    <row r="108" spans="1:4" ht="18" customHeight="1" x14ac:dyDescent="0.15">
      <c r="A108" s="5" t="s">
        <v>35</v>
      </c>
      <c r="B108" s="22">
        <v>25</v>
      </c>
      <c r="C108" s="14">
        <v>41</v>
      </c>
      <c r="D108" s="18">
        <v>66</v>
      </c>
    </row>
    <row r="109" spans="1:4" ht="18" customHeight="1" x14ac:dyDescent="0.15">
      <c r="A109" s="5">
        <v>85</v>
      </c>
      <c r="B109" s="22">
        <v>7</v>
      </c>
      <c r="C109" s="14">
        <v>9</v>
      </c>
      <c r="D109" s="18">
        <v>16</v>
      </c>
    </row>
    <row r="110" spans="1:4" ht="18" customHeight="1" x14ac:dyDescent="0.15">
      <c r="A110" s="5">
        <v>86</v>
      </c>
      <c r="B110" s="22">
        <v>3</v>
      </c>
      <c r="C110" s="14">
        <v>5</v>
      </c>
      <c r="D110" s="18">
        <v>8</v>
      </c>
    </row>
    <row r="111" spans="1:4" ht="18" customHeight="1" x14ac:dyDescent="0.15">
      <c r="A111" s="5">
        <v>87</v>
      </c>
      <c r="B111" s="22">
        <v>2</v>
      </c>
      <c r="C111" s="14">
        <v>5</v>
      </c>
      <c r="D111" s="18">
        <v>7</v>
      </c>
    </row>
    <row r="112" spans="1:4" ht="18" customHeight="1" x14ac:dyDescent="0.15">
      <c r="A112" s="5">
        <v>88</v>
      </c>
      <c r="B112" s="22">
        <v>3</v>
      </c>
      <c r="C112" s="14">
        <v>11</v>
      </c>
      <c r="D112" s="18">
        <v>14</v>
      </c>
    </row>
    <row r="113" spans="1:4" ht="18" customHeight="1" x14ac:dyDescent="0.15">
      <c r="A113" s="5">
        <v>89</v>
      </c>
      <c r="B113" s="22">
        <v>5</v>
      </c>
      <c r="C113" s="14">
        <v>5</v>
      </c>
      <c r="D113" s="18">
        <v>10</v>
      </c>
    </row>
    <row r="114" spans="1:4" ht="18" customHeight="1" x14ac:dyDescent="0.15">
      <c r="A114" s="5" t="s">
        <v>37</v>
      </c>
      <c r="B114" s="22">
        <v>20</v>
      </c>
      <c r="C114" s="14">
        <v>35</v>
      </c>
      <c r="D114" s="18">
        <v>55</v>
      </c>
    </row>
    <row r="115" spans="1:4" ht="18" customHeight="1" x14ac:dyDescent="0.15">
      <c r="A115" s="5">
        <v>90</v>
      </c>
      <c r="B115" s="22">
        <v>2</v>
      </c>
      <c r="C115" s="14">
        <v>7</v>
      </c>
      <c r="D115" s="18">
        <v>9</v>
      </c>
    </row>
    <row r="116" spans="1:4" ht="18" customHeight="1" x14ac:dyDescent="0.15">
      <c r="A116" s="5">
        <v>91</v>
      </c>
      <c r="B116" s="22">
        <v>6</v>
      </c>
      <c r="C116" s="14">
        <v>6</v>
      </c>
      <c r="D116" s="18">
        <v>12</v>
      </c>
    </row>
    <row r="117" spans="1:4" ht="18" customHeight="1" x14ac:dyDescent="0.15">
      <c r="A117" s="5">
        <v>92</v>
      </c>
      <c r="B117" s="22">
        <v>5</v>
      </c>
      <c r="C117" s="14">
        <v>9</v>
      </c>
      <c r="D117" s="18">
        <v>14</v>
      </c>
    </row>
    <row r="118" spans="1:4" ht="18" customHeight="1" x14ac:dyDescent="0.15">
      <c r="A118" s="5">
        <v>93</v>
      </c>
      <c r="B118" s="22">
        <v>1</v>
      </c>
      <c r="C118" s="14">
        <v>5</v>
      </c>
      <c r="D118" s="18">
        <v>6</v>
      </c>
    </row>
    <row r="119" spans="1:4" ht="18" customHeight="1" x14ac:dyDescent="0.15">
      <c r="A119" s="5">
        <v>94</v>
      </c>
      <c r="B119" s="22">
        <v>2</v>
      </c>
      <c r="C119" s="14">
        <v>4</v>
      </c>
      <c r="D119" s="18">
        <v>6</v>
      </c>
    </row>
    <row r="120" spans="1:4" ht="18" customHeight="1" x14ac:dyDescent="0.15">
      <c r="A120" s="5" t="s">
        <v>39</v>
      </c>
      <c r="B120" s="22">
        <v>16</v>
      </c>
      <c r="C120" s="14">
        <v>31</v>
      </c>
      <c r="D120" s="18">
        <v>47</v>
      </c>
    </row>
    <row r="121" spans="1:4" ht="18" customHeight="1" x14ac:dyDescent="0.15">
      <c r="A121" s="5">
        <v>95</v>
      </c>
      <c r="B121" s="22">
        <v>1</v>
      </c>
      <c r="C121" s="14">
        <v>4</v>
      </c>
      <c r="D121" s="18">
        <v>5</v>
      </c>
    </row>
    <row r="122" spans="1:4" ht="18" customHeight="1" x14ac:dyDescent="0.15">
      <c r="A122" s="5">
        <v>96</v>
      </c>
      <c r="B122" s="22">
        <v>2</v>
      </c>
      <c r="C122" s="14">
        <v>3</v>
      </c>
      <c r="D122" s="18">
        <v>5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9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63</v>
      </c>
      <c r="C130" s="14">
        <v>246</v>
      </c>
      <c r="D130" s="18">
        <v>409</v>
      </c>
    </row>
    <row r="131" spans="1:4" ht="18" customHeight="1" x14ac:dyDescent="0.15">
      <c r="A131" s="7" t="s">
        <v>45</v>
      </c>
      <c r="B131" s="23">
        <v>317</v>
      </c>
      <c r="C131" s="15">
        <v>400</v>
      </c>
      <c r="D131" s="19">
        <v>7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7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2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6</v>
      </c>
      <c r="C5" s="29">
        <v>4</v>
      </c>
      <c r="D5" s="31">
        <v>10</v>
      </c>
    </row>
    <row r="6" spans="1:4" ht="18" customHeight="1" x14ac:dyDescent="0.15">
      <c r="A6" s="5">
        <v>1</v>
      </c>
      <c r="B6" s="27">
        <v>10</v>
      </c>
      <c r="C6" s="14">
        <v>4</v>
      </c>
      <c r="D6" s="18">
        <v>14</v>
      </c>
    </row>
    <row r="7" spans="1:4" ht="18" customHeight="1" x14ac:dyDescent="0.15">
      <c r="A7" s="5">
        <v>2</v>
      </c>
      <c r="B7" s="27">
        <v>6</v>
      </c>
      <c r="C7" s="14">
        <v>6</v>
      </c>
      <c r="D7" s="18">
        <v>12</v>
      </c>
    </row>
    <row r="8" spans="1:4" ht="18" customHeight="1" x14ac:dyDescent="0.15">
      <c r="A8" s="5">
        <v>3</v>
      </c>
      <c r="B8" s="27">
        <v>6</v>
      </c>
      <c r="C8" s="14">
        <v>7</v>
      </c>
      <c r="D8" s="18">
        <v>13</v>
      </c>
    </row>
    <row r="9" spans="1:4" ht="18" customHeight="1" x14ac:dyDescent="0.15">
      <c r="A9" s="5">
        <v>4</v>
      </c>
      <c r="B9" s="28">
        <v>7</v>
      </c>
      <c r="C9" s="30">
        <v>12</v>
      </c>
      <c r="D9" s="32">
        <v>19</v>
      </c>
    </row>
    <row r="10" spans="1:4" ht="18" customHeight="1" x14ac:dyDescent="0.15">
      <c r="A10" s="5" t="s">
        <v>7</v>
      </c>
      <c r="B10" s="22">
        <v>35</v>
      </c>
      <c r="C10" s="14">
        <v>33</v>
      </c>
      <c r="D10" s="18">
        <v>68</v>
      </c>
    </row>
    <row r="11" spans="1:4" ht="18" customHeight="1" x14ac:dyDescent="0.15">
      <c r="A11" s="5">
        <v>5</v>
      </c>
      <c r="B11" s="27">
        <v>9</v>
      </c>
      <c r="C11" s="14">
        <v>9</v>
      </c>
      <c r="D11" s="18">
        <v>18</v>
      </c>
    </row>
    <row r="12" spans="1:4" ht="18" customHeight="1" x14ac:dyDescent="0.15">
      <c r="A12" s="5">
        <v>6</v>
      </c>
      <c r="B12" s="27">
        <v>12</v>
      </c>
      <c r="C12" s="14">
        <v>11</v>
      </c>
      <c r="D12" s="18">
        <v>23</v>
      </c>
    </row>
    <row r="13" spans="1:4" ht="18" customHeight="1" x14ac:dyDescent="0.15">
      <c r="A13" s="5">
        <v>7</v>
      </c>
      <c r="B13" s="27">
        <v>15</v>
      </c>
      <c r="C13" s="14">
        <v>15</v>
      </c>
      <c r="D13" s="18">
        <v>30</v>
      </c>
    </row>
    <row r="14" spans="1:4" ht="18" customHeight="1" x14ac:dyDescent="0.15">
      <c r="A14" s="5">
        <v>8</v>
      </c>
      <c r="B14" s="27">
        <v>15</v>
      </c>
      <c r="C14" s="14">
        <v>20</v>
      </c>
      <c r="D14" s="18">
        <v>35</v>
      </c>
    </row>
    <row r="15" spans="1:4" ht="18" customHeight="1" x14ac:dyDescent="0.15">
      <c r="A15" s="5">
        <v>9</v>
      </c>
      <c r="B15" s="27">
        <v>25</v>
      </c>
      <c r="C15" s="14">
        <v>9</v>
      </c>
      <c r="D15" s="18">
        <v>34</v>
      </c>
    </row>
    <row r="16" spans="1:4" ht="18" customHeight="1" x14ac:dyDescent="0.15">
      <c r="A16" s="5" t="s">
        <v>11</v>
      </c>
      <c r="B16" s="22">
        <v>76</v>
      </c>
      <c r="C16" s="14">
        <v>64</v>
      </c>
      <c r="D16" s="18">
        <v>140</v>
      </c>
    </row>
    <row r="17" spans="1:4" ht="18" customHeight="1" x14ac:dyDescent="0.15">
      <c r="A17" s="5">
        <v>10</v>
      </c>
      <c r="B17" s="22">
        <v>13</v>
      </c>
      <c r="C17" s="14">
        <v>13</v>
      </c>
      <c r="D17" s="18">
        <v>26</v>
      </c>
    </row>
    <row r="18" spans="1:4" ht="18" customHeight="1" x14ac:dyDescent="0.15">
      <c r="A18" s="5">
        <v>11</v>
      </c>
      <c r="B18" s="22">
        <v>20</v>
      </c>
      <c r="C18" s="14">
        <v>15</v>
      </c>
      <c r="D18" s="18">
        <v>35</v>
      </c>
    </row>
    <row r="19" spans="1:4" ht="18" customHeight="1" x14ac:dyDescent="0.15">
      <c r="A19" s="5">
        <v>12</v>
      </c>
      <c r="B19" s="22">
        <v>11</v>
      </c>
      <c r="C19" s="14">
        <v>23</v>
      </c>
      <c r="D19" s="18">
        <v>34</v>
      </c>
    </row>
    <row r="20" spans="1:4" ht="18" customHeight="1" x14ac:dyDescent="0.15">
      <c r="A20" s="5">
        <v>13</v>
      </c>
      <c r="B20" s="22">
        <v>29</v>
      </c>
      <c r="C20" s="14">
        <v>18</v>
      </c>
      <c r="D20" s="18">
        <v>47</v>
      </c>
    </row>
    <row r="21" spans="1:4" ht="18" customHeight="1" x14ac:dyDescent="0.15">
      <c r="A21" s="5">
        <v>14</v>
      </c>
      <c r="B21" s="22">
        <v>27</v>
      </c>
      <c r="C21" s="14">
        <v>11</v>
      </c>
      <c r="D21" s="18">
        <v>38</v>
      </c>
    </row>
    <row r="22" spans="1:4" ht="18" customHeight="1" x14ac:dyDescent="0.15">
      <c r="A22" s="5" t="s">
        <v>12</v>
      </c>
      <c r="B22" s="22">
        <v>100</v>
      </c>
      <c r="C22" s="14">
        <v>80</v>
      </c>
      <c r="D22" s="18">
        <v>180</v>
      </c>
    </row>
    <row r="23" spans="1:4" ht="18" customHeight="1" x14ac:dyDescent="0.15">
      <c r="A23" s="5" t="s">
        <v>6</v>
      </c>
      <c r="B23" s="22">
        <v>211</v>
      </c>
      <c r="C23" s="14">
        <v>177</v>
      </c>
      <c r="D23" s="18">
        <v>388</v>
      </c>
    </row>
    <row r="24" spans="1:4" ht="18" customHeight="1" x14ac:dyDescent="0.15">
      <c r="A24" s="5">
        <v>15</v>
      </c>
      <c r="B24" s="22">
        <v>14</v>
      </c>
      <c r="C24" s="14">
        <v>16</v>
      </c>
      <c r="D24" s="18">
        <v>30</v>
      </c>
    </row>
    <row r="25" spans="1:4" ht="18" customHeight="1" x14ac:dyDescent="0.15">
      <c r="A25" s="5">
        <v>16</v>
      </c>
      <c r="B25" s="22">
        <v>25</v>
      </c>
      <c r="C25" s="14">
        <v>23</v>
      </c>
      <c r="D25" s="18">
        <v>48</v>
      </c>
    </row>
    <row r="26" spans="1:4" ht="18" customHeight="1" x14ac:dyDescent="0.15">
      <c r="A26" s="5">
        <v>17</v>
      </c>
      <c r="B26" s="22">
        <v>31</v>
      </c>
      <c r="C26" s="14">
        <v>28</v>
      </c>
      <c r="D26" s="18">
        <v>59</v>
      </c>
    </row>
    <row r="27" spans="1:4" ht="18" customHeight="1" x14ac:dyDescent="0.15">
      <c r="A27" s="5">
        <v>18</v>
      </c>
      <c r="B27" s="22">
        <v>26</v>
      </c>
      <c r="C27" s="14">
        <v>29</v>
      </c>
      <c r="D27" s="18">
        <v>55</v>
      </c>
    </row>
    <row r="28" spans="1:4" ht="18" customHeight="1" x14ac:dyDescent="0.15">
      <c r="A28" s="5">
        <v>19</v>
      </c>
      <c r="B28" s="22">
        <v>23</v>
      </c>
      <c r="C28" s="14">
        <v>17</v>
      </c>
      <c r="D28" s="18">
        <v>40</v>
      </c>
    </row>
    <row r="29" spans="1:4" ht="18" customHeight="1" x14ac:dyDescent="0.15">
      <c r="A29" s="5" t="s">
        <v>14</v>
      </c>
      <c r="B29" s="22">
        <v>119</v>
      </c>
      <c r="C29" s="14">
        <v>113</v>
      </c>
      <c r="D29" s="18">
        <v>232</v>
      </c>
    </row>
    <row r="30" spans="1:4" ht="18" customHeight="1" x14ac:dyDescent="0.15">
      <c r="A30" s="5">
        <v>20</v>
      </c>
      <c r="B30" s="22">
        <v>24</v>
      </c>
      <c r="C30" s="14">
        <v>21</v>
      </c>
      <c r="D30" s="18">
        <v>45</v>
      </c>
    </row>
    <row r="31" spans="1:4" ht="18" customHeight="1" x14ac:dyDescent="0.15">
      <c r="A31" s="5">
        <v>21</v>
      </c>
      <c r="B31" s="22">
        <v>36</v>
      </c>
      <c r="C31" s="14">
        <v>31</v>
      </c>
      <c r="D31" s="18">
        <v>67</v>
      </c>
    </row>
    <row r="32" spans="1:4" ht="18" customHeight="1" x14ac:dyDescent="0.15">
      <c r="A32" s="5">
        <v>22</v>
      </c>
      <c r="B32" s="22">
        <v>33</v>
      </c>
      <c r="C32" s="14">
        <v>31</v>
      </c>
      <c r="D32" s="18">
        <v>64</v>
      </c>
    </row>
    <row r="33" spans="1:4" ht="18" customHeight="1" x14ac:dyDescent="0.15">
      <c r="A33" s="5">
        <v>23</v>
      </c>
      <c r="B33" s="22">
        <v>29</v>
      </c>
      <c r="C33" s="14">
        <v>23</v>
      </c>
      <c r="D33" s="18">
        <v>52</v>
      </c>
    </row>
    <row r="34" spans="1:4" ht="18" customHeight="1" x14ac:dyDescent="0.15">
      <c r="A34" s="5">
        <v>24</v>
      </c>
      <c r="B34" s="22">
        <v>19</v>
      </c>
      <c r="C34" s="14">
        <v>29</v>
      </c>
      <c r="D34" s="18">
        <v>48</v>
      </c>
    </row>
    <row r="35" spans="1:4" ht="18" customHeight="1" x14ac:dyDescent="0.15">
      <c r="A35" s="5" t="s">
        <v>9</v>
      </c>
      <c r="B35" s="22">
        <v>141</v>
      </c>
      <c r="C35" s="14">
        <v>135</v>
      </c>
      <c r="D35" s="18">
        <v>276</v>
      </c>
    </row>
    <row r="36" spans="1:4" ht="18" customHeight="1" x14ac:dyDescent="0.15">
      <c r="A36" s="5">
        <v>25</v>
      </c>
      <c r="B36" s="22">
        <v>26</v>
      </c>
      <c r="C36" s="14">
        <v>21</v>
      </c>
      <c r="D36" s="18">
        <v>47</v>
      </c>
    </row>
    <row r="37" spans="1:4" ht="18" customHeight="1" x14ac:dyDescent="0.15">
      <c r="A37" s="5">
        <v>26</v>
      </c>
      <c r="B37" s="22">
        <v>23</v>
      </c>
      <c r="C37" s="14">
        <v>11</v>
      </c>
      <c r="D37" s="18">
        <v>34</v>
      </c>
    </row>
    <row r="38" spans="1:4" ht="18" customHeight="1" x14ac:dyDescent="0.15">
      <c r="A38" s="5">
        <v>27</v>
      </c>
      <c r="B38" s="22">
        <v>21</v>
      </c>
      <c r="C38" s="14">
        <v>20</v>
      </c>
      <c r="D38" s="18">
        <v>41</v>
      </c>
    </row>
    <row r="39" spans="1:4" ht="18" customHeight="1" x14ac:dyDescent="0.15">
      <c r="A39" s="5">
        <v>28</v>
      </c>
      <c r="B39" s="22">
        <v>28</v>
      </c>
      <c r="C39" s="14">
        <v>20</v>
      </c>
      <c r="D39" s="18">
        <v>48</v>
      </c>
    </row>
    <row r="40" spans="1:4" ht="18" customHeight="1" x14ac:dyDescent="0.15">
      <c r="A40" s="5">
        <v>29</v>
      </c>
      <c r="B40" s="22">
        <v>18</v>
      </c>
      <c r="C40" s="14">
        <v>14</v>
      </c>
      <c r="D40" s="18">
        <v>32</v>
      </c>
    </row>
    <row r="41" spans="1:4" ht="18" customHeight="1" x14ac:dyDescent="0.15">
      <c r="A41" s="5" t="s">
        <v>2</v>
      </c>
      <c r="B41" s="22">
        <v>116</v>
      </c>
      <c r="C41" s="14">
        <v>86</v>
      </c>
      <c r="D41" s="18">
        <v>202</v>
      </c>
    </row>
    <row r="42" spans="1:4" ht="18" customHeight="1" x14ac:dyDescent="0.15">
      <c r="A42" s="5">
        <v>30</v>
      </c>
      <c r="B42" s="22">
        <v>17</v>
      </c>
      <c r="C42" s="14">
        <v>15</v>
      </c>
      <c r="D42" s="18">
        <v>32</v>
      </c>
    </row>
    <row r="43" spans="1:4" ht="18" customHeight="1" x14ac:dyDescent="0.15">
      <c r="A43" s="5">
        <v>31</v>
      </c>
      <c r="B43" s="22">
        <v>17</v>
      </c>
      <c r="C43" s="14">
        <v>18</v>
      </c>
      <c r="D43" s="18">
        <v>35</v>
      </c>
    </row>
    <row r="44" spans="1:4" ht="18" customHeight="1" x14ac:dyDescent="0.15">
      <c r="A44" s="5">
        <v>32</v>
      </c>
      <c r="B44" s="22">
        <v>13</v>
      </c>
      <c r="C44" s="14">
        <v>16</v>
      </c>
      <c r="D44" s="18">
        <v>29</v>
      </c>
    </row>
    <row r="45" spans="1:4" ht="18" customHeight="1" x14ac:dyDescent="0.15">
      <c r="A45" s="5">
        <v>33</v>
      </c>
      <c r="B45" s="22">
        <v>10</v>
      </c>
      <c r="C45" s="14">
        <v>12</v>
      </c>
      <c r="D45" s="18">
        <v>22</v>
      </c>
    </row>
    <row r="46" spans="1:4" ht="18" customHeight="1" x14ac:dyDescent="0.15">
      <c r="A46" s="5">
        <v>34</v>
      </c>
      <c r="B46" s="22">
        <v>13</v>
      </c>
      <c r="C46" s="14">
        <v>9</v>
      </c>
      <c r="D46" s="18">
        <v>22</v>
      </c>
    </row>
    <row r="47" spans="1:4" ht="18" customHeight="1" x14ac:dyDescent="0.15">
      <c r="A47" s="5" t="s">
        <v>15</v>
      </c>
      <c r="B47" s="22">
        <v>70</v>
      </c>
      <c r="C47" s="14">
        <v>70</v>
      </c>
      <c r="D47" s="18">
        <v>140</v>
      </c>
    </row>
    <row r="48" spans="1:4" ht="18" customHeight="1" x14ac:dyDescent="0.15">
      <c r="A48" s="5">
        <v>35</v>
      </c>
      <c r="B48" s="22">
        <v>7</v>
      </c>
      <c r="C48" s="14">
        <v>14</v>
      </c>
      <c r="D48" s="18">
        <v>21</v>
      </c>
    </row>
    <row r="49" spans="1:4" ht="18" customHeight="1" x14ac:dyDescent="0.15">
      <c r="A49" s="5">
        <v>36</v>
      </c>
      <c r="B49" s="22">
        <v>24</v>
      </c>
      <c r="C49" s="14">
        <v>17</v>
      </c>
      <c r="D49" s="18">
        <v>41</v>
      </c>
    </row>
    <row r="50" spans="1:4" ht="18" customHeight="1" x14ac:dyDescent="0.15">
      <c r="A50" s="5">
        <v>37</v>
      </c>
      <c r="B50" s="22">
        <v>20</v>
      </c>
      <c r="C50" s="14">
        <v>20</v>
      </c>
      <c r="D50" s="18">
        <v>40</v>
      </c>
    </row>
    <row r="51" spans="1:4" ht="18" customHeight="1" x14ac:dyDescent="0.15">
      <c r="A51" s="5">
        <v>38</v>
      </c>
      <c r="B51" s="22">
        <v>15</v>
      </c>
      <c r="C51" s="14">
        <v>12</v>
      </c>
      <c r="D51" s="18">
        <v>27</v>
      </c>
    </row>
    <row r="52" spans="1:4" ht="18" customHeight="1" x14ac:dyDescent="0.15">
      <c r="A52" s="5">
        <v>39</v>
      </c>
      <c r="B52" s="22">
        <v>20</v>
      </c>
      <c r="C52" s="14">
        <v>15</v>
      </c>
      <c r="D52" s="18">
        <v>35</v>
      </c>
    </row>
    <row r="53" spans="1:4" ht="18" customHeight="1" x14ac:dyDescent="0.15">
      <c r="A53" s="5" t="s">
        <v>18</v>
      </c>
      <c r="B53" s="22">
        <v>86</v>
      </c>
      <c r="C53" s="14">
        <v>78</v>
      </c>
      <c r="D53" s="18">
        <v>164</v>
      </c>
    </row>
    <row r="54" spans="1:4" ht="18" customHeight="1" x14ac:dyDescent="0.15">
      <c r="A54" s="5">
        <v>40</v>
      </c>
      <c r="B54" s="22">
        <v>13</v>
      </c>
      <c r="C54" s="14">
        <v>14</v>
      </c>
      <c r="D54" s="18">
        <v>27</v>
      </c>
    </row>
    <row r="55" spans="1:4" ht="18" customHeight="1" x14ac:dyDescent="0.15">
      <c r="A55" s="5">
        <v>41</v>
      </c>
      <c r="B55" s="22">
        <v>22</v>
      </c>
      <c r="C55" s="14">
        <v>18</v>
      </c>
      <c r="D55" s="18">
        <v>40</v>
      </c>
    </row>
    <row r="56" spans="1:4" ht="18" customHeight="1" x14ac:dyDescent="0.15">
      <c r="A56" s="5">
        <v>42</v>
      </c>
      <c r="B56" s="22">
        <v>25</v>
      </c>
      <c r="C56" s="14">
        <v>26</v>
      </c>
      <c r="D56" s="18">
        <v>51</v>
      </c>
    </row>
    <row r="57" spans="1:4" ht="18" customHeight="1" x14ac:dyDescent="0.15">
      <c r="A57" s="5">
        <v>43</v>
      </c>
      <c r="B57" s="22">
        <v>20</v>
      </c>
      <c r="C57" s="14">
        <v>29</v>
      </c>
      <c r="D57" s="18">
        <v>49</v>
      </c>
    </row>
    <row r="58" spans="1:4" ht="18" customHeight="1" x14ac:dyDescent="0.15">
      <c r="A58" s="5">
        <v>44</v>
      </c>
      <c r="B58" s="22">
        <v>20</v>
      </c>
      <c r="C58" s="14">
        <v>33</v>
      </c>
      <c r="D58" s="18">
        <v>53</v>
      </c>
    </row>
    <row r="59" spans="1:4" ht="18" customHeight="1" x14ac:dyDescent="0.15">
      <c r="A59" s="5" t="s">
        <v>21</v>
      </c>
      <c r="B59" s="22">
        <v>100</v>
      </c>
      <c r="C59" s="14">
        <v>120</v>
      </c>
      <c r="D59" s="18">
        <v>220</v>
      </c>
    </row>
    <row r="60" spans="1:4" ht="18" customHeight="1" x14ac:dyDescent="0.15">
      <c r="A60" s="5">
        <v>45</v>
      </c>
      <c r="B60" s="22">
        <v>23</v>
      </c>
      <c r="C60" s="14">
        <v>22</v>
      </c>
      <c r="D60" s="18">
        <v>45</v>
      </c>
    </row>
    <row r="61" spans="1:4" ht="18" customHeight="1" x14ac:dyDescent="0.15">
      <c r="A61" s="5">
        <v>46</v>
      </c>
      <c r="B61" s="22">
        <v>37</v>
      </c>
      <c r="C61" s="14">
        <v>23</v>
      </c>
      <c r="D61" s="18">
        <v>60</v>
      </c>
    </row>
    <row r="62" spans="1:4" ht="18" customHeight="1" x14ac:dyDescent="0.15">
      <c r="A62" s="5">
        <v>47</v>
      </c>
      <c r="B62" s="22">
        <v>30</v>
      </c>
      <c r="C62" s="14">
        <v>36</v>
      </c>
      <c r="D62" s="18">
        <v>66</v>
      </c>
    </row>
    <row r="63" spans="1:4" ht="18" customHeight="1" x14ac:dyDescent="0.15">
      <c r="A63" s="5">
        <v>48</v>
      </c>
      <c r="B63" s="22">
        <v>38</v>
      </c>
      <c r="C63" s="14">
        <v>33</v>
      </c>
      <c r="D63" s="18">
        <v>71</v>
      </c>
    </row>
    <row r="64" spans="1:4" ht="18" customHeight="1" x14ac:dyDescent="0.15">
      <c r="A64" s="5">
        <v>49</v>
      </c>
      <c r="B64" s="22">
        <v>44</v>
      </c>
      <c r="C64" s="14">
        <v>35</v>
      </c>
      <c r="D64" s="18">
        <v>79</v>
      </c>
    </row>
    <row r="65" spans="1:4" ht="18" customHeight="1" x14ac:dyDescent="0.15">
      <c r="A65" s="5" t="s">
        <v>17</v>
      </c>
      <c r="B65" s="22">
        <v>172</v>
      </c>
      <c r="C65" s="14">
        <v>149</v>
      </c>
      <c r="D65" s="18">
        <v>321</v>
      </c>
    </row>
    <row r="66" spans="1:4" ht="18" customHeight="1" x14ac:dyDescent="0.15">
      <c r="A66" s="5">
        <v>50</v>
      </c>
      <c r="B66" s="22">
        <v>39</v>
      </c>
      <c r="C66" s="14">
        <v>38</v>
      </c>
      <c r="D66" s="18">
        <v>77</v>
      </c>
    </row>
    <row r="67" spans="1:4" ht="18" customHeight="1" x14ac:dyDescent="0.15">
      <c r="A67" s="5">
        <v>51</v>
      </c>
      <c r="B67" s="22">
        <v>42</v>
      </c>
      <c r="C67" s="14">
        <v>49</v>
      </c>
      <c r="D67" s="18">
        <v>91</v>
      </c>
    </row>
    <row r="68" spans="1:4" ht="18" customHeight="1" x14ac:dyDescent="0.15">
      <c r="A68" s="5">
        <v>52</v>
      </c>
      <c r="B68" s="22">
        <v>57</v>
      </c>
      <c r="C68" s="14">
        <v>58</v>
      </c>
      <c r="D68" s="18">
        <v>115</v>
      </c>
    </row>
    <row r="69" spans="1:4" ht="18" customHeight="1" x14ac:dyDescent="0.15">
      <c r="A69" s="5">
        <v>53</v>
      </c>
      <c r="B69" s="22">
        <v>48</v>
      </c>
      <c r="C69" s="14">
        <v>55</v>
      </c>
      <c r="D69" s="18">
        <v>103</v>
      </c>
    </row>
    <row r="70" spans="1:4" ht="18" customHeight="1" x14ac:dyDescent="0.15">
      <c r="A70" s="5">
        <v>54</v>
      </c>
      <c r="B70" s="22">
        <v>47</v>
      </c>
      <c r="C70" s="14">
        <v>52</v>
      </c>
      <c r="D70" s="18">
        <v>99</v>
      </c>
    </row>
    <row r="71" spans="1:4" ht="18" customHeight="1" x14ac:dyDescent="0.15">
      <c r="A71" s="5" t="s">
        <v>22</v>
      </c>
      <c r="B71" s="22">
        <v>233</v>
      </c>
      <c r="C71" s="14">
        <v>252</v>
      </c>
      <c r="D71" s="18">
        <v>485</v>
      </c>
    </row>
    <row r="72" spans="1:4" ht="18" customHeight="1" x14ac:dyDescent="0.15">
      <c r="A72" s="5">
        <v>55</v>
      </c>
      <c r="B72" s="22">
        <v>50</v>
      </c>
      <c r="C72" s="14">
        <v>56</v>
      </c>
      <c r="D72" s="18">
        <v>106</v>
      </c>
    </row>
    <row r="73" spans="1:4" ht="18" customHeight="1" x14ac:dyDescent="0.15">
      <c r="A73" s="5">
        <v>56</v>
      </c>
      <c r="B73" s="22">
        <v>48</v>
      </c>
      <c r="C73" s="14">
        <v>40</v>
      </c>
      <c r="D73" s="18">
        <v>88</v>
      </c>
    </row>
    <row r="74" spans="1:4" ht="18" customHeight="1" x14ac:dyDescent="0.15">
      <c r="A74" s="5">
        <v>57</v>
      </c>
      <c r="B74" s="22">
        <v>37</v>
      </c>
      <c r="C74" s="14">
        <v>39</v>
      </c>
      <c r="D74" s="18">
        <v>76</v>
      </c>
    </row>
    <row r="75" spans="1:4" ht="18" customHeight="1" x14ac:dyDescent="0.15">
      <c r="A75" s="5">
        <v>58</v>
      </c>
      <c r="B75" s="22">
        <v>53</v>
      </c>
      <c r="C75" s="14">
        <v>43</v>
      </c>
      <c r="D75" s="18">
        <v>96</v>
      </c>
    </row>
    <row r="76" spans="1:4" ht="18" customHeight="1" x14ac:dyDescent="0.15">
      <c r="A76" s="5">
        <v>59</v>
      </c>
      <c r="B76" s="22">
        <v>29</v>
      </c>
      <c r="C76" s="14">
        <v>31</v>
      </c>
      <c r="D76" s="18">
        <v>60</v>
      </c>
    </row>
    <row r="77" spans="1:4" ht="18" customHeight="1" x14ac:dyDescent="0.15">
      <c r="A77" s="5" t="s">
        <v>27</v>
      </c>
      <c r="B77" s="22">
        <v>217</v>
      </c>
      <c r="C77" s="14">
        <v>209</v>
      </c>
      <c r="D77" s="18">
        <v>426</v>
      </c>
    </row>
    <row r="78" spans="1:4" ht="18" customHeight="1" x14ac:dyDescent="0.15">
      <c r="A78" s="5">
        <v>60</v>
      </c>
      <c r="B78" s="22">
        <v>34</v>
      </c>
      <c r="C78" s="14">
        <v>26</v>
      </c>
      <c r="D78" s="18">
        <v>60</v>
      </c>
    </row>
    <row r="79" spans="1:4" ht="18" customHeight="1" x14ac:dyDescent="0.15">
      <c r="A79" s="5">
        <v>61</v>
      </c>
      <c r="B79" s="22">
        <v>28</v>
      </c>
      <c r="C79" s="14">
        <v>29</v>
      </c>
      <c r="D79" s="18">
        <v>57</v>
      </c>
    </row>
    <row r="80" spans="1:4" ht="18" customHeight="1" x14ac:dyDescent="0.15">
      <c r="A80" s="5">
        <v>62</v>
      </c>
      <c r="B80" s="22">
        <v>40</v>
      </c>
      <c r="C80" s="14">
        <v>21</v>
      </c>
      <c r="D80" s="18">
        <v>61</v>
      </c>
    </row>
    <row r="81" spans="1:4" ht="18" customHeight="1" x14ac:dyDescent="0.15">
      <c r="A81" s="5">
        <v>63</v>
      </c>
      <c r="B81" s="22">
        <v>40</v>
      </c>
      <c r="C81" s="14">
        <v>46</v>
      </c>
      <c r="D81" s="18">
        <v>86</v>
      </c>
    </row>
    <row r="82" spans="1:4" ht="18" customHeight="1" x14ac:dyDescent="0.15">
      <c r="A82" s="5">
        <v>64</v>
      </c>
      <c r="B82" s="22">
        <v>29</v>
      </c>
      <c r="C82" s="14">
        <v>29</v>
      </c>
      <c r="D82" s="18">
        <v>58</v>
      </c>
    </row>
    <row r="83" spans="1:4" ht="18" customHeight="1" x14ac:dyDescent="0.15">
      <c r="A83" s="5" t="s">
        <v>28</v>
      </c>
      <c r="B83" s="22">
        <v>171</v>
      </c>
      <c r="C83" s="14">
        <v>151</v>
      </c>
      <c r="D83" s="18">
        <v>322</v>
      </c>
    </row>
    <row r="84" spans="1:4" ht="18" customHeight="1" x14ac:dyDescent="0.15">
      <c r="A84" s="5" t="s">
        <v>31</v>
      </c>
      <c r="B84" s="22">
        <v>1425</v>
      </c>
      <c r="C84" s="14">
        <v>1363</v>
      </c>
      <c r="D84" s="18">
        <v>2788</v>
      </c>
    </row>
    <row r="85" spans="1:4" ht="18" customHeight="1" x14ac:dyDescent="0.15">
      <c r="A85" s="5">
        <v>65</v>
      </c>
      <c r="B85" s="22">
        <v>21</v>
      </c>
      <c r="C85" s="14">
        <v>31</v>
      </c>
      <c r="D85" s="18">
        <v>52</v>
      </c>
    </row>
    <row r="86" spans="1:4" ht="18" customHeight="1" x14ac:dyDescent="0.15">
      <c r="A86" s="5">
        <v>66</v>
      </c>
      <c r="B86" s="22">
        <v>28</v>
      </c>
      <c r="C86" s="14">
        <v>32</v>
      </c>
      <c r="D86" s="18">
        <v>60</v>
      </c>
    </row>
    <row r="87" spans="1:4" ht="18" customHeight="1" x14ac:dyDescent="0.15">
      <c r="A87" s="5">
        <v>67</v>
      </c>
      <c r="B87" s="22">
        <v>35</v>
      </c>
      <c r="C87" s="14">
        <v>30</v>
      </c>
      <c r="D87" s="18">
        <v>65</v>
      </c>
    </row>
    <row r="88" spans="1:4" ht="18" customHeight="1" x14ac:dyDescent="0.15">
      <c r="A88" s="5">
        <v>68</v>
      </c>
      <c r="B88" s="22">
        <v>25</v>
      </c>
      <c r="C88" s="14">
        <v>28</v>
      </c>
      <c r="D88" s="18">
        <v>53</v>
      </c>
    </row>
    <row r="89" spans="1:4" ht="18" customHeight="1" x14ac:dyDescent="0.15">
      <c r="A89" s="5">
        <v>69</v>
      </c>
      <c r="B89" s="22">
        <v>31</v>
      </c>
      <c r="C89" s="14">
        <v>27</v>
      </c>
      <c r="D89" s="18">
        <v>58</v>
      </c>
    </row>
    <row r="90" spans="1:4" ht="18" customHeight="1" x14ac:dyDescent="0.15">
      <c r="A90" s="5" t="s">
        <v>20</v>
      </c>
      <c r="B90" s="22">
        <v>140</v>
      </c>
      <c r="C90" s="14">
        <v>148</v>
      </c>
      <c r="D90" s="18">
        <v>288</v>
      </c>
    </row>
    <row r="91" spans="1:4" ht="18" customHeight="1" x14ac:dyDescent="0.15">
      <c r="A91" s="5">
        <v>70</v>
      </c>
      <c r="B91" s="22">
        <v>30</v>
      </c>
      <c r="C91" s="14">
        <v>31</v>
      </c>
      <c r="D91" s="18">
        <v>61</v>
      </c>
    </row>
    <row r="92" spans="1:4" ht="18" customHeight="1" x14ac:dyDescent="0.15">
      <c r="A92" s="5">
        <v>71</v>
      </c>
      <c r="B92" s="22">
        <v>37</v>
      </c>
      <c r="C92" s="14">
        <v>30</v>
      </c>
      <c r="D92" s="18">
        <v>67</v>
      </c>
    </row>
    <row r="93" spans="1:4" ht="18" customHeight="1" x14ac:dyDescent="0.15">
      <c r="A93" s="5">
        <v>72</v>
      </c>
      <c r="B93" s="22">
        <v>31</v>
      </c>
      <c r="C93" s="14">
        <v>34</v>
      </c>
      <c r="D93" s="18">
        <v>65</v>
      </c>
    </row>
    <row r="94" spans="1:4" ht="18" customHeight="1" x14ac:dyDescent="0.15">
      <c r="A94" s="5">
        <v>73</v>
      </c>
      <c r="B94" s="22">
        <v>30</v>
      </c>
      <c r="C94" s="14">
        <v>33</v>
      </c>
      <c r="D94" s="18">
        <v>63</v>
      </c>
    </row>
    <row r="95" spans="1:4" ht="18" customHeight="1" x14ac:dyDescent="0.15">
      <c r="A95" s="5">
        <v>74</v>
      </c>
      <c r="B95" s="22">
        <v>32</v>
      </c>
      <c r="C95" s="14">
        <v>29</v>
      </c>
      <c r="D95" s="18">
        <v>61</v>
      </c>
    </row>
    <row r="96" spans="1:4" ht="18" customHeight="1" x14ac:dyDescent="0.15">
      <c r="A96" s="5" t="s">
        <v>33</v>
      </c>
      <c r="B96" s="22">
        <v>160</v>
      </c>
      <c r="C96" s="14">
        <v>157</v>
      </c>
      <c r="D96" s="18">
        <v>317</v>
      </c>
    </row>
    <row r="97" spans="1:4" ht="18" customHeight="1" x14ac:dyDescent="0.15">
      <c r="A97" s="5">
        <v>75</v>
      </c>
      <c r="B97" s="22">
        <v>29</v>
      </c>
      <c r="C97" s="14">
        <v>32</v>
      </c>
      <c r="D97" s="18">
        <v>61</v>
      </c>
    </row>
    <row r="98" spans="1:4" ht="18" customHeight="1" x14ac:dyDescent="0.15">
      <c r="A98" s="5">
        <v>76</v>
      </c>
      <c r="B98" s="22">
        <v>34</v>
      </c>
      <c r="C98" s="14">
        <v>41</v>
      </c>
      <c r="D98" s="18">
        <v>75</v>
      </c>
    </row>
    <row r="99" spans="1:4" ht="18" customHeight="1" x14ac:dyDescent="0.15">
      <c r="A99" s="5">
        <v>77</v>
      </c>
      <c r="B99" s="22">
        <v>36</v>
      </c>
      <c r="C99" s="14">
        <v>50</v>
      </c>
      <c r="D99" s="18">
        <v>86</v>
      </c>
    </row>
    <row r="100" spans="1:4" ht="18" customHeight="1" x14ac:dyDescent="0.15">
      <c r="A100" s="5">
        <v>78</v>
      </c>
      <c r="B100" s="22">
        <v>36</v>
      </c>
      <c r="C100" s="14">
        <v>52</v>
      </c>
      <c r="D100" s="18">
        <v>88</v>
      </c>
    </row>
    <row r="101" spans="1:4" ht="18" customHeight="1" x14ac:dyDescent="0.15">
      <c r="A101" s="5">
        <v>79</v>
      </c>
      <c r="B101" s="22">
        <v>28</v>
      </c>
      <c r="C101" s="14">
        <v>37</v>
      </c>
      <c r="D101" s="18">
        <v>65</v>
      </c>
    </row>
    <row r="102" spans="1:4" ht="18" customHeight="1" x14ac:dyDescent="0.15">
      <c r="A102" s="5" t="s">
        <v>0</v>
      </c>
      <c r="B102" s="22">
        <v>163</v>
      </c>
      <c r="C102" s="14">
        <v>212</v>
      </c>
      <c r="D102" s="18">
        <v>375</v>
      </c>
    </row>
    <row r="103" spans="1:4" ht="18" customHeight="1" x14ac:dyDescent="0.15">
      <c r="A103" s="5">
        <v>80</v>
      </c>
      <c r="B103" s="22">
        <v>21</v>
      </c>
      <c r="C103" s="14">
        <v>22</v>
      </c>
      <c r="D103" s="18">
        <v>43</v>
      </c>
    </row>
    <row r="104" spans="1:4" ht="18" customHeight="1" x14ac:dyDescent="0.15">
      <c r="A104" s="5">
        <v>81</v>
      </c>
      <c r="B104" s="22">
        <v>17</v>
      </c>
      <c r="C104" s="14">
        <v>38</v>
      </c>
      <c r="D104" s="18">
        <v>55</v>
      </c>
    </row>
    <row r="105" spans="1:4" ht="18" customHeight="1" x14ac:dyDescent="0.15">
      <c r="A105" s="5">
        <v>82</v>
      </c>
      <c r="B105" s="22">
        <v>19</v>
      </c>
      <c r="C105" s="14">
        <v>22</v>
      </c>
      <c r="D105" s="18">
        <v>41</v>
      </c>
    </row>
    <row r="106" spans="1:4" ht="18" customHeight="1" x14ac:dyDescent="0.15">
      <c r="A106" s="5">
        <v>83</v>
      </c>
      <c r="B106" s="22">
        <v>15</v>
      </c>
      <c r="C106" s="14">
        <v>19</v>
      </c>
      <c r="D106" s="18">
        <v>34</v>
      </c>
    </row>
    <row r="107" spans="1:4" ht="18" customHeight="1" x14ac:dyDescent="0.15">
      <c r="A107" s="5">
        <v>84</v>
      </c>
      <c r="B107" s="22">
        <v>16</v>
      </c>
      <c r="C107" s="14">
        <v>23</v>
      </c>
      <c r="D107" s="18">
        <v>39</v>
      </c>
    </row>
    <row r="108" spans="1:4" ht="18" customHeight="1" x14ac:dyDescent="0.15">
      <c r="A108" s="5" t="s">
        <v>35</v>
      </c>
      <c r="B108" s="22">
        <v>88</v>
      </c>
      <c r="C108" s="14">
        <v>124</v>
      </c>
      <c r="D108" s="18">
        <v>212</v>
      </c>
    </row>
    <row r="109" spans="1:4" ht="18" customHeight="1" x14ac:dyDescent="0.15">
      <c r="A109" s="5">
        <v>85</v>
      </c>
      <c r="B109" s="22">
        <v>10</v>
      </c>
      <c r="C109" s="14">
        <v>24</v>
      </c>
      <c r="D109" s="18">
        <v>34</v>
      </c>
    </row>
    <row r="110" spans="1:4" ht="18" customHeight="1" x14ac:dyDescent="0.15">
      <c r="A110" s="5">
        <v>86</v>
      </c>
      <c r="B110" s="22">
        <v>10</v>
      </c>
      <c r="C110" s="14">
        <v>21</v>
      </c>
      <c r="D110" s="18">
        <v>31</v>
      </c>
    </row>
    <row r="111" spans="1:4" ht="18" customHeight="1" x14ac:dyDescent="0.15">
      <c r="A111" s="5">
        <v>87</v>
      </c>
      <c r="B111" s="22">
        <v>8</v>
      </c>
      <c r="C111" s="14">
        <v>17</v>
      </c>
      <c r="D111" s="18">
        <v>25</v>
      </c>
    </row>
    <row r="112" spans="1:4" ht="18" customHeight="1" x14ac:dyDescent="0.15">
      <c r="A112" s="5">
        <v>88</v>
      </c>
      <c r="B112" s="22">
        <v>7</v>
      </c>
      <c r="C112" s="14">
        <v>11</v>
      </c>
      <c r="D112" s="18">
        <v>18</v>
      </c>
    </row>
    <row r="113" spans="1:4" ht="18" customHeight="1" x14ac:dyDescent="0.15">
      <c r="A113" s="5">
        <v>89</v>
      </c>
      <c r="B113" s="22">
        <v>5</v>
      </c>
      <c r="C113" s="14">
        <v>15</v>
      </c>
      <c r="D113" s="18">
        <v>20</v>
      </c>
    </row>
    <row r="114" spans="1:4" ht="18" customHeight="1" x14ac:dyDescent="0.15">
      <c r="A114" s="5" t="s">
        <v>37</v>
      </c>
      <c r="B114" s="22">
        <v>40</v>
      </c>
      <c r="C114" s="14">
        <v>88</v>
      </c>
      <c r="D114" s="18">
        <v>128</v>
      </c>
    </row>
    <row r="115" spans="1:4" ht="18" customHeight="1" x14ac:dyDescent="0.15">
      <c r="A115" s="5">
        <v>90</v>
      </c>
      <c r="B115" s="22">
        <v>6</v>
      </c>
      <c r="C115" s="14">
        <v>17</v>
      </c>
      <c r="D115" s="18">
        <v>23</v>
      </c>
    </row>
    <row r="116" spans="1:4" ht="18" customHeight="1" x14ac:dyDescent="0.15">
      <c r="A116" s="5">
        <v>91</v>
      </c>
      <c r="B116" s="22">
        <v>5</v>
      </c>
      <c r="C116" s="14">
        <v>6</v>
      </c>
      <c r="D116" s="18">
        <v>11</v>
      </c>
    </row>
    <row r="117" spans="1:4" ht="18" customHeight="1" x14ac:dyDescent="0.15">
      <c r="A117" s="5">
        <v>92</v>
      </c>
      <c r="B117" s="22">
        <v>3</v>
      </c>
      <c r="C117" s="14">
        <v>16</v>
      </c>
      <c r="D117" s="18">
        <v>19</v>
      </c>
    </row>
    <row r="118" spans="1:4" ht="18" customHeight="1" x14ac:dyDescent="0.15">
      <c r="A118" s="5">
        <v>93</v>
      </c>
      <c r="B118" s="22">
        <v>1</v>
      </c>
      <c r="C118" s="14">
        <v>10</v>
      </c>
      <c r="D118" s="18">
        <v>11</v>
      </c>
    </row>
    <row r="119" spans="1:4" ht="18" customHeight="1" x14ac:dyDescent="0.15">
      <c r="A119" s="5">
        <v>94</v>
      </c>
      <c r="B119" s="22">
        <v>1</v>
      </c>
      <c r="C119" s="14">
        <v>6</v>
      </c>
      <c r="D119" s="18">
        <v>7</v>
      </c>
    </row>
    <row r="120" spans="1:4" ht="18" customHeight="1" x14ac:dyDescent="0.15">
      <c r="A120" s="5" t="s">
        <v>39</v>
      </c>
      <c r="B120" s="22">
        <v>16</v>
      </c>
      <c r="C120" s="14">
        <v>55</v>
      </c>
      <c r="D120" s="18">
        <v>71</v>
      </c>
    </row>
    <row r="121" spans="1:4" ht="18" customHeight="1" x14ac:dyDescent="0.15">
      <c r="A121" s="5">
        <v>95</v>
      </c>
      <c r="B121" s="22">
        <v>3</v>
      </c>
      <c r="C121" s="14">
        <v>3</v>
      </c>
      <c r="D121" s="18">
        <v>6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2</v>
      </c>
      <c r="C124" s="14">
        <v>6</v>
      </c>
      <c r="D124" s="18">
        <v>8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6</v>
      </c>
      <c r="C126" s="14">
        <v>17</v>
      </c>
      <c r="D126" s="18">
        <v>23</v>
      </c>
    </row>
    <row r="127" spans="1:4" ht="18" customHeight="1" x14ac:dyDescent="0.15">
      <c r="A127" s="5">
        <v>100</v>
      </c>
      <c r="B127" s="22">
        <v>0</v>
      </c>
      <c r="C127" s="14">
        <v>5</v>
      </c>
      <c r="D127" s="18">
        <v>5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9</v>
      </c>
      <c r="D129" s="18">
        <v>9</v>
      </c>
    </row>
    <row r="130" spans="1:4" ht="18" customHeight="1" x14ac:dyDescent="0.15">
      <c r="A130" s="5" t="s">
        <v>46</v>
      </c>
      <c r="B130" s="22">
        <v>613</v>
      </c>
      <c r="C130" s="14">
        <v>810</v>
      </c>
      <c r="D130" s="18">
        <v>1423</v>
      </c>
    </row>
    <row r="131" spans="1:4" ht="18" customHeight="1" x14ac:dyDescent="0.15">
      <c r="A131" s="7" t="s">
        <v>45</v>
      </c>
      <c r="B131" s="23">
        <v>2249</v>
      </c>
      <c r="C131" s="15">
        <v>2350</v>
      </c>
      <c r="D131" s="19">
        <v>459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7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2</v>
      </c>
      <c r="C5" s="29">
        <v>1</v>
      </c>
      <c r="D5" s="31">
        <v>3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1</v>
      </c>
      <c r="C7" s="14">
        <v>0</v>
      </c>
      <c r="D7" s="18">
        <v>1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1</v>
      </c>
      <c r="C9" s="30">
        <v>2</v>
      </c>
      <c r="D9" s="32">
        <v>3</v>
      </c>
    </row>
    <row r="10" spans="1:4" ht="18" customHeight="1" x14ac:dyDescent="0.15">
      <c r="A10" s="5" t="s">
        <v>7</v>
      </c>
      <c r="B10" s="22">
        <v>4</v>
      </c>
      <c r="C10" s="14">
        <v>4</v>
      </c>
      <c r="D10" s="18">
        <v>8</v>
      </c>
    </row>
    <row r="11" spans="1:4" ht="18" customHeight="1" x14ac:dyDescent="0.15">
      <c r="A11" s="5">
        <v>5</v>
      </c>
      <c r="B11" s="27">
        <v>1</v>
      </c>
      <c r="C11" s="14">
        <v>1</v>
      </c>
      <c r="D11" s="18">
        <v>2</v>
      </c>
    </row>
    <row r="12" spans="1:4" ht="18" customHeight="1" x14ac:dyDescent="0.15">
      <c r="A12" s="5">
        <v>6</v>
      </c>
      <c r="B12" s="27">
        <v>1</v>
      </c>
      <c r="C12" s="14">
        <v>1</v>
      </c>
      <c r="D12" s="18">
        <v>2</v>
      </c>
    </row>
    <row r="13" spans="1:4" ht="18" customHeight="1" x14ac:dyDescent="0.15">
      <c r="A13" s="5">
        <v>7</v>
      </c>
      <c r="B13" s="27">
        <v>1</v>
      </c>
      <c r="C13" s="14">
        <v>0</v>
      </c>
      <c r="D13" s="18">
        <v>1</v>
      </c>
    </row>
    <row r="14" spans="1:4" ht="18" customHeight="1" x14ac:dyDescent="0.15">
      <c r="A14" s="5">
        <v>8</v>
      </c>
      <c r="B14" s="27">
        <v>3</v>
      </c>
      <c r="C14" s="14">
        <v>4</v>
      </c>
      <c r="D14" s="18">
        <v>7</v>
      </c>
    </row>
    <row r="15" spans="1:4" ht="18" customHeight="1" x14ac:dyDescent="0.15">
      <c r="A15" s="5">
        <v>9</v>
      </c>
      <c r="B15" s="27">
        <v>5</v>
      </c>
      <c r="C15" s="14">
        <v>1</v>
      </c>
      <c r="D15" s="18">
        <v>6</v>
      </c>
    </row>
    <row r="16" spans="1:4" ht="18" customHeight="1" x14ac:dyDescent="0.15">
      <c r="A16" s="5" t="s">
        <v>11</v>
      </c>
      <c r="B16" s="22">
        <v>11</v>
      </c>
      <c r="C16" s="14">
        <v>7</v>
      </c>
      <c r="D16" s="18">
        <v>18</v>
      </c>
    </row>
    <row r="17" spans="1:4" ht="18" customHeight="1" x14ac:dyDescent="0.15">
      <c r="A17" s="5">
        <v>10</v>
      </c>
      <c r="B17" s="22">
        <v>3</v>
      </c>
      <c r="C17" s="14">
        <v>4</v>
      </c>
      <c r="D17" s="18">
        <v>7</v>
      </c>
    </row>
    <row r="18" spans="1:4" ht="18" customHeight="1" x14ac:dyDescent="0.15">
      <c r="A18" s="5">
        <v>11</v>
      </c>
      <c r="B18" s="22">
        <v>1</v>
      </c>
      <c r="C18" s="14">
        <v>1</v>
      </c>
      <c r="D18" s="18">
        <v>2</v>
      </c>
    </row>
    <row r="19" spans="1:4" ht="18" customHeight="1" x14ac:dyDescent="0.15">
      <c r="A19" s="5">
        <v>12</v>
      </c>
      <c r="B19" s="22">
        <v>1</v>
      </c>
      <c r="C19" s="14">
        <v>2</v>
      </c>
      <c r="D19" s="18">
        <v>3</v>
      </c>
    </row>
    <row r="20" spans="1:4" ht="18" customHeight="1" x14ac:dyDescent="0.15">
      <c r="A20" s="5">
        <v>13</v>
      </c>
      <c r="B20" s="22">
        <v>2</v>
      </c>
      <c r="C20" s="14">
        <v>2</v>
      </c>
      <c r="D20" s="18">
        <v>4</v>
      </c>
    </row>
    <row r="21" spans="1:4" ht="18" customHeight="1" x14ac:dyDescent="0.15">
      <c r="A21" s="5">
        <v>14</v>
      </c>
      <c r="B21" s="22">
        <v>3</v>
      </c>
      <c r="C21" s="14">
        <v>3</v>
      </c>
      <c r="D21" s="18">
        <v>6</v>
      </c>
    </row>
    <row r="22" spans="1:4" ht="18" customHeight="1" x14ac:dyDescent="0.15">
      <c r="A22" s="5" t="s">
        <v>12</v>
      </c>
      <c r="B22" s="22">
        <v>10</v>
      </c>
      <c r="C22" s="14">
        <v>12</v>
      </c>
      <c r="D22" s="18">
        <v>22</v>
      </c>
    </row>
    <row r="23" spans="1:4" ht="18" customHeight="1" x14ac:dyDescent="0.15">
      <c r="A23" s="5" t="s">
        <v>6</v>
      </c>
      <c r="B23" s="22">
        <v>25</v>
      </c>
      <c r="C23" s="14">
        <v>23</v>
      </c>
      <c r="D23" s="18">
        <v>48</v>
      </c>
    </row>
    <row r="24" spans="1:4" ht="18" customHeight="1" x14ac:dyDescent="0.15">
      <c r="A24" s="5">
        <v>15</v>
      </c>
      <c r="B24" s="22">
        <v>4</v>
      </c>
      <c r="C24" s="14">
        <v>1</v>
      </c>
      <c r="D24" s="18">
        <v>5</v>
      </c>
    </row>
    <row r="25" spans="1:4" ht="18" customHeight="1" x14ac:dyDescent="0.15">
      <c r="A25" s="5">
        <v>16</v>
      </c>
      <c r="B25" s="22">
        <v>3</v>
      </c>
      <c r="C25" s="14">
        <v>4</v>
      </c>
      <c r="D25" s="18">
        <v>7</v>
      </c>
    </row>
    <row r="26" spans="1:4" ht="18" customHeight="1" x14ac:dyDescent="0.15">
      <c r="A26" s="5">
        <v>17</v>
      </c>
      <c r="B26" s="22">
        <v>3</v>
      </c>
      <c r="C26" s="14">
        <v>3</v>
      </c>
      <c r="D26" s="18">
        <v>6</v>
      </c>
    </row>
    <row r="27" spans="1:4" ht="18" customHeight="1" x14ac:dyDescent="0.15">
      <c r="A27" s="5">
        <v>18</v>
      </c>
      <c r="B27" s="22">
        <v>0</v>
      </c>
      <c r="C27" s="14">
        <v>2</v>
      </c>
      <c r="D27" s="18">
        <v>2</v>
      </c>
    </row>
    <row r="28" spans="1:4" ht="18" customHeight="1" x14ac:dyDescent="0.15">
      <c r="A28" s="5">
        <v>19</v>
      </c>
      <c r="B28" s="22">
        <v>3</v>
      </c>
      <c r="C28" s="14">
        <v>2</v>
      </c>
      <c r="D28" s="18">
        <v>5</v>
      </c>
    </row>
    <row r="29" spans="1:4" ht="18" customHeight="1" x14ac:dyDescent="0.15">
      <c r="A29" s="5" t="s">
        <v>14</v>
      </c>
      <c r="B29" s="22">
        <v>13</v>
      </c>
      <c r="C29" s="14">
        <v>12</v>
      </c>
      <c r="D29" s="18">
        <v>25</v>
      </c>
    </row>
    <row r="30" spans="1:4" ht="18" customHeight="1" x14ac:dyDescent="0.15">
      <c r="A30" s="5">
        <v>20</v>
      </c>
      <c r="B30" s="22">
        <v>4</v>
      </c>
      <c r="C30" s="14">
        <v>1</v>
      </c>
      <c r="D30" s="18">
        <v>5</v>
      </c>
    </row>
    <row r="31" spans="1:4" ht="18" customHeight="1" x14ac:dyDescent="0.15">
      <c r="A31" s="5">
        <v>21</v>
      </c>
      <c r="B31" s="22">
        <v>8</v>
      </c>
      <c r="C31" s="14">
        <v>4</v>
      </c>
      <c r="D31" s="18">
        <v>12</v>
      </c>
    </row>
    <row r="32" spans="1:4" ht="18" customHeight="1" x14ac:dyDescent="0.15">
      <c r="A32" s="5">
        <v>22</v>
      </c>
      <c r="B32" s="22">
        <v>1</v>
      </c>
      <c r="C32" s="14">
        <v>4</v>
      </c>
      <c r="D32" s="18">
        <v>5</v>
      </c>
    </row>
    <row r="33" spans="1:4" ht="18" customHeight="1" x14ac:dyDescent="0.15">
      <c r="A33" s="5">
        <v>23</v>
      </c>
      <c r="B33" s="22">
        <v>3</v>
      </c>
      <c r="C33" s="14">
        <v>2</v>
      </c>
      <c r="D33" s="18">
        <v>5</v>
      </c>
    </row>
    <row r="34" spans="1:4" ht="18" customHeight="1" x14ac:dyDescent="0.15">
      <c r="A34" s="5">
        <v>24</v>
      </c>
      <c r="B34" s="22">
        <v>1</v>
      </c>
      <c r="C34" s="14">
        <v>2</v>
      </c>
      <c r="D34" s="18">
        <v>3</v>
      </c>
    </row>
    <row r="35" spans="1:4" ht="18" customHeight="1" x14ac:dyDescent="0.15">
      <c r="A35" s="5" t="s">
        <v>9</v>
      </c>
      <c r="B35" s="22">
        <v>17</v>
      </c>
      <c r="C35" s="14">
        <v>13</v>
      </c>
      <c r="D35" s="18">
        <v>30</v>
      </c>
    </row>
    <row r="36" spans="1:4" ht="18" customHeight="1" x14ac:dyDescent="0.15">
      <c r="A36" s="5">
        <v>25</v>
      </c>
      <c r="B36" s="22">
        <v>4</v>
      </c>
      <c r="C36" s="14">
        <v>6</v>
      </c>
      <c r="D36" s="18">
        <v>10</v>
      </c>
    </row>
    <row r="37" spans="1:4" ht="18" customHeight="1" x14ac:dyDescent="0.15">
      <c r="A37" s="5">
        <v>26</v>
      </c>
      <c r="B37" s="22">
        <v>3</v>
      </c>
      <c r="C37" s="14">
        <v>1</v>
      </c>
      <c r="D37" s="18">
        <v>4</v>
      </c>
    </row>
    <row r="38" spans="1:4" ht="18" customHeight="1" x14ac:dyDescent="0.15">
      <c r="A38" s="5">
        <v>27</v>
      </c>
      <c r="B38" s="22">
        <v>5</v>
      </c>
      <c r="C38" s="14">
        <v>2</v>
      </c>
      <c r="D38" s="18">
        <v>7</v>
      </c>
    </row>
    <row r="39" spans="1:4" ht="18" customHeight="1" x14ac:dyDescent="0.15">
      <c r="A39" s="5">
        <v>28</v>
      </c>
      <c r="B39" s="22">
        <v>2</v>
      </c>
      <c r="C39" s="14">
        <v>2</v>
      </c>
      <c r="D39" s="18">
        <v>4</v>
      </c>
    </row>
    <row r="40" spans="1:4" ht="18" customHeight="1" x14ac:dyDescent="0.15">
      <c r="A40" s="5">
        <v>29</v>
      </c>
      <c r="B40" s="22">
        <v>1</v>
      </c>
      <c r="C40" s="14">
        <v>3</v>
      </c>
      <c r="D40" s="18">
        <v>4</v>
      </c>
    </row>
    <row r="41" spans="1:4" ht="18" customHeight="1" x14ac:dyDescent="0.15">
      <c r="A41" s="5" t="s">
        <v>2</v>
      </c>
      <c r="B41" s="22">
        <v>15</v>
      </c>
      <c r="C41" s="14">
        <v>14</v>
      </c>
      <c r="D41" s="18">
        <v>29</v>
      </c>
    </row>
    <row r="42" spans="1:4" ht="18" customHeight="1" x14ac:dyDescent="0.15">
      <c r="A42" s="5">
        <v>30</v>
      </c>
      <c r="B42" s="22">
        <v>3</v>
      </c>
      <c r="C42" s="14">
        <v>6</v>
      </c>
      <c r="D42" s="18">
        <v>9</v>
      </c>
    </row>
    <row r="43" spans="1:4" ht="18" customHeight="1" x14ac:dyDescent="0.15">
      <c r="A43" s="5">
        <v>31</v>
      </c>
      <c r="B43" s="22">
        <v>2</v>
      </c>
      <c r="C43" s="14">
        <v>1</v>
      </c>
      <c r="D43" s="18">
        <v>3</v>
      </c>
    </row>
    <row r="44" spans="1:4" ht="18" customHeight="1" x14ac:dyDescent="0.15">
      <c r="A44" s="5">
        <v>32</v>
      </c>
      <c r="B44" s="22">
        <v>4</v>
      </c>
      <c r="C44" s="14">
        <v>1</v>
      </c>
      <c r="D44" s="18">
        <v>5</v>
      </c>
    </row>
    <row r="45" spans="1:4" ht="18" customHeight="1" x14ac:dyDescent="0.15">
      <c r="A45" s="5">
        <v>33</v>
      </c>
      <c r="B45" s="22">
        <v>4</v>
      </c>
      <c r="C45" s="14">
        <v>0</v>
      </c>
      <c r="D45" s="18">
        <v>4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14</v>
      </c>
      <c r="C47" s="14">
        <v>8</v>
      </c>
      <c r="D47" s="18">
        <v>22</v>
      </c>
    </row>
    <row r="48" spans="1:4" ht="18" customHeight="1" x14ac:dyDescent="0.15">
      <c r="A48" s="5">
        <v>35</v>
      </c>
      <c r="B48" s="22">
        <v>3</v>
      </c>
      <c r="C48" s="14">
        <v>4</v>
      </c>
      <c r="D48" s="18">
        <v>7</v>
      </c>
    </row>
    <row r="49" spans="1:4" ht="18" customHeight="1" x14ac:dyDescent="0.15">
      <c r="A49" s="5">
        <v>36</v>
      </c>
      <c r="B49" s="22">
        <v>8</v>
      </c>
      <c r="C49" s="14">
        <v>2</v>
      </c>
      <c r="D49" s="18">
        <v>10</v>
      </c>
    </row>
    <row r="50" spans="1:4" ht="18" customHeight="1" x14ac:dyDescent="0.15">
      <c r="A50" s="5">
        <v>37</v>
      </c>
      <c r="B50" s="22">
        <v>6</v>
      </c>
      <c r="C50" s="14">
        <v>2</v>
      </c>
      <c r="D50" s="18">
        <v>8</v>
      </c>
    </row>
    <row r="51" spans="1:4" ht="18" customHeight="1" x14ac:dyDescent="0.15">
      <c r="A51" s="5">
        <v>38</v>
      </c>
      <c r="B51" s="22">
        <v>4</v>
      </c>
      <c r="C51" s="14">
        <v>2</v>
      </c>
      <c r="D51" s="18">
        <v>6</v>
      </c>
    </row>
    <row r="52" spans="1:4" ht="18" customHeight="1" x14ac:dyDescent="0.15">
      <c r="A52" s="5">
        <v>39</v>
      </c>
      <c r="B52" s="22">
        <v>6</v>
      </c>
      <c r="C52" s="14">
        <v>3</v>
      </c>
      <c r="D52" s="18">
        <v>9</v>
      </c>
    </row>
    <row r="53" spans="1:4" ht="18" customHeight="1" x14ac:dyDescent="0.15">
      <c r="A53" s="5" t="s">
        <v>18</v>
      </c>
      <c r="B53" s="22">
        <v>27</v>
      </c>
      <c r="C53" s="14">
        <v>13</v>
      </c>
      <c r="D53" s="18">
        <v>40</v>
      </c>
    </row>
    <row r="54" spans="1:4" ht="18" customHeight="1" x14ac:dyDescent="0.15">
      <c r="A54" s="5">
        <v>40</v>
      </c>
      <c r="B54" s="22">
        <v>4</v>
      </c>
      <c r="C54" s="14">
        <v>2</v>
      </c>
      <c r="D54" s="18">
        <v>6</v>
      </c>
    </row>
    <row r="55" spans="1:4" ht="18" customHeight="1" x14ac:dyDescent="0.15">
      <c r="A55" s="5">
        <v>41</v>
      </c>
      <c r="B55" s="22">
        <v>3</v>
      </c>
      <c r="C55" s="14">
        <v>4</v>
      </c>
      <c r="D55" s="18">
        <v>7</v>
      </c>
    </row>
    <row r="56" spans="1:4" ht="18" customHeight="1" x14ac:dyDescent="0.15">
      <c r="A56" s="5">
        <v>42</v>
      </c>
      <c r="B56" s="22">
        <v>1</v>
      </c>
      <c r="C56" s="14">
        <v>4</v>
      </c>
      <c r="D56" s="18">
        <v>5</v>
      </c>
    </row>
    <row r="57" spans="1:4" ht="18" customHeight="1" x14ac:dyDescent="0.15">
      <c r="A57" s="5">
        <v>43</v>
      </c>
      <c r="B57" s="22">
        <v>3</v>
      </c>
      <c r="C57" s="14">
        <v>5</v>
      </c>
      <c r="D57" s="18">
        <v>8</v>
      </c>
    </row>
    <row r="58" spans="1:4" ht="18" customHeight="1" x14ac:dyDescent="0.15">
      <c r="A58" s="5">
        <v>44</v>
      </c>
      <c r="B58" s="22">
        <v>5</v>
      </c>
      <c r="C58" s="14">
        <v>4</v>
      </c>
      <c r="D58" s="18">
        <v>9</v>
      </c>
    </row>
    <row r="59" spans="1:4" ht="18" customHeight="1" x14ac:dyDescent="0.15">
      <c r="A59" s="5" t="s">
        <v>21</v>
      </c>
      <c r="B59" s="22">
        <v>16</v>
      </c>
      <c r="C59" s="14">
        <v>19</v>
      </c>
      <c r="D59" s="18">
        <v>35</v>
      </c>
    </row>
    <row r="60" spans="1:4" ht="18" customHeight="1" x14ac:dyDescent="0.15">
      <c r="A60" s="5">
        <v>45</v>
      </c>
      <c r="B60" s="22">
        <v>1</v>
      </c>
      <c r="C60" s="14">
        <v>1</v>
      </c>
      <c r="D60" s="18">
        <v>2</v>
      </c>
    </row>
    <row r="61" spans="1:4" ht="18" customHeight="1" x14ac:dyDescent="0.15">
      <c r="A61" s="5">
        <v>46</v>
      </c>
      <c r="B61" s="22">
        <v>3</v>
      </c>
      <c r="C61" s="14">
        <v>8</v>
      </c>
      <c r="D61" s="18">
        <v>11</v>
      </c>
    </row>
    <row r="62" spans="1:4" ht="18" customHeight="1" x14ac:dyDescent="0.15">
      <c r="A62" s="5">
        <v>47</v>
      </c>
      <c r="B62" s="22">
        <v>10</v>
      </c>
      <c r="C62" s="14">
        <v>1</v>
      </c>
      <c r="D62" s="18">
        <v>11</v>
      </c>
    </row>
    <row r="63" spans="1:4" ht="18" customHeight="1" x14ac:dyDescent="0.15">
      <c r="A63" s="5">
        <v>48</v>
      </c>
      <c r="B63" s="22">
        <v>4</v>
      </c>
      <c r="C63" s="14">
        <v>0</v>
      </c>
      <c r="D63" s="18">
        <v>4</v>
      </c>
    </row>
    <row r="64" spans="1:4" ht="18" customHeight="1" x14ac:dyDescent="0.15">
      <c r="A64" s="5">
        <v>49</v>
      </c>
      <c r="B64" s="22">
        <v>3</v>
      </c>
      <c r="C64" s="14">
        <v>4</v>
      </c>
      <c r="D64" s="18">
        <v>7</v>
      </c>
    </row>
    <row r="65" spans="1:4" ht="18" customHeight="1" x14ac:dyDescent="0.15">
      <c r="A65" s="5" t="s">
        <v>17</v>
      </c>
      <c r="B65" s="22">
        <v>21</v>
      </c>
      <c r="C65" s="14">
        <v>14</v>
      </c>
      <c r="D65" s="18">
        <v>35</v>
      </c>
    </row>
    <row r="66" spans="1:4" ht="18" customHeight="1" x14ac:dyDescent="0.15">
      <c r="A66" s="5">
        <v>50</v>
      </c>
      <c r="B66" s="22">
        <v>8</v>
      </c>
      <c r="C66" s="14">
        <v>9</v>
      </c>
      <c r="D66" s="18">
        <v>17</v>
      </c>
    </row>
    <row r="67" spans="1:4" ht="18" customHeight="1" x14ac:dyDescent="0.15">
      <c r="A67" s="5">
        <v>51</v>
      </c>
      <c r="B67" s="22">
        <v>6</v>
      </c>
      <c r="C67" s="14">
        <v>4</v>
      </c>
      <c r="D67" s="18">
        <v>10</v>
      </c>
    </row>
    <row r="68" spans="1:4" ht="18" customHeight="1" x14ac:dyDescent="0.15">
      <c r="A68" s="5">
        <v>52</v>
      </c>
      <c r="B68" s="22">
        <v>5</v>
      </c>
      <c r="C68" s="14">
        <v>5</v>
      </c>
      <c r="D68" s="18">
        <v>10</v>
      </c>
    </row>
    <row r="69" spans="1:4" ht="18" customHeight="1" x14ac:dyDescent="0.15">
      <c r="A69" s="5">
        <v>53</v>
      </c>
      <c r="B69" s="22">
        <v>3</v>
      </c>
      <c r="C69" s="14">
        <v>7</v>
      </c>
      <c r="D69" s="18">
        <v>10</v>
      </c>
    </row>
    <row r="70" spans="1:4" ht="18" customHeight="1" x14ac:dyDescent="0.15">
      <c r="A70" s="5">
        <v>54</v>
      </c>
      <c r="B70" s="22">
        <v>3</v>
      </c>
      <c r="C70" s="14">
        <v>4</v>
      </c>
      <c r="D70" s="18">
        <v>7</v>
      </c>
    </row>
    <row r="71" spans="1:4" ht="18" customHeight="1" x14ac:dyDescent="0.15">
      <c r="A71" s="5" t="s">
        <v>22</v>
      </c>
      <c r="B71" s="22">
        <v>25</v>
      </c>
      <c r="C71" s="14">
        <v>29</v>
      </c>
      <c r="D71" s="18">
        <v>54</v>
      </c>
    </row>
    <row r="72" spans="1:4" ht="18" customHeight="1" x14ac:dyDescent="0.15">
      <c r="A72" s="5">
        <v>55</v>
      </c>
      <c r="B72" s="22">
        <v>4</v>
      </c>
      <c r="C72" s="14">
        <v>3</v>
      </c>
      <c r="D72" s="18">
        <v>7</v>
      </c>
    </row>
    <row r="73" spans="1:4" ht="18" customHeight="1" x14ac:dyDescent="0.15">
      <c r="A73" s="5">
        <v>56</v>
      </c>
      <c r="B73" s="22">
        <v>7</v>
      </c>
      <c r="C73" s="14">
        <v>5</v>
      </c>
      <c r="D73" s="18">
        <v>12</v>
      </c>
    </row>
    <row r="74" spans="1:4" ht="18" customHeight="1" x14ac:dyDescent="0.15">
      <c r="A74" s="5">
        <v>57</v>
      </c>
      <c r="B74" s="22">
        <v>9</v>
      </c>
      <c r="C74" s="14">
        <v>3</v>
      </c>
      <c r="D74" s="18">
        <v>12</v>
      </c>
    </row>
    <row r="75" spans="1:4" ht="18" customHeight="1" x14ac:dyDescent="0.15">
      <c r="A75" s="5">
        <v>58</v>
      </c>
      <c r="B75" s="22">
        <v>6</v>
      </c>
      <c r="C75" s="14">
        <v>12</v>
      </c>
      <c r="D75" s="18">
        <v>18</v>
      </c>
    </row>
    <row r="76" spans="1:4" ht="18" customHeight="1" x14ac:dyDescent="0.15">
      <c r="A76" s="5">
        <v>59</v>
      </c>
      <c r="B76" s="22">
        <v>3</v>
      </c>
      <c r="C76" s="14">
        <v>4</v>
      </c>
      <c r="D76" s="18">
        <v>7</v>
      </c>
    </row>
    <row r="77" spans="1:4" ht="18" customHeight="1" x14ac:dyDescent="0.15">
      <c r="A77" s="5" t="s">
        <v>27</v>
      </c>
      <c r="B77" s="22">
        <v>29</v>
      </c>
      <c r="C77" s="14">
        <v>27</v>
      </c>
      <c r="D77" s="18">
        <v>56</v>
      </c>
    </row>
    <row r="78" spans="1:4" ht="18" customHeight="1" x14ac:dyDescent="0.15">
      <c r="A78" s="5">
        <v>60</v>
      </c>
      <c r="B78" s="22">
        <v>3</v>
      </c>
      <c r="C78" s="14">
        <v>8</v>
      </c>
      <c r="D78" s="18">
        <v>11</v>
      </c>
    </row>
    <row r="79" spans="1:4" ht="18" customHeight="1" x14ac:dyDescent="0.15">
      <c r="A79" s="5">
        <v>61</v>
      </c>
      <c r="B79" s="22">
        <v>9</v>
      </c>
      <c r="C79" s="14">
        <v>3</v>
      </c>
      <c r="D79" s="18">
        <v>12</v>
      </c>
    </row>
    <row r="80" spans="1:4" ht="18" customHeight="1" x14ac:dyDescent="0.15">
      <c r="A80" s="5">
        <v>62</v>
      </c>
      <c r="B80" s="22">
        <v>7</v>
      </c>
      <c r="C80" s="14">
        <v>6</v>
      </c>
      <c r="D80" s="18">
        <v>13</v>
      </c>
    </row>
    <row r="81" spans="1:4" ht="18" customHeight="1" x14ac:dyDescent="0.15">
      <c r="A81" s="5">
        <v>63</v>
      </c>
      <c r="B81" s="22">
        <v>9</v>
      </c>
      <c r="C81" s="14">
        <v>8</v>
      </c>
      <c r="D81" s="18">
        <v>17</v>
      </c>
    </row>
    <row r="82" spans="1:4" ht="18" customHeight="1" x14ac:dyDescent="0.15">
      <c r="A82" s="5">
        <v>64</v>
      </c>
      <c r="B82" s="22">
        <v>5</v>
      </c>
      <c r="C82" s="14">
        <v>9</v>
      </c>
      <c r="D82" s="18">
        <v>14</v>
      </c>
    </row>
    <row r="83" spans="1:4" ht="18" customHeight="1" x14ac:dyDescent="0.15">
      <c r="A83" s="5" t="s">
        <v>28</v>
      </c>
      <c r="B83" s="22">
        <v>33</v>
      </c>
      <c r="C83" s="14">
        <v>34</v>
      </c>
      <c r="D83" s="18">
        <v>67</v>
      </c>
    </row>
    <row r="84" spans="1:4" ht="18" customHeight="1" x14ac:dyDescent="0.15">
      <c r="A84" s="5" t="s">
        <v>31</v>
      </c>
      <c r="B84" s="22">
        <v>210</v>
      </c>
      <c r="C84" s="14">
        <v>183</v>
      </c>
      <c r="D84" s="18">
        <v>393</v>
      </c>
    </row>
    <row r="85" spans="1:4" ht="18" customHeight="1" x14ac:dyDescent="0.15">
      <c r="A85" s="5">
        <v>65</v>
      </c>
      <c r="B85" s="22">
        <v>10</v>
      </c>
      <c r="C85" s="14">
        <v>5</v>
      </c>
      <c r="D85" s="18">
        <v>15</v>
      </c>
    </row>
    <row r="86" spans="1:4" ht="18" customHeight="1" x14ac:dyDescent="0.15">
      <c r="A86" s="5">
        <v>66</v>
      </c>
      <c r="B86" s="22">
        <v>8</v>
      </c>
      <c r="C86" s="14">
        <v>6</v>
      </c>
      <c r="D86" s="18">
        <v>14</v>
      </c>
    </row>
    <row r="87" spans="1:4" ht="18" customHeight="1" x14ac:dyDescent="0.15">
      <c r="A87" s="5">
        <v>67</v>
      </c>
      <c r="B87" s="22">
        <v>8</v>
      </c>
      <c r="C87" s="14">
        <v>5</v>
      </c>
      <c r="D87" s="18">
        <v>13</v>
      </c>
    </row>
    <row r="88" spans="1:4" ht="18" customHeight="1" x14ac:dyDescent="0.15">
      <c r="A88" s="5">
        <v>68</v>
      </c>
      <c r="B88" s="22">
        <v>3</v>
      </c>
      <c r="C88" s="14">
        <v>4</v>
      </c>
      <c r="D88" s="18">
        <v>7</v>
      </c>
    </row>
    <row r="89" spans="1:4" ht="18" customHeight="1" x14ac:dyDescent="0.15">
      <c r="A89" s="5">
        <v>69</v>
      </c>
      <c r="B89" s="22">
        <v>7</v>
      </c>
      <c r="C89" s="14">
        <v>6</v>
      </c>
      <c r="D89" s="18">
        <v>13</v>
      </c>
    </row>
    <row r="90" spans="1:4" ht="18" customHeight="1" x14ac:dyDescent="0.15">
      <c r="A90" s="5" t="s">
        <v>20</v>
      </c>
      <c r="B90" s="22">
        <v>36</v>
      </c>
      <c r="C90" s="14">
        <v>26</v>
      </c>
      <c r="D90" s="18">
        <v>62</v>
      </c>
    </row>
    <row r="91" spans="1:4" ht="18" customHeight="1" x14ac:dyDescent="0.15">
      <c r="A91" s="5">
        <v>70</v>
      </c>
      <c r="B91" s="22">
        <v>6</v>
      </c>
      <c r="C91" s="14">
        <v>2</v>
      </c>
      <c r="D91" s="18">
        <v>8</v>
      </c>
    </row>
    <row r="92" spans="1:4" ht="18" customHeight="1" x14ac:dyDescent="0.15">
      <c r="A92" s="5">
        <v>71</v>
      </c>
      <c r="B92" s="22">
        <v>9</v>
      </c>
      <c r="C92" s="14">
        <v>5</v>
      </c>
      <c r="D92" s="18">
        <v>14</v>
      </c>
    </row>
    <row r="93" spans="1:4" ht="18" customHeight="1" x14ac:dyDescent="0.15">
      <c r="A93" s="5">
        <v>72</v>
      </c>
      <c r="B93" s="22">
        <v>8</v>
      </c>
      <c r="C93" s="14">
        <v>8</v>
      </c>
      <c r="D93" s="18">
        <v>16</v>
      </c>
    </row>
    <row r="94" spans="1:4" ht="18" customHeight="1" x14ac:dyDescent="0.15">
      <c r="A94" s="5">
        <v>73</v>
      </c>
      <c r="B94" s="22">
        <v>4</v>
      </c>
      <c r="C94" s="14">
        <v>6</v>
      </c>
      <c r="D94" s="18">
        <v>10</v>
      </c>
    </row>
    <row r="95" spans="1:4" ht="18" customHeight="1" x14ac:dyDescent="0.15">
      <c r="A95" s="5">
        <v>74</v>
      </c>
      <c r="B95" s="22">
        <v>4</v>
      </c>
      <c r="C95" s="14">
        <v>4</v>
      </c>
      <c r="D95" s="18">
        <v>8</v>
      </c>
    </row>
    <row r="96" spans="1:4" ht="18" customHeight="1" x14ac:dyDescent="0.15">
      <c r="A96" s="5" t="s">
        <v>33</v>
      </c>
      <c r="B96" s="22">
        <v>31</v>
      </c>
      <c r="C96" s="14">
        <v>25</v>
      </c>
      <c r="D96" s="18">
        <v>56</v>
      </c>
    </row>
    <row r="97" spans="1:4" ht="18" customHeight="1" x14ac:dyDescent="0.15">
      <c r="A97" s="5">
        <v>75</v>
      </c>
      <c r="B97" s="22">
        <v>10</v>
      </c>
      <c r="C97" s="14">
        <v>10</v>
      </c>
      <c r="D97" s="18">
        <v>20</v>
      </c>
    </row>
    <row r="98" spans="1:4" ht="18" customHeight="1" x14ac:dyDescent="0.15">
      <c r="A98" s="5">
        <v>76</v>
      </c>
      <c r="B98" s="22">
        <v>8</v>
      </c>
      <c r="C98" s="14">
        <v>10</v>
      </c>
      <c r="D98" s="18">
        <v>18</v>
      </c>
    </row>
    <row r="99" spans="1:4" ht="18" customHeight="1" x14ac:dyDescent="0.15">
      <c r="A99" s="5">
        <v>77</v>
      </c>
      <c r="B99" s="22">
        <v>7</v>
      </c>
      <c r="C99" s="14">
        <v>6</v>
      </c>
      <c r="D99" s="18">
        <v>13</v>
      </c>
    </row>
    <row r="100" spans="1:4" ht="18" customHeight="1" x14ac:dyDescent="0.15">
      <c r="A100" s="5">
        <v>78</v>
      </c>
      <c r="B100" s="22">
        <v>7</v>
      </c>
      <c r="C100" s="14">
        <v>13</v>
      </c>
      <c r="D100" s="18">
        <v>20</v>
      </c>
    </row>
    <row r="101" spans="1:4" ht="18" customHeight="1" x14ac:dyDescent="0.15">
      <c r="A101" s="5">
        <v>79</v>
      </c>
      <c r="B101" s="22">
        <v>3</v>
      </c>
      <c r="C101" s="14">
        <v>6</v>
      </c>
      <c r="D101" s="18">
        <v>9</v>
      </c>
    </row>
    <row r="102" spans="1:4" ht="18" customHeight="1" x14ac:dyDescent="0.15">
      <c r="A102" s="5" t="s">
        <v>0</v>
      </c>
      <c r="B102" s="22">
        <v>35</v>
      </c>
      <c r="C102" s="14">
        <v>45</v>
      </c>
      <c r="D102" s="18">
        <v>80</v>
      </c>
    </row>
    <row r="103" spans="1:4" ht="18" customHeight="1" x14ac:dyDescent="0.15">
      <c r="A103" s="5">
        <v>80</v>
      </c>
      <c r="B103" s="22">
        <v>3</v>
      </c>
      <c r="C103" s="14">
        <v>4</v>
      </c>
      <c r="D103" s="18">
        <v>7</v>
      </c>
    </row>
    <row r="104" spans="1:4" ht="18" customHeight="1" x14ac:dyDescent="0.15">
      <c r="A104" s="5">
        <v>81</v>
      </c>
      <c r="B104" s="22">
        <v>2</v>
      </c>
      <c r="C104" s="14">
        <v>7</v>
      </c>
      <c r="D104" s="18">
        <v>9</v>
      </c>
    </row>
    <row r="105" spans="1:4" ht="18" customHeight="1" x14ac:dyDescent="0.15">
      <c r="A105" s="5">
        <v>82</v>
      </c>
      <c r="B105" s="22">
        <v>7</v>
      </c>
      <c r="C105" s="14">
        <v>9</v>
      </c>
      <c r="D105" s="18">
        <v>16</v>
      </c>
    </row>
    <row r="106" spans="1:4" ht="18" customHeight="1" x14ac:dyDescent="0.15">
      <c r="A106" s="5">
        <v>83</v>
      </c>
      <c r="B106" s="22">
        <v>2</v>
      </c>
      <c r="C106" s="14">
        <v>7</v>
      </c>
      <c r="D106" s="18">
        <v>9</v>
      </c>
    </row>
    <row r="107" spans="1:4" ht="18" customHeight="1" x14ac:dyDescent="0.15">
      <c r="A107" s="5">
        <v>84</v>
      </c>
      <c r="B107" s="22">
        <v>8</v>
      </c>
      <c r="C107" s="14">
        <v>6</v>
      </c>
      <c r="D107" s="18">
        <v>14</v>
      </c>
    </row>
    <row r="108" spans="1:4" ht="18" customHeight="1" x14ac:dyDescent="0.15">
      <c r="A108" s="5" t="s">
        <v>35</v>
      </c>
      <c r="B108" s="22">
        <v>22</v>
      </c>
      <c r="C108" s="14">
        <v>33</v>
      </c>
      <c r="D108" s="18">
        <v>55</v>
      </c>
    </row>
    <row r="109" spans="1:4" ht="18" customHeight="1" x14ac:dyDescent="0.15">
      <c r="A109" s="5">
        <v>85</v>
      </c>
      <c r="B109" s="22">
        <v>6</v>
      </c>
      <c r="C109" s="14">
        <v>6</v>
      </c>
      <c r="D109" s="18">
        <v>12</v>
      </c>
    </row>
    <row r="110" spans="1:4" ht="18" customHeight="1" x14ac:dyDescent="0.15">
      <c r="A110" s="5">
        <v>86</v>
      </c>
      <c r="B110" s="22">
        <v>2</v>
      </c>
      <c r="C110" s="14">
        <v>6</v>
      </c>
      <c r="D110" s="18">
        <v>8</v>
      </c>
    </row>
    <row r="111" spans="1:4" ht="18" customHeight="1" x14ac:dyDescent="0.15">
      <c r="A111" s="5">
        <v>87</v>
      </c>
      <c r="B111" s="22">
        <v>1</v>
      </c>
      <c r="C111" s="14">
        <v>7</v>
      </c>
      <c r="D111" s="18">
        <v>8</v>
      </c>
    </row>
    <row r="112" spans="1:4" ht="18" customHeight="1" x14ac:dyDescent="0.15">
      <c r="A112" s="5">
        <v>88</v>
      </c>
      <c r="B112" s="22">
        <v>4</v>
      </c>
      <c r="C112" s="14">
        <v>12</v>
      </c>
      <c r="D112" s="18">
        <v>16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15</v>
      </c>
      <c r="C114" s="14">
        <v>33</v>
      </c>
      <c r="D114" s="18">
        <v>48</v>
      </c>
    </row>
    <row r="115" spans="1:4" ht="18" customHeight="1" x14ac:dyDescent="0.15">
      <c r="A115" s="5">
        <v>90</v>
      </c>
      <c r="B115" s="22">
        <v>1</v>
      </c>
      <c r="C115" s="14">
        <v>8</v>
      </c>
      <c r="D115" s="18">
        <v>9</v>
      </c>
    </row>
    <row r="116" spans="1:4" ht="18" customHeight="1" x14ac:dyDescent="0.15">
      <c r="A116" s="5">
        <v>91</v>
      </c>
      <c r="B116" s="22">
        <v>1</v>
      </c>
      <c r="C116" s="14">
        <v>2</v>
      </c>
      <c r="D116" s="18">
        <v>3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2</v>
      </c>
      <c r="D118" s="18">
        <v>2</v>
      </c>
    </row>
    <row r="119" spans="1:4" ht="18" customHeight="1" x14ac:dyDescent="0.15">
      <c r="A119" s="5">
        <v>94</v>
      </c>
      <c r="B119" s="22">
        <v>0</v>
      </c>
      <c r="C119" s="14">
        <v>1</v>
      </c>
      <c r="D119" s="18">
        <v>1</v>
      </c>
    </row>
    <row r="120" spans="1:4" ht="18" customHeight="1" x14ac:dyDescent="0.15">
      <c r="A120" s="5" t="s">
        <v>39</v>
      </c>
      <c r="B120" s="22">
        <v>2</v>
      </c>
      <c r="C120" s="14">
        <v>13</v>
      </c>
      <c r="D120" s="18">
        <v>15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5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143</v>
      </c>
      <c r="C130" s="14">
        <v>182</v>
      </c>
      <c r="D130" s="18">
        <v>325</v>
      </c>
    </row>
    <row r="131" spans="1:4" ht="18" customHeight="1" x14ac:dyDescent="0.15">
      <c r="A131" s="7" t="s">
        <v>45</v>
      </c>
      <c r="B131" s="23">
        <v>378</v>
      </c>
      <c r="C131" s="15">
        <v>388</v>
      </c>
      <c r="D131" s="19">
        <v>76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7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3</v>
      </c>
      <c r="C5" s="29">
        <v>9</v>
      </c>
      <c r="D5" s="31">
        <v>22</v>
      </c>
    </row>
    <row r="6" spans="1:4" ht="18" customHeight="1" x14ac:dyDescent="0.15">
      <c r="A6" s="5">
        <v>1</v>
      </c>
      <c r="B6" s="27">
        <v>14</v>
      </c>
      <c r="C6" s="14">
        <v>6</v>
      </c>
      <c r="D6" s="18">
        <v>20</v>
      </c>
    </row>
    <row r="7" spans="1:4" ht="18" customHeight="1" x14ac:dyDescent="0.15">
      <c r="A7" s="5">
        <v>2</v>
      </c>
      <c r="B7" s="27">
        <v>12</v>
      </c>
      <c r="C7" s="14">
        <v>13</v>
      </c>
      <c r="D7" s="18">
        <v>25</v>
      </c>
    </row>
    <row r="8" spans="1:4" ht="18" customHeight="1" x14ac:dyDescent="0.15">
      <c r="A8" s="5">
        <v>3</v>
      </c>
      <c r="B8" s="27">
        <v>9</v>
      </c>
      <c r="C8" s="14">
        <v>14</v>
      </c>
      <c r="D8" s="18">
        <v>23</v>
      </c>
    </row>
    <row r="9" spans="1:4" ht="18" customHeight="1" x14ac:dyDescent="0.15">
      <c r="A9" s="5">
        <v>4</v>
      </c>
      <c r="B9" s="28">
        <v>12</v>
      </c>
      <c r="C9" s="30">
        <v>19</v>
      </c>
      <c r="D9" s="32">
        <v>31</v>
      </c>
    </row>
    <row r="10" spans="1:4" ht="18" customHeight="1" x14ac:dyDescent="0.15">
      <c r="A10" s="5" t="s">
        <v>7</v>
      </c>
      <c r="B10" s="22">
        <v>60</v>
      </c>
      <c r="C10" s="14">
        <v>61</v>
      </c>
      <c r="D10" s="18">
        <v>121</v>
      </c>
    </row>
    <row r="11" spans="1:4" ht="18" customHeight="1" x14ac:dyDescent="0.15">
      <c r="A11" s="5">
        <v>5</v>
      </c>
      <c r="B11" s="27">
        <v>16</v>
      </c>
      <c r="C11" s="14">
        <v>15</v>
      </c>
      <c r="D11" s="18">
        <v>31</v>
      </c>
    </row>
    <row r="12" spans="1:4" ht="18" customHeight="1" x14ac:dyDescent="0.15">
      <c r="A12" s="5">
        <v>6</v>
      </c>
      <c r="B12" s="27">
        <v>16</v>
      </c>
      <c r="C12" s="14">
        <v>19</v>
      </c>
      <c r="D12" s="18">
        <v>35</v>
      </c>
    </row>
    <row r="13" spans="1:4" ht="18" customHeight="1" x14ac:dyDescent="0.15">
      <c r="A13" s="5">
        <v>7</v>
      </c>
      <c r="B13" s="27">
        <v>21</v>
      </c>
      <c r="C13" s="14">
        <v>19</v>
      </c>
      <c r="D13" s="18">
        <v>40</v>
      </c>
    </row>
    <row r="14" spans="1:4" ht="18" customHeight="1" x14ac:dyDescent="0.15">
      <c r="A14" s="5">
        <v>8</v>
      </c>
      <c r="B14" s="27">
        <v>26</v>
      </c>
      <c r="C14" s="14">
        <v>32</v>
      </c>
      <c r="D14" s="18">
        <v>58</v>
      </c>
    </row>
    <row r="15" spans="1:4" ht="18" customHeight="1" x14ac:dyDescent="0.15">
      <c r="A15" s="5">
        <v>9</v>
      </c>
      <c r="B15" s="27">
        <v>36</v>
      </c>
      <c r="C15" s="14">
        <v>21</v>
      </c>
      <c r="D15" s="18">
        <v>57</v>
      </c>
    </row>
    <row r="16" spans="1:4" ht="18" customHeight="1" x14ac:dyDescent="0.15">
      <c r="A16" s="5" t="s">
        <v>11</v>
      </c>
      <c r="B16" s="22">
        <v>115</v>
      </c>
      <c r="C16" s="14">
        <v>106</v>
      </c>
      <c r="D16" s="18">
        <v>221</v>
      </c>
    </row>
    <row r="17" spans="1:4" ht="18" customHeight="1" x14ac:dyDescent="0.15">
      <c r="A17" s="5">
        <v>10</v>
      </c>
      <c r="B17" s="22">
        <v>27</v>
      </c>
      <c r="C17" s="14">
        <v>23</v>
      </c>
      <c r="D17" s="18">
        <v>50</v>
      </c>
    </row>
    <row r="18" spans="1:4" ht="18" customHeight="1" x14ac:dyDescent="0.15">
      <c r="A18" s="5">
        <v>11</v>
      </c>
      <c r="B18" s="22">
        <v>33</v>
      </c>
      <c r="C18" s="14">
        <v>22</v>
      </c>
      <c r="D18" s="18">
        <v>55</v>
      </c>
    </row>
    <row r="19" spans="1:4" ht="18" customHeight="1" x14ac:dyDescent="0.15">
      <c r="A19" s="5">
        <v>12</v>
      </c>
      <c r="B19" s="22">
        <v>18</v>
      </c>
      <c r="C19" s="14">
        <v>29</v>
      </c>
      <c r="D19" s="18">
        <v>47</v>
      </c>
    </row>
    <row r="20" spans="1:4" ht="18" customHeight="1" x14ac:dyDescent="0.15">
      <c r="A20" s="5">
        <v>13</v>
      </c>
      <c r="B20" s="22">
        <v>40</v>
      </c>
      <c r="C20" s="14">
        <v>27</v>
      </c>
      <c r="D20" s="18">
        <v>67</v>
      </c>
    </row>
    <row r="21" spans="1:4" ht="18" customHeight="1" x14ac:dyDescent="0.15">
      <c r="A21" s="5">
        <v>14</v>
      </c>
      <c r="B21" s="22">
        <v>37</v>
      </c>
      <c r="C21" s="14">
        <v>27</v>
      </c>
      <c r="D21" s="18">
        <v>64</v>
      </c>
    </row>
    <row r="22" spans="1:4" ht="18" customHeight="1" x14ac:dyDescent="0.15">
      <c r="A22" s="5" t="s">
        <v>12</v>
      </c>
      <c r="B22" s="22">
        <v>155</v>
      </c>
      <c r="C22" s="14">
        <v>128</v>
      </c>
      <c r="D22" s="18">
        <v>283</v>
      </c>
    </row>
    <row r="23" spans="1:4" ht="18" customHeight="1" x14ac:dyDescent="0.15">
      <c r="A23" s="5" t="s">
        <v>6</v>
      </c>
      <c r="B23" s="22">
        <v>330</v>
      </c>
      <c r="C23" s="14">
        <v>295</v>
      </c>
      <c r="D23" s="18">
        <v>625</v>
      </c>
    </row>
    <row r="24" spans="1:4" ht="18" customHeight="1" x14ac:dyDescent="0.15">
      <c r="A24" s="5">
        <v>15</v>
      </c>
      <c r="B24" s="22">
        <v>31</v>
      </c>
      <c r="C24" s="14">
        <v>20</v>
      </c>
      <c r="D24" s="18">
        <v>51</v>
      </c>
    </row>
    <row r="25" spans="1:4" ht="18" customHeight="1" x14ac:dyDescent="0.15">
      <c r="A25" s="5">
        <v>16</v>
      </c>
      <c r="B25" s="22">
        <v>33</v>
      </c>
      <c r="C25" s="14">
        <v>35</v>
      </c>
      <c r="D25" s="18">
        <v>68</v>
      </c>
    </row>
    <row r="26" spans="1:4" ht="18" customHeight="1" x14ac:dyDescent="0.15">
      <c r="A26" s="5">
        <v>17</v>
      </c>
      <c r="B26" s="22">
        <v>43</v>
      </c>
      <c r="C26" s="14">
        <v>35</v>
      </c>
      <c r="D26" s="18">
        <v>78</v>
      </c>
    </row>
    <row r="27" spans="1:4" ht="18" customHeight="1" x14ac:dyDescent="0.15">
      <c r="A27" s="5">
        <v>18</v>
      </c>
      <c r="B27" s="22">
        <v>32</v>
      </c>
      <c r="C27" s="14">
        <v>43</v>
      </c>
      <c r="D27" s="18">
        <v>75</v>
      </c>
    </row>
    <row r="28" spans="1:4" ht="18" customHeight="1" x14ac:dyDescent="0.15">
      <c r="A28" s="5">
        <v>19</v>
      </c>
      <c r="B28" s="22">
        <v>44</v>
      </c>
      <c r="C28" s="14">
        <v>31</v>
      </c>
      <c r="D28" s="18">
        <v>75</v>
      </c>
    </row>
    <row r="29" spans="1:4" ht="18" customHeight="1" x14ac:dyDescent="0.15">
      <c r="A29" s="5" t="s">
        <v>14</v>
      </c>
      <c r="B29" s="22">
        <v>183</v>
      </c>
      <c r="C29" s="14">
        <v>164</v>
      </c>
      <c r="D29" s="18">
        <v>347</v>
      </c>
    </row>
    <row r="30" spans="1:4" ht="18" customHeight="1" x14ac:dyDescent="0.15">
      <c r="A30" s="5">
        <v>20</v>
      </c>
      <c r="B30" s="22">
        <v>36</v>
      </c>
      <c r="C30" s="14">
        <v>34</v>
      </c>
      <c r="D30" s="18">
        <v>70</v>
      </c>
    </row>
    <row r="31" spans="1:4" ht="18" customHeight="1" x14ac:dyDescent="0.15">
      <c r="A31" s="5">
        <v>21</v>
      </c>
      <c r="B31" s="22">
        <v>57</v>
      </c>
      <c r="C31" s="14">
        <v>43</v>
      </c>
      <c r="D31" s="18">
        <v>100</v>
      </c>
    </row>
    <row r="32" spans="1:4" ht="18" customHeight="1" x14ac:dyDescent="0.15">
      <c r="A32" s="5">
        <v>22</v>
      </c>
      <c r="B32" s="22">
        <v>42</v>
      </c>
      <c r="C32" s="14">
        <v>45</v>
      </c>
      <c r="D32" s="18">
        <v>87</v>
      </c>
    </row>
    <row r="33" spans="1:4" ht="18" customHeight="1" x14ac:dyDescent="0.15">
      <c r="A33" s="5">
        <v>23</v>
      </c>
      <c r="B33" s="22">
        <v>43</v>
      </c>
      <c r="C33" s="14">
        <v>36</v>
      </c>
      <c r="D33" s="18">
        <v>79</v>
      </c>
    </row>
    <row r="34" spans="1:4" ht="18" customHeight="1" x14ac:dyDescent="0.15">
      <c r="A34" s="5">
        <v>24</v>
      </c>
      <c r="B34" s="22">
        <v>36</v>
      </c>
      <c r="C34" s="14">
        <v>40</v>
      </c>
      <c r="D34" s="18">
        <v>76</v>
      </c>
    </row>
    <row r="35" spans="1:4" ht="18" customHeight="1" x14ac:dyDescent="0.15">
      <c r="A35" s="5" t="s">
        <v>9</v>
      </c>
      <c r="B35" s="22">
        <v>214</v>
      </c>
      <c r="C35" s="14">
        <v>198</v>
      </c>
      <c r="D35" s="18">
        <v>412</v>
      </c>
    </row>
    <row r="36" spans="1:4" ht="18" customHeight="1" x14ac:dyDescent="0.15">
      <c r="A36" s="5">
        <v>25</v>
      </c>
      <c r="B36" s="22">
        <v>39</v>
      </c>
      <c r="C36" s="14">
        <v>32</v>
      </c>
      <c r="D36" s="18">
        <v>71</v>
      </c>
    </row>
    <row r="37" spans="1:4" ht="18" customHeight="1" x14ac:dyDescent="0.15">
      <c r="A37" s="5">
        <v>26</v>
      </c>
      <c r="B37" s="22">
        <v>37</v>
      </c>
      <c r="C37" s="14">
        <v>25</v>
      </c>
      <c r="D37" s="18">
        <v>62</v>
      </c>
    </row>
    <row r="38" spans="1:4" ht="18" customHeight="1" x14ac:dyDescent="0.15">
      <c r="A38" s="5">
        <v>27</v>
      </c>
      <c r="B38" s="22">
        <v>35</v>
      </c>
      <c r="C38" s="14">
        <v>34</v>
      </c>
      <c r="D38" s="18">
        <v>69</v>
      </c>
    </row>
    <row r="39" spans="1:4" ht="18" customHeight="1" x14ac:dyDescent="0.15">
      <c r="A39" s="5">
        <v>28</v>
      </c>
      <c r="B39" s="22">
        <v>42</v>
      </c>
      <c r="C39" s="14">
        <v>28</v>
      </c>
      <c r="D39" s="18">
        <v>70</v>
      </c>
    </row>
    <row r="40" spans="1:4" ht="18" customHeight="1" x14ac:dyDescent="0.15">
      <c r="A40" s="5">
        <v>29</v>
      </c>
      <c r="B40" s="22">
        <v>27</v>
      </c>
      <c r="C40" s="14">
        <v>27</v>
      </c>
      <c r="D40" s="18">
        <v>54</v>
      </c>
    </row>
    <row r="41" spans="1:4" ht="18" customHeight="1" x14ac:dyDescent="0.15">
      <c r="A41" s="5" t="s">
        <v>2</v>
      </c>
      <c r="B41" s="22">
        <v>180</v>
      </c>
      <c r="C41" s="14">
        <v>146</v>
      </c>
      <c r="D41" s="18">
        <v>326</v>
      </c>
    </row>
    <row r="42" spans="1:4" ht="18" customHeight="1" x14ac:dyDescent="0.15">
      <c r="A42" s="5">
        <v>30</v>
      </c>
      <c r="B42" s="22">
        <v>29</v>
      </c>
      <c r="C42" s="14">
        <v>29</v>
      </c>
      <c r="D42" s="18">
        <v>58</v>
      </c>
    </row>
    <row r="43" spans="1:4" ht="18" customHeight="1" x14ac:dyDescent="0.15">
      <c r="A43" s="5">
        <v>31</v>
      </c>
      <c r="B43" s="22">
        <v>30</v>
      </c>
      <c r="C43" s="14">
        <v>30</v>
      </c>
      <c r="D43" s="18">
        <v>60</v>
      </c>
    </row>
    <row r="44" spans="1:4" ht="18" customHeight="1" x14ac:dyDescent="0.15">
      <c r="A44" s="5">
        <v>32</v>
      </c>
      <c r="B44" s="22">
        <v>25</v>
      </c>
      <c r="C44" s="14">
        <v>23</v>
      </c>
      <c r="D44" s="18">
        <v>48</v>
      </c>
    </row>
    <row r="45" spans="1:4" ht="18" customHeight="1" x14ac:dyDescent="0.15">
      <c r="A45" s="5">
        <v>33</v>
      </c>
      <c r="B45" s="22">
        <v>25</v>
      </c>
      <c r="C45" s="14">
        <v>22</v>
      </c>
      <c r="D45" s="18">
        <v>47</v>
      </c>
    </row>
    <row r="46" spans="1:4" ht="18" customHeight="1" x14ac:dyDescent="0.15">
      <c r="A46" s="5">
        <v>34</v>
      </c>
      <c r="B46" s="22">
        <v>23</v>
      </c>
      <c r="C46" s="14">
        <v>21</v>
      </c>
      <c r="D46" s="18">
        <v>44</v>
      </c>
    </row>
    <row r="47" spans="1:4" ht="18" customHeight="1" x14ac:dyDescent="0.15">
      <c r="A47" s="5" t="s">
        <v>15</v>
      </c>
      <c r="B47" s="22">
        <v>132</v>
      </c>
      <c r="C47" s="14">
        <v>125</v>
      </c>
      <c r="D47" s="18">
        <v>257</v>
      </c>
    </row>
    <row r="48" spans="1:4" ht="18" customHeight="1" x14ac:dyDescent="0.15">
      <c r="A48" s="5">
        <v>35</v>
      </c>
      <c r="B48" s="22">
        <v>16</v>
      </c>
      <c r="C48" s="14">
        <v>23</v>
      </c>
      <c r="D48" s="18">
        <v>39</v>
      </c>
    </row>
    <row r="49" spans="1:4" ht="18" customHeight="1" x14ac:dyDescent="0.15">
      <c r="A49" s="5">
        <v>36</v>
      </c>
      <c r="B49" s="22">
        <v>40</v>
      </c>
      <c r="C49" s="14">
        <v>29</v>
      </c>
      <c r="D49" s="18">
        <v>69</v>
      </c>
    </row>
    <row r="50" spans="1:4" ht="18" customHeight="1" x14ac:dyDescent="0.15">
      <c r="A50" s="5">
        <v>37</v>
      </c>
      <c r="B50" s="22">
        <v>34</v>
      </c>
      <c r="C50" s="14">
        <v>29</v>
      </c>
      <c r="D50" s="18">
        <v>63</v>
      </c>
    </row>
    <row r="51" spans="1:4" ht="18" customHeight="1" x14ac:dyDescent="0.15">
      <c r="A51" s="5">
        <v>38</v>
      </c>
      <c r="B51" s="22">
        <v>31</v>
      </c>
      <c r="C51" s="14">
        <v>20</v>
      </c>
      <c r="D51" s="18">
        <v>51</v>
      </c>
    </row>
    <row r="52" spans="1:4" ht="18" customHeight="1" x14ac:dyDescent="0.15">
      <c r="A52" s="5">
        <v>39</v>
      </c>
      <c r="B52" s="22">
        <v>42</v>
      </c>
      <c r="C52" s="14">
        <v>29</v>
      </c>
      <c r="D52" s="18">
        <v>71</v>
      </c>
    </row>
    <row r="53" spans="1:4" ht="18" customHeight="1" x14ac:dyDescent="0.15">
      <c r="A53" s="5" t="s">
        <v>18</v>
      </c>
      <c r="B53" s="22">
        <v>163</v>
      </c>
      <c r="C53" s="14">
        <v>130</v>
      </c>
      <c r="D53" s="18">
        <v>293</v>
      </c>
    </row>
    <row r="54" spans="1:4" ht="18" customHeight="1" x14ac:dyDescent="0.15">
      <c r="A54" s="5">
        <v>40</v>
      </c>
      <c r="B54" s="22">
        <v>24</v>
      </c>
      <c r="C54" s="14">
        <v>29</v>
      </c>
      <c r="D54" s="18">
        <v>53</v>
      </c>
    </row>
    <row r="55" spans="1:4" ht="18" customHeight="1" x14ac:dyDescent="0.15">
      <c r="A55" s="5">
        <v>41</v>
      </c>
      <c r="B55" s="22">
        <v>54</v>
      </c>
      <c r="C55" s="14">
        <v>36</v>
      </c>
      <c r="D55" s="18">
        <v>90</v>
      </c>
    </row>
    <row r="56" spans="1:4" ht="18" customHeight="1" x14ac:dyDescent="0.15">
      <c r="A56" s="5">
        <v>42</v>
      </c>
      <c r="B56" s="22">
        <v>44</v>
      </c>
      <c r="C56" s="14">
        <v>48</v>
      </c>
      <c r="D56" s="18">
        <v>92</v>
      </c>
    </row>
    <row r="57" spans="1:4" ht="18" customHeight="1" x14ac:dyDescent="0.15">
      <c r="A57" s="5">
        <v>43</v>
      </c>
      <c r="B57" s="22">
        <v>42</v>
      </c>
      <c r="C57" s="14">
        <v>45</v>
      </c>
      <c r="D57" s="18">
        <v>87</v>
      </c>
    </row>
    <row r="58" spans="1:4" ht="18" customHeight="1" x14ac:dyDescent="0.15">
      <c r="A58" s="5">
        <v>44</v>
      </c>
      <c r="B58" s="22">
        <v>32</v>
      </c>
      <c r="C58" s="14">
        <v>52</v>
      </c>
      <c r="D58" s="18">
        <v>84</v>
      </c>
    </row>
    <row r="59" spans="1:4" ht="18" customHeight="1" x14ac:dyDescent="0.15">
      <c r="A59" s="5" t="s">
        <v>21</v>
      </c>
      <c r="B59" s="22">
        <v>196</v>
      </c>
      <c r="C59" s="14">
        <v>210</v>
      </c>
      <c r="D59" s="18">
        <v>406</v>
      </c>
    </row>
    <row r="60" spans="1:4" ht="18" customHeight="1" x14ac:dyDescent="0.15">
      <c r="A60" s="5">
        <v>45</v>
      </c>
      <c r="B60" s="22">
        <v>35</v>
      </c>
      <c r="C60" s="14">
        <v>29</v>
      </c>
      <c r="D60" s="18">
        <v>64</v>
      </c>
    </row>
    <row r="61" spans="1:4" ht="18" customHeight="1" x14ac:dyDescent="0.15">
      <c r="A61" s="5">
        <v>46</v>
      </c>
      <c r="B61" s="22">
        <v>51</v>
      </c>
      <c r="C61" s="14">
        <v>44</v>
      </c>
      <c r="D61" s="18">
        <v>95</v>
      </c>
    </row>
    <row r="62" spans="1:4" ht="18" customHeight="1" x14ac:dyDescent="0.15">
      <c r="A62" s="5">
        <v>47</v>
      </c>
      <c r="B62" s="22">
        <v>52</v>
      </c>
      <c r="C62" s="14">
        <v>52</v>
      </c>
      <c r="D62" s="18">
        <v>104</v>
      </c>
    </row>
    <row r="63" spans="1:4" ht="18" customHeight="1" x14ac:dyDescent="0.15">
      <c r="A63" s="5">
        <v>48</v>
      </c>
      <c r="B63" s="22">
        <v>61</v>
      </c>
      <c r="C63" s="14">
        <v>57</v>
      </c>
      <c r="D63" s="18">
        <v>118</v>
      </c>
    </row>
    <row r="64" spans="1:4" ht="18" customHeight="1" x14ac:dyDescent="0.15">
      <c r="A64" s="5">
        <v>49</v>
      </c>
      <c r="B64" s="22">
        <v>67</v>
      </c>
      <c r="C64" s="14">
        <v>49</v>
      </c>
      <c r="D64" s="18">
        <v>116</v>
      </c>
    </row>
    <row r="65" spans="1:4" ht="18" customHeight="1" x14ac:dyDescent="0.15">
      <c r="A65" s="5" t="s">
        <v>17</v>
      </c>
      <c r="B65" s="22">
        <v>266</v>
      </c>
      <c r="C65" s="14">
        <v>231</v>
      </c>
      <c r="D65" s="18">
        <v>497</v>
      </c>
    </row>
    <row r="66" spans="1:4" ht="18" customHeight="1" x14ac:dyDescent="0.15">
      <c r="A66" s="5">
        <v>50</v>
      </c>
      <c r="B66" s="22">
        <v>71</v>
      </c>
      <c r="C66" s="14">
        <v>67</v>
      </c>
      <c r="D66" s="18">
        <v>138</v>
      </c>
    </row>
    <row r="67" spans="1:4" ht="18" customHeight="1" x14ac:dyDescent="0.15">
      <c r="A67" s="5">
        <v>51</v>
      </c>
      <c r="B67" s="22">
        <v>66</v>
      </c>
      <c r="C67" s="14">
        <v>70</v>
      </c>
      <c r="D67" s="18">
        <v>136</v>
      </c>
    </row>
    <row r="68" spans="1:4" ht="18" customHeight="1" x14ac:dyDescent="0.15">
      <c r="A68" s="5">
        <v>52</v>
      </c>
      <c r="B68" s="22">
        <v>82</v>
      </c>
      <c r="C68" s="14">
        <v>85</v>
      </c>
      <c r="D68" s="18">
        <v>167</v>
      </c>
    </row>
    <row r="69" spans="1:4" ht="18" customHeight="1" x14ac:dyDescent="0.15">
      <c r="A69" s="5">
        <v>53</v>
      </c>
      <c r="B69" s="22">
        <v>75</v>
      </c>
      <c r="C69" s="14">
        <v>88</v>
      </c>
      <c r="D69" s="18">
        <v>163</v>
      </c>
    </row>
    <row r="70" spans="1:4" ht="18" customHeight="1" x14ac:dyDescent="0.15">
      <c r="A70" s="5">
        <v>54</v>
      </c>
      <c r="B70" s="22">
        <v>80</v>
      </c>
      <c r="C70" s="14">
        <v>83</v>
      </c>
      <c r="D70" s="18">
        <v>163</v>
      </c>
    </row>
    <row r="71" spans="1:4" ht="18" customHeight="1" x14ac:dyDescent="0.15">
      <c r="A71" s="5" t="s">
        <v>22</v>
      </c>
      <c r="B71" s="22">
        <v>374</v>
      </c>
      <c r="C71" s="14">
        <v>393</v>
      </c>
      <c r="D71" s="18">
        <v>767</v>
      </c>
    </row>
    <row r="72" spans="1:4" ht="18" customHeight="1" x14ac:dyDescent="0.15">
      <c r="A72" s="5">
        <v>55</v>
      </c>
      <c r="B72" s="22">
        <v>88</v>
      </c>
      <c r="C72" s="14">
        <v>83</v>
      </c>
      <c r="D72" s="18">
        <v>171</v>
      </c>
    </row>
    <row r="73" spans="1:4" ht="18" customHeight="1" x14ac:dyDescent="0.15">
      <c r="A73" s="5">
        <v>56</v>
      </c>
      <c r="B73" s="22">
        <v>75</v>
      </c>
      <c r="C73" s="14">
        <v>68</v>
      </c>
      <c r="D73" s="18">
        <v>143</v>
      </c>
    </row>
    <row r="74" spans="1:4" ht="18" customHeight="1" x14ac:dyDescent="0.15">
      <c r="A74" s="5">
        <v>57</v>
      </c>
      <c r="B74" s="22">
        <v>71</v>
      </c>
      <c r="C74" s="14">
        <v>69</v>
      </c>
      <c r="D74" s="18">
        <v>140</v>
      </c>
    </row>
    <row r="75" spans="1:4" ht="18" customHeight="1" x14ac:dyDescent="0.15">
      <c r="A75" s="5">
        <v>58</v>
      </c>
      <c r="B75" s="22">
        <v>74</v>
      </c>
      <c r="C75" s="14">
        <v>77</v>
      </c>
      <c r="D75" s="18">
        <v>151</v>
      </c>
    </row>
    <row r="76" spans="1:4" ht="18" customHeight="1" x14ac:dyDescent="0.15">
      <c r="A76" s="5">
        <v>59</v>
      </c>
      <c r="B76" s="22">
        <v>49</v>
      </c>
      <c r="C76" s="14">
        <v>50</v>
      </c>
      <c r="D76" s="18">
        <v>99</v>
      </c>
    </row>
    <row r="77" spans="1:4" ht="18" customHeight="1" x14ac:dyDescent="0.15">
      <c r="A77" s="5" t="s">
        <v>27</v>
      </c>
      <c r="B77" s="22">
        <v>357</v>
      </c>
      <c r="C77" s="14">
        <v>347</v>
      </c>
      <c r="D77" s="18">
        <v>704</v>
      </c>
    </row>
    <row r="78" spans="1:4" ht="18" customHeight="1" x14ac:dyDescent="0.15">
      <c r="A78" s="5">
        <v>60</v>
      </c>
      <c r="B78" s="22">
        <v>52</v>
      </c>
      <c r="C78" s="14">
        <v>55</v>
      </c>
      <c r="D78" s="18">
        <v>107</v>
      </c>
    </row>
    <row r="79" spans="1:4" ht="18" customHeight="1" x14ac:dyDescent="0.15">
      <c r="A79" s="5">
        <v>61</v>
      </c>
      <c r="B79" s="22">
        <v>54</v>
      </c>
      <c r="C79" s="14">
        <v>52</v>
      </c>
      <c r="D79" s="18">
        <v>106</v>
      </c>
    </row>
    <row r="80" spans="1:4" ht="18" customHeight="1" x14ac:dyDescent="0.15">
      <c r="A80" s="5">
        <v>62</v>
      </c>
      <c r="B80" s="22">
        <v>64</v>
      </c>
      <c r="C80" s="14">
        <v>51</v>
      </c>
      <c r="D80" s="18">
        <v>115</v>
      </c>
    </row>
    <row r="81" spans="1:4" ht="18" customHeight="1" x14ac:dyDescent="0.15">
      <c r="A81" s="5">
        <v>63</v>
      </c>
      <c r="B81" s="22">
        <v>71</v>
      </c>
      <c r="C81" s="14">
        <v>69</v>
      </c>
      <c r="D81" s="18">
        <v>140</v>
      </c>
    </row>
    <row r="82" spans="1:4" ht="18" customHeight="1" x14ac:dyDescent="0.15">
      <c r="A82" s="5">
        <v>64</v>
      </c>
      <c r="B82" s="22">
        <v>58</v>
      </c>
      <c r="C82" s="14">
        <v>54</v>
      </c>
      <c r="D82" s="18">
        <v>112</v>
      </c>
    </row>
    <row r="83" spans="1:4" ht="18" customHeight="1" x14ac:dyDescent="0.15">
      <c r="A83" s="5" t="s">
        <v>28</v>
      </c>
      <c r="B83" s="22">
        <v>299</v>
      </c>
      <c r="C83" s="14">
        <v>281</v>
      </c>
      <c r="D83" s="18">
        <v>580</v>
      </c>
    </row>
    <row r="84" spans="1:4" ht="18" customHeight="1" x14ac:dyDescent="0.15">
      <c r="A84" s="5" t="s">
        <v>31</v>
      </c>
      <c r="B84" s="22">
        <v>2364</v>
      </c>
      <c r="C84" s="14">
        <v>2225</v>
      </c>
      <c r="D84" s="18">
        <v>4589</v>
      </c>
    </row>
    <row r="85" spans="1:4" ht="18" customHeight="1" x14ac:dyDescent="0.15">
      <c r="A85" s="5">
        <v>65</v>
      </c>
      <c r="B85" s="22">
        <v>52</v>
      </c>
      <c r="C85" s="14">
        <v>52</v>
      </c>
      <c r="D85" s="18">
        <v>104</v>
      </c>
    </row>
    <row r="86" spans="1:4" ht="18" customHeight="1" x14ac:dyDescent="0.15">
      <c r="A86" s="5">
        <v>66</v>
      </c>
      <c r="B86" s="22">
        <v>64</v>
      </c>
      <c r="C86" s="14">
        <v>64</v>
      </c>
      <c r="D86" s="18">
        <v>128</v>
      </c>
    </row>
    <row r="87" spans="1:4" ht="18" customHeight="1" x14ac:dyDescent="0.15">
      <c r="A87" s="5">
        <v>67</v>
      </c>
      <c r="B87" s="22">
        <v>67</v>
      </c>
      <c r="C87" s="14">
        <v>73</v>
      </c>
      <c r="D87" s="18">
        <v>140</v>
      </c>
    </row>
    <row r="88" spans="1:4" ht="18" customHeight="1" x14ac:dyDescent="0.15">
      <c r="A88" s="5">
        <v>68</v>
      </c>
      <c r="B88" s="22">
        <v>55</v>
      </c>
      <c r="C88" s="14">
        <v>53</v>
      </c>
      <c r="D88" s="18">
        <v>108</v>
      </c>
    </row>
    <row r="89" spans="1:4" ht="18" customHeight="1" x14ac:dyDescent="0.15">
      <c r="A89" s="5">
        <v>69</v>
      </c>
      <c r="B89" s="22">
        <v>60</v>
      </c>
      <c r="C89" s="14">
        <v>64</v>
      </c>
      <c r="D89" s="18">
        <v>124</v>
      </c>
    </row>
    <row r="90" spans="1:4" ht="18" customHeight="1" x14ac:dyDescent="0.15">
      <c r="A90" s="5" t="s">
        <v>20</v>
      </c>
      <c r="B90" s="22">
        <v>298</v>
      </c>
      <c r="C90" s="14">
        <v>306</v>
      </c>
      <c r="D90" s="18">
        <v>604</v>
      </c>
    </row>
    <row r="91" spans="1:4" ht="18" customHeight="1" x14ac:dyDescent="0.15">
      <c r="A91" s="5">
        <v>70</v>
      </c>
      <c r="B91" s="22">
        <v>49</v>
      </c>
      <c r="C91" s="14">
        <v>55</v>
      </c>
      <c r="D91" s="18">
        <v>104</v>
      </c>
    </row>
    <row r="92" spans="1:4" ht="18" customHeight="1" x14ac:dyDescent="0.15">
      <c r="A92" s="5">
        <v>71</v>
      </c>
      <c r="B92" s="22">
        <v>63</v>
      </c>
      <c r="C92" s="14">
        <v>59</v>
      </c>
      <c r="D92" s="18">
        <v>122</v>
      </c>
    </row>
    <row r="93" spans="1:4" ht="18" customHeight="1" x14ac:dyDescent="0.15">
      <c r="A93" s="5">
        <v>72</v>
      </c>
      <c r="B93" s="22">
        <v>61</v>
      </c>
      <c r="C93" s="14">
        <v>78</v>
      </c>
      <c r="D93" s="18">
        <v>139</v>
      </c>
    </row>
    <row r="94" spans="1:4" ht="18" customHeight="1" x14ac:dyDescent="0.15">
      <c r="A94" s="5">
        <v>73</v>
      </c>
      <c r="B94" s="22">
        <v>50</v>
      </c>
      <c r="C94" s="14">
        <v>67</v>
      </c>
      <c r="D94" s="18">
        <v>117</v>
      </c>
    </row>
    <row r="95" spans="1:4" ht="18" customHeight="1" x14ac:dyDescent="0.15">
      <c r="A95" s="5">
        <v>74</v>
      </c>
      <c r="B95" s="22">
        <v>68</v>
      </c>
      <c r="C95" s="14">
        <v>64</v>
      </c>
      <c r="D95" s="18">
        <v>132</v>
      </c>
    </row>
    <row r="96" spans="1:4" ht="18" customHeight="1" x14ac:dyDescent="0.15">
      <c r="A96" s="5" t="s">
        <v>33</v>
      </c>
      <c r="B96" s="22">
        <v>291</v>
      </c>
      <c r="C96" s="14">
        <v>323</v>
      </c>
      <c r="D96" s="18">
        <v>614</v>
      </c>
    </row>
    <row r="97" spans="1:4" ht="18" customHeight="1" x14ac:dyDescent="0.15">
      <c r="A97" s="5">
        <v>75</v>
      </c>
      <c r="B97" s="22">
        <v>74</v>
      </c>
      <c r="C97" s="14">
        <v>82</v>
      </c>
      <c r="D97" s="18">
        <v>156</v>
      </c>
    </row>
    <row r="98" spans="1:4" ht="18" customHeight="1" x14ac:dyDescent="0.15">
      <c r="A98" s="5">
        <v>76</v>
      </c>
      <c r="B98" s="22">
        <v>73</v>
      </c>
      <c r="C98" s="14">
        <v>90</v>
      </c>
      <c r="D98" s="18">
        <v>163</v>
      </c>
    </row>
    <row r="99" spans="1:4" ht="18" customHeight="1" x14ac:dyDescent="0.15">
      <c r="A99" s="5">
        <v>77</v>
      </c>
      <c r="B99" s="22">
        <v>76</v>
      </c>
      <c r="C99" s="14">
        <v>93</v>
      </c>
      <c r="D99" s="18">
        <v>169</v>
      </c>
    </row>
    <row r="100" spans="1:4" ht="18" customHeight="1" x14ac:dyDescent="0.15">
      <c r="A100" s="5">
        <v>78</v>
      </c>
      <c r="B100" s="22">
        <v>84</v>
      </c>
      <c r="C100" s="14">
        <v>103</v>
      </c>
      <c r="D100" s="18">
        <v>187</v>
      </c>
    </row>
    <row r="101" spans="1:4" ht="18" customHeight="1" x14ac:dyDescent="0.15">
      <c r="A101" s="5">
        <v>79</v>
      </c>
      <c r="B101" s="22">
        <v>61</v>
      </c>
      <c r="C101" s="14">
        <v>80</v>
      </c>
      <c r="D101" s="18">
        <v>141</v>
      </c>
    </row>
    <row r="102" spans="1:4" ht="18" customHeight="1" x14ac:dyDescent="0.15">
      <c r="A102" s="5" t="s">
        <v>0</v>
      </c>
      <c r="B102" s="22">
        <v>368</v>
      </c>
      <c r="C102" s="14">
        <v>448</v>
      </c>
      <c r="D102" s="18">
        <v>816</v>
      </c>
    </row>
    <row r="103" spans="1:4" ht="18" customHeight="1" x14ac:dyDescent="0.15">
      <c r="A103" s="5">
        <v>80</v>
      </c>
      <c r="B103" s="22">
        <v>39</v>
      </c>
      <c r="C103" s="14">
        <v>44</v>
      </c>
      <c r="D103" s="18">
        <v>83</v>
      </c>
    </row>
    <row r="104" spans="1:4" ht="18" customHeight="1" x14ac:dyDescent="0.15">
      <c r="A104" s="5">
        <v>81</v>
      </c>
      <c r="B104" s="22">
        <v>40</v>
      </c>
      <c r="C104" s="14">
        <v>82</v>
      </c>
      <c r="D104" s="18">
        <v>122</v>
      </c>
    </row>
    <row r="105" spans="1:4" ht="18" customHeight="1" x14ac:dyDescent="0.15">
      <c r="A105" s="5">
        <v>82</v>
      </c>
      <c r="B105" s="22">
        <v>43</v>
      </c>
      <c r="C105" s="14">
        <v>61</v>
      </c>
      <c r="D105" s="18">
        <v>104</v>
      </c>
    </row>
    <row r="106" spans="1:4" ht="18" customHeight="1" x14ac:dyDescent="0.15">
      <c r="A106" s="5">
        <v>83</v>
      </c>
      <c r="B106" s="22">
        <v>37</v>
      </c>
      <c r="C106" s="14">
        <v>60</v>
      </c>
      <c r="D106" s="18">
        <v>97</v>
      </c>
    </row>
    <row r="107" spans="1:4" ht="18" customHeight="1" x14ac:dyDescent="0.15">
      <c r="A107" s="5">
        <v>84</v>
      </c>
      <c r="B107" s="22">
        <v>42</v>
      </c>
      <c r="C107" s="14">
        <v>61</v>
      </c>
      <c r="D107" s="18">
        <v>103</v>
      </c>
    </row>
    <row r="108" spans="1:4" ht="18" customHeight="1" x14ac:dyDescent="0.15">
      <c r="A108" s="5" t="s">
        <v>35</v>
      </c>
      <c r="B108" s="22">
        <v>201</v>
      </c>
      <c r="C108" s="14">
        <v>308</v>
      </c>
      <c r="D108" s="18">
        <v>509</v>
      </c>
    </row>
    <row r="109" spans="1:4" ht="18" customHeight="1" x14ac:dyDescent="0.15">
      <c r="A109" s="5">
        <v>85</v>
      </c>
      <c r="B109" s="22">
        <v>31</v>
      </c>
      <c r="C109" s="14">
        <v>56</v>
      </c>
      <c r="D109" s="18">
        <v>87</v>
      </c>
    </row>
    <row r="110" spans="1:4" ht="18" customHeight="1" x14ac:dyDescent="0.15">
      <c r="A110" s="5">
        <v>86</v>
      </c>
      <c r="B110" s="22">
        <v>24</v>
      </c>
      <c r="C110" s="14">
        <v>42</v>
      </c>
      <c r="D110" s="18">
        <v>66</v>
      </c>
    </row>
    <row r="111" spans="1:4" ht="18" customHeight="1" x14ac:dyDescent="0.15">
      <c r="A111" s="5">
        <v>87</v>
      </c>
      <c r="B111" s="22">
        <v>19</v>
      </c>
      <c r="C111" s="14">
        <v>45</v>
      </c>
      <c r="D111" s="18">
        <v>64</v>
      </c>
    </row>
    <row r="112" spans="1:4" ht="18" customHeight="1" x14ac:dyDescent="0.15">
      <c r="A112" s="5">
        <v>88</v>
      </c>
      <c r="B112" s="22">
        <v>21</v>
      </c>
      <c r="C112" s="14">
        <v>56</v>
      </c>
      <c r="D112" s="18">
        <v>77</v>
      </c>
    </row>
    <row r="113" spans="1:4" ht="18" customHeight="1" x14ac:dyDescent="0.15">
      <c r="A113" s="5">
        <v>89</v>
      </c>
      <c r="B113" s="22">
        <v>18</v>
      </c>
      <c r="C113" s="14">
        <v>36</v>
      </c>
      <c r="D113" s="18">
        <v>54</v>
      </c>
    </row>
    <row r="114" spans="1:4" ht="18" customHeight="1" x14ac:dyDescent="0.15">
      <c r="A114" s="5" t="s">
        <v>37</v>
      </c>
      <c r="B114" s="22">
        <v>113</v>
      </c>
      <c r="C114" s="14">
        <v>235</v>
      </c>
      <c r="D114" s="18">
        <v>348</v>
      </c>
    </row>
    <row r="115" spans="1:4" ht="18" customHeight="1" x14ac:dyDescent="0.15">
      <c r="A115" s="5">
        <v>90</v>
      </c>
      <c r="B115" s="22">
        <v>13</v>
      </c>
      <c r="C115" s="14">
        <v>46</v>
      </c>
      <c r="D115" s="18">
        <v>59</v>
      </c>
    </row>
    <row r="116" spans="1:4" ht="18" customHeight="1" x14ac:dyDescent="0.15">
      <c r="A116" s="5">
        <v>91</v>
      </c>
      <c r="B116" s="22">
        <v>17</v>
      </c>
      <c r="C116" s="14">
        <v>24</v>
      </c>
      <c r="D116" s="18">
        <v>41</v>
      </c>
    </row>
    <row r="117" spans="1:4" ht="18" customHeight="1" x14ac:dyDescent="0.15">
      <c r="A117" s="5">
        <v>92</v>
      </c>
      <c r="B117" s="22">
        <v>16</v>
      </c>
      <c r="C117" s="14">
        <v>36</v>
      </c>
      <c r="D117" s="18">
        <v>52</v>
      </c>
    </row>
    <row r="118" spans="1:4" ht="18" customHeight="1" x14ac:dyDescent="0.15">
      <c r="A118" s="5">
        <v>93</v>
      </c>
      <c r="B118" s="22">
        <v>3</v>
      </c>
      <c r="C118" s="14">
        <v>23</v>
      </c>
      <c r="D118" s="18">
        <v>26</v>
      </c>
    </row>
    <row r="119" spans="1:4" ht="18" customHeight="1" x14ac:dyDescent="0.15">
      <c r="A119" s="5">
        <v>94</v>
      </c>
      <c r="B119" s="22">
        <v>3</v>
      </c>
      <c r="C119" s="14">
        <v>18</v>
      </c>
      <c r="D119" s="18">
        <v>21</v>
      </c>
    </row>
    <row r="120" spans="1:4" ht="18" customHeight="1" x14ac:dyDescent="0.15">
      <c r="A120" s="5" t="s">
        <v>39</v>
      </c>
      <c r="B120" s="22">
        <v>52</v>
      </c>
      <c r="C120" s="14">
        <v>147</v>
      </c>
      <c r="D120" s="18">
        <v>199</v>
      </c>
    </row>
    <row r="121" spans="1:4" ht="18" customHeight="1" x14ac:dyDescent="0.15">
      <c r="A121" s="5">
        <v>95</v>
      </c>
      <c r="B121" s="22">
        <v>7</v>
      </c>
      <c r="C121" s="14">
        <v>18</v>
      </c>
      <c r="D121" s="18">
        <v>25</v>
      </c>
    </row>
    <row r="122" spans="1:4" ht="18" customHeight="1" x14ac:dyDescent="0.15">
      <c r="A122" s="5">
        <v>96</v>
      </c>
      <c r="B122" s="22">
        <v>3</v>
      </c>
      <c r="C122" s="14">
        <v>10</v>
      </c>
      <c r="D122" s="18">
        <v>13</v>
      </c>
    </row>
    <row r="123" spans="1:4" ht="18" customHeight="1" x14ac:dyDescent="0.15">
      <c r="A123" s="5">
        <v>97</v>
      </c>
      <c r="B123" s="22">
        <v>3</v>
      </c>
      <c r="C123" s="14">
        <v>13</v>
      </c>
      <c r="D123" s="18">
        <v>16</v>
      </c>
    </row>
    <row r="124" spans="1:4" ht="18" customHeight="1" x14ac:dyDescent="0.15">
      <c r="A124" s="5">
        <v>98</v>
      </c>
      <c r="B124" s="22">
        <v>3</v>
      </c>
      <c r="C124" s="14">
        <v>8</v>
      </c>
      <c r="D124" s="18">
        <v>11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16</v>
      </c>
      <c r="C126" s="14">
        <v>54</v>
      </c>
      <c r="D126" s="18">
        <v>70</v>
      </c>
    </row>
    <row r="127" spans="1:4" ht="18" customHeight="1" x14ac:dyDescent="0.15">
      <c r="A127" s="5">
        <v>100</v>
      </c>
      <c r="B127" s="22">
        <v>0</v>
      </c>
      <c r="C127" s="14">
        <v>8</v>
      </c>
      <c r="D127" s="18">
        <v>8</v>
      </c>
    </row>
    <row r="128" spans="1:4" ht="18" customHeight="1" x14ac:dyDescent="0.15">
      <c r="A128" s="6" t="s">
        <v>43</v>
      </c>
      <c r="B128" s="22">
        <v>0</v>
      </c>
      <c r="C128" s="14">
        <v>8</v>
      </c>
      <c r="D128" s="18">
        <v>8</v>
      </c>
    </row>
    <row r="129" spans="1:4" ht="18" customHeight="1" x14ac:dyDescent="0.15">
      <c r="A129" s="5" t="s">
        <v>44</v>
      </c>
      <c r="B129" s="22">
        <v>0</v>
      </c>
      <c r="C129" s="14">
        <v>16</v>
      </c>
      <c r="D129" s="18">
        <v>16</v>
      </c>
    </row>
    <row r="130" spans="1:4" ht="18" customHeight="1" x14ac:dyDescent="0.15">
      <c r="A130" s="5" t="s">
        <v>46</v>
      </c>
      <c r="B130" s="22">
        <v>1339</v>
      </c>
      <c r="C130" s="14">
        <v>1837</v>
      </c>
      <c r="D130" s="18">
        <v>3176</v>
      </c>
    </row>
    <row r="131" spans="1:4" ht="18" customHeight="1" x14ac:dyDescent="0.15">
      <c r="A131" s="7" t="s">
        <v>45</v>
      </c>
      <c r="B131" s="23">
        <v>4033</v>
      </c>
      <c r="C131" s="15">
        <v>4357</v>
      </c>
      <c r="D131" s="19">
        <v>83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7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2</v>
      </c>
      <c r="C6" s="14">
        <v>5</v>
      </c>
      <c r="D6" s="18">
        <v>7</v>
      </c>
    </row>
    <row r="7" spans="1:4" ht="18" customHeight="1" x14ac:dyDescent="0.15">
      <c r="A7" s="5">
        <v>2</v>
      </c>
      <c r="B7" s="27">
        <v>2</v>
      </c>
      <c r="C7" s="14">
        <v>3</v>
      </c>
      <c r="D7" s="18">
        <v>5</v>
      </c>
    </row>
    <row r="8" spans="1:4" ht="18" customHeight="1" x14ac:dyDescent="0.15">
      <c r="A8" s="5">
        <v>3</v>
      </c>
      <c r="B8" s="27">
        <v>1</v>
      </c>
      <c r="C8" s="14">
        <v>5</v>
      </c>
      <c r="D8" s="18">
        <v>6</v>
      </c>
    </row>
    <row r="9" spans="1:4" ht="18" customHeight="1" x14ac:dyDescent="0.15">
      <c r="A9" s="5">
        <v>4</v>
      </c>
      <c r="B9" s="28">
        <v>4</v>
      </c>
      <c r="C9" s="30">
        <v>2</v>
      </c>
      <c r="D9" s="32">
        <v>6</v>
      </c>
    </row>
    <row r="10" spans="1:4" ht="18" customHeight="1" x14ac:dyDescent="0.15">
      <c r="A10" s="5" t="s">
        <v>7</v>
      </c>
      <c r="B10" s="22">
        <v>9</v>
      </c>
      <c r="C10" s="14">
        <v>15</v>
      </c>
      <c r="D10" s="18">
        <v>24</v>
      </c>
    </row>
    <row r="11" spans="1:4" ht="18" customHeight="1" x14ac:dyDescent="0.15">
      <c r="A11" s="5">
        <v>5</v>
      </c>
      <c r="B11" s="27">
        <v>3</v>
      </c>
      <c r="C11" s="14">
        <v>4</v>
      </c>
      <c r="D11" s="18">
        <v>7</v>
      </c>
    </row>
    <row r="12" spans="1:4" ht="18" customHeight="1" x14ac:dyDescent="0.15">
      <c r="A12" s="5">
        <v>6</v>
      </c>
      <c r="B12" s="27">
        <v>3</v>
      </c>
      <c r="C12" s="14">
        <v>6</v>
      </c>
      <c r="D12" s="18">
        <v>9</v>
      </c>
    </row>
    <row r="13" spans="1:4" ht="18" customHeight="1" x14ac:dyDescent="0.15">
      <c r="A13" s="5">
        <v>7</v>
      </c>
      <c r="B13" s="27">
        <v>3</v>
      </c>
      <c r="C13" s="14">
        <v>5</v>
      </c>
      <c r="D13" s="18">
        <v>8</v>
      </c>
    </row>
    <row r="14" spans="1:4" ht="18" customHeight="1" x14ac:dyDescent="0.15">
      <c r="A14" s="5">
        <v>8</v>
      </c>
      <c r="B14" s="27">
        <v>3</v>
      </c>
      <c r="C14" s="14">
        <v>4</v>
      </c>
      <c r="D14" s="18">
        <v>7</v>
      </c>
    </row>
    <row r="15" spans="1:4" ht="18" customHeight="1" x14ac:dyDescent="0.15">
      <c r="A15" s="5">
        <v>9</v>
      </c>
      <c r="B15" s="27">
        <v>3</v>
      </c>
      <c r="C15" s="14">
        <v>3</v>
      </c>
      <c r="D15" s="18">
        <v>6</v>
      </c>
    </row>
    <row r="16" spans="1:4" ht="18" customHeight="1" x14ac:dyDescent="0.15">
      <c r="A16" s="5" t="s">
        <v>11</v>
      </c>
      <c r="B16" s="22">
        <v>15</v>
      </c>
      <c r="C16" s="14">
        <v>22</v>
      </c>
      <c r="D16" s="18">
        <v>37</v>
      </c>
    </row>
    <row r="17" spans="1:4" ht="18" customHeight="1" x14ac:dyDescent="0.15">
      <c r="A17" s="5">
        <v>10</v>
      </c>
      <c r="B17" s="22">
        <v>3</v>
      </c>
      <c r="C17" s="14">
        <v>6</v>
      </c>
      <c r="D17" s="18">
        <v>9</v>
      </c>
    </row>
    <row r="18" spans="1:4" ht="18" customHeight="1" x14ac:dyDescent="0.15">
      <c r="A18" s="5">
        <v>11</v>
      </c>
      <c r="B18" s="22">
        <v>7</v>
      </c>
      <c r="C18" s="14">
        <v>4</v>
      </c>
      <c r="D18" s="18">
        <v>11</v>
      </c>
    </row>
    <row r="19" spans="1:4" ht="18" customHeight="1" x14ac:dyDescent="0.15">
      <c r="A19" s="5">
        <v>12</v>
      </c>
      <c r="B19" s="22">
        <v>4</v>
      </c>
      <c r="C19" s="14">
        <v>6</v>
      </c>
      <c r="D19" s="18">
        <v>10</v>
      </c>
    </row>
    <row r="20" spans="1:4" ht="18" customHeight="1" x14ac:dyDescent="0.15">
      <c r="A20" s="5">
        <v>13</v>
      </c>
      <c r="B20" s="22">
        <v>4</v>
      </c>
      <c r="C20" s="14">
        <v>7</v>
      </c>
      <c r="D20" s="18">
        <v>11</v>
      </c>
    </row>
    <row r="21" spans="1:4" ht="18" customHeight="1" x14ac:dyDescent="0.15">
      <c r="A21" s="5">
        <v>14</v>
      </c>
      <c r="B21" s="22">
        <v>7</v>
      </c>
      <c r="C21" s="14">
        <v>10</v>
      </c>
      <c r="D21" s="18">
        <v>17</v>
      </c>
    </row>
    <row r="22" spans="1:4" ht="18" customHeight="1" x14ac:dyDescent="0.15">
      <c r="A22" s="5" t="s">
        <v>12</v>
      </c>
      <c r="B22" s="22">
        <v>25</v>
      </c>
      <c r="C22" s="14">
        <v>33</v>
      </c>
      <c r="D22" s="18">
        <v>58</v>
      </c>
    </row>
    <row r="23" spans="1:4" ht="18" customHeight="1" x14ac:dyDescent="0.15">
      <c r="A23" s="5" t="s">
        <v>6</v>
      </c>
      <c r="B23" s="22">
        <v>49</v>
      </c>
      <c r="C23" s="14">
        <v>70</v>
      </c>
      <c r="D23" s="18">
        <v>119</v>
      </c>
    </row>
    <row r="24" spans="1:4" ht="18" customHeight="1" x14ac:dyDescent="0.15">
      <c r="A24" s="5">
        <v>15</v>
      </c>
      <c r="B24" s="22">
        <v>5</v>
      </c>
      <c r="C24" s="14">
        <v>3</v>
      </c>
      <c r="D24" s="18">
        <v>8</v>
      </c>
    </row>
    <row r="25" spans="1:4" ht="18" customHeight="1" x14ac:dyDescent="0.15">
      <c r="A25" s="5">
        <v>16</v>
      </c>
      <c r="B25" s="22">
        <v>12</v>
      </c>
      <c r="C25" s="14">
        <v>8</v>
      </c>
      <c r="D25" s="18">
        <v>20</v>
      </c>
    </row>
    <row r="26" spans="1:4" ht="18" customHeight="1" x14ac:dyDescent="0.15">
      <c r="A26" s="5">
        <v>17</v>
      </c>
      <c r="B26" s="22">
        <v>9</v>
      </c>
      <c r="C26" s="14">
        <v>6</v>
      </c>
      <c r="D26" s="18">
        <v>15</v>
      </c>
    </row>
    <row r="27" spans="1:4" ht="18" customHeight="1" x14ac:dyDescent="0.15">
      <c r="A27" s="5">
        <v>18</v>
      </c>
      <c r="B27" s="22">
        <v>9</v>
      </c>
      <c r="C27" s="14">
        <v>8</v>
      </c>
      <c r="D27" s="18">
        <v>17</v>
      </c>
    </row>
    <row r="28" spans="1:4" ht="18" customHeight="1" x14ac:dyDescent="0.15">
      <c r="A28" s="5">
        <v>19</v>
      </c>
      <c r="B28" s="22">
        <v>12</v>
      </c>
      <c r="C28" s="14">
        <v>10</v>
      </c>
      <c r="D28" s="18">
        <v>22</v>
      </c>
    </row>
    <row r="29" spans="1:4" ht="18" customHeight="1" x14ac:dyDescent="0.15">
      <c r="A29" s="5" t="s">
        <v>14</v>
      </c>
      <c r="B29" s="22">
        <v>47</v>
      </c>
      <c r="C29" s="14">
        <v>35</v>
      </c>
      <c r="D29" s="18">
        <v>82</v>
      </c>
    </row>
    <row r="30" spans="1:4" ht="18" customHeight="1" x14ac:dyDescent="0.15">
      <c r="A30" s="5">
        <v>20</v>
      </c>
      <c r="B30" s="22">
        <v>5</v>
      </c>
      <c r="C30" s="14">
        <v>4</v>
      </c>
      <c r="D30" s="18">
        <v>9</v>
      </c>
    </row>
    <row r="31" spans="1:4" ht="18" customHeight="1" x14ac:dyDescent="0.15">
      <c r="A31" s="5">
        <v>21</v>
      </c>
      <c r="B31" s="22">
        <v>4</v>
      </c>
      <c r="C31" s="14">
        <v>7</v>
      </c>
      <c r="D31" s="18">
        <v>11</v>
      </c>
    </row>
    <row r="32" spans="1:4" ht="18" customHeight="1" x14ac:dyDescent="0.15">
      <c r="A32" s="5">
        <v>22</v>
      </c>
      <c r="B32" s="22">
        <v>5</v>
      </c>
      <c r="C32" s="14">
        <v>6</v>
      </c>
      <c r="D32" s="18">
        <v>11</v>
      </c>
    </row>
    <row r="33" spans="1:4" ht="18" customHeight="1" x14ac:dyDescent="0.15">
      <c r="A33" s="5">
        <v>23</v>
      </c>
      <c r="B33" s="22">
        <v>14</v>
      </c>
      <c r="C33" s="14">
        <v>7</v>
      </c>
      <c r="D33" s="18">
        <v>21</v>
      </c>
    </row>
    <row r="34" spans="1:4" ht="18" customHeight="1" x14ac:dyDescent="0.15">
      <c r="A34" s="5">
        <v>24</v>
      </c>
      <c r="B34" s="22">
        <v>6</v>
      </c>
      <c r="C34" s="14">
        <v>4</v>
      </c>
      <c r="D34" s="18">
        <v>10</v>
      </c>
    </row>
    <row r="35" spans="1:4" ht="18" customHeight="1" x14ac:dyDescent="0.15">
      <c r="A35" s="5" t="s">
        <v>9</v>
      </c>
      <c r="B35" s="22">
        <v>34</v>
      </c>
      <c r="C35" s="14">
        <v>28</v>
      </c>
      <c r="D35" s="18">
        <v>62</v>
      </c>
    </row>
    <row r="36" spans="1:4" ht="18" customHeight="1" x14ac:dyDescent="0.15">
      <c r="A36" s="5">
        <v>25</v>
      </c>
      <c r="B36" s="22">
        <v>8</v>
      </c>
      <c r="C36" s="14">
        <v>5</v>
      </c>
      <c r="D36" s="18">
        <v>13</v>
      </c>
    </row>
    <row r="37" spans="1:4" ht="18" customHeight="1" x14ac:dyDescent="0.15">
      <c r="A37" s="5">
        <v>26</v>
      </c>
      <c r="B37" s="22">
        <v>17</v>
      </c>
      <c r="C37" s="14">
        <v>4</v>
      </c>
      <c r="D37" s="18">
        <v>21</v>
      </c>
    </row>
    <row r="38" spans="1:4" ht="18" customHeight="1" x14ac:dyDescent="0.15">
      <c r="A38" s="5">
        <v>27</v>
      </c>
      <c r="B38" s="22">
        <v>13</v>
      </c>
      <c r="C38" s="14">
        <v>4</v>
      </c>
      <c r="D38" s="18">
        <v>17</v>
      </c>
    </row>
    <row r="39" spans="1:4" ht="18" customHeight="1" x14ac:dyDescent="0.15">
      <c r="A39" s="5">
        <v>28</v>
      </c>
      <c r="B39" s="22">
        <v>6</v>
      </c>
      <c r="C39" s="14">
        <v>6</v>
      </c>
      <c r="D39" s="18">
        <v>12</v>
      </c>
    </row>
    <row r="40" spans="1:4" ht="18" customHeight="1" x14ac:dyDescent="0.15">
      <c r="A40" s="5">
        <v>29</v>
      </c>
      <c r="B40" s="22">
        <v>13</v>
      </c>
      <c r="C40" s="14">
        <v>5</v>
      </c>
      <c r="D40" s="18">
        <v>18</v>
      </c>
    </row>
    <row r="41" spans="1:4" ht="18" customHeight="1" x14ac:dyDescent="0.15">
      <c r="A41" s="5" t="s">
        <v>2</v>
      </c>
      <c r="B41" s="22">
        <v>57</v>
      </c>
      <c r="C41" s="14">
        <v>24</v>
      </c>
      <c r="D41" s="18">
        <v>81</v>
      </c>
    </row>
    <row r="42" spans="1:4" ht="18" customHeight="1" x14ac:dyDescent="0.15">
      <c r="A42" s="5">
        <v>30</v>
      </c>
      <c r="B42" s="22">
        <v>3</v>
      </c>
      <c r="C42" s="14">
        <v>4</v>
      </c>
      <c r="D42" s="18">
        <v>7</v>
      </c>
    </row>
    <row r="43" spans="1:4" ht="18" customHeight="1" x14ac:dyDescent="0.15">
      <c r="A43" s="5">
        <v>31</v>
      </c>
      <c r="B43" s="22">
        <v>5</v>
      </c>
      <c r="C43" s="14">
        <v>3</v>
      </c>
      <c r="D43" s="18">
        <v>8</v>
      </c>
    </row>
    <row r="44" spans="1:4" ht="18" customHeight="1" x14ac:dyDescent="0.15">
      <c r="A44" s="5">
        <v>32</v>
      </c>
      <c r="B44" s="22">
        <v>6</v>
      </c>
      <c r="C44" s="14">
        <v>1</v>
      </c>
      <c r="D44" s="18">
        <v>7</v>
      </c>
    </row>
    <row r="45" spans="1:4" ht="18" customHeight="1" x14ac:dyDescent="0.15">
      <c r="A45" s="5">
        <v>33</v>
      </c>
      <c r="B45" s="22">
        <v>5</v>
      </c>
      <c r="C45" s="14">
        <v>4</v>
      </c>
      <c r="D45" s="18">
        <v>9</v>
      </c>
    </row>
    <row r="46" spans="1:4" ht="18" customHeight="1" x14ac:dyDescent="0.15">
      <c r="A46" s="5">
        <v>34</v>
      </c>
      <c r="B46" s="22">
        <v>3</v>
      </c>
      <c r="C46" s="14">
        <v>5</v>
      </c>
      <c r="D46" s="18">
        <v>8</v>
      </c>
    </row>
    <row r="47" spans="1:4" ht="18" customHeight="1" x14ac:dyDescent="0.15">
      <c r="A47" s="5" t="s">
        <v>15</v>
      </c>
      <c r="B47" s="22">
        <v>22</v>
      </c>
      <c r="C47" s="14">
        <v>17</v>
      </c>
      <c r="D47" s="18">
        <v>39</v>
      </c>
    </row>
    <row r="48" spans="1:4" ht="18" customHeight="1" x14ac:dyDescent="0.15">
      <c r="A48" s="5">
        <v>35</v>
      </c>
      <c r="B48" s="22">
        <v>5</v>
      </c>
      <c r="C48" s="14">
        <v>3</v>
      </c>
      <c r="D48" s="18">
        <v>8</v>
      </c>
    </row>
    <row r="49" spans="1:4" ht="18" customHeight="1" x14ac:dyDescent="0.15">
      <c r="A49" s="5">
        <v>36</v>
      </c>
      <c r="B49" s="22">
        <v>8</v>
      </c>
      <c r="C49" s="14">
        <v>4</v>
      </c>
      <c r="D49" s="18">
        <v>12</v>
      </c>
    </row>
    <row r="50" spans="1:4" ht="18" customHeight="1" x14ac:dyDescent="0.15">
      <c r="A50" s="5">
        <v>37</v>
      </c>
      <c r="B50" s="22">
        <v>2</v>
      </c>
      <c r="C50" s="14">
        <v>3</v>
      </c>
      <c r="D50" s="18">
        <v>5</v>
      </c>
    </row>
    <row r="51" spans="1:4" ht="18" customHeight="1" x14ac:dyDescent="0.15">
      <c r="A51" s="5">
        <v>38</v>
      </c>
      <c r="B51" s="22">
        <v>1</v>
      </c>
      <c r="C51" s="14">
        <v>3</v>
      </c>
      <c r="D51" s="18">
        <v>4</v>
      </c>
    </row>
    <row r="52" spans="1:4" ht="18" customHeight="1" x14ac:dyDescent="0.15">
      <c r="A52" s="5">
        <v>39</v>
      </c>
      <c r="B52" s="22">
        <v>9</v>
      </c>
      <c r="C52" s="14">
        <v>6</v>
      </c>
      <c r="D52" s="18">
        <v>15</v>
      </c>
    </row>
    <row r="53" spans="1:4" ht="18" customHeight="1" x14ac:dyDescent="0.15">
      <c r="A53" s="5" t="s">
        <v>18</v>
      </c>
      <c r="B53" s="22">
        <v>25</v>
      </c>
      <c r="C53" s="14">
        <v>19</v>
      </c>
      <c r="D53" s="18">
        <v>44</v>
      </c>
    </row>
    <row r="54" spans="1:4" ht="18" customHeight="1" x14ac:dyDescent="0.15">
      <c r="A54" s="5">
        <v>40</v>
      </c>
      <c r="B54" s="22">
        <v>7</v>
      </c>
      <c r="C54" s="14">
        <v>5</v>
      </c>
      <c r="D54" s="18">
        <v>12</v>
      </c>
    </row>
    <row r="55" spans="1:4" ht="18" customHeight="1" x14ac:dyDescent="0.15">
      <c r="A55" s="5">
        <v>41</v>
      </c>
      <c r="B55" s="22">
        <v>15</v>
      </c>
      <c r="C55" s="14">
        <v>11</v>
      </c>
      <c r="D55" s="18">
        <v>26</v>
      </c>
    </row>
    <row r="56" spans="1:4" ht="18" customHeight="1" x14ac:dyDescent="0.15">
      <c r="A56" s="5">
        <v>42</v>
      </c>
      <c r="B56" s="22">
        <v>5</v>
      </c>
      <c r="C56" s="14">
        <v>8</v>
      </c>
      <c r="D56" s="18">
        <v>13</v>
      </c>
    </row>
    <row r="57" spans="1:4" ht="18" customHeight="1" x14ac:dyDescent="0.15">
      <c r="A57" s="5">
        <v>43</v>
      </c>
      <c r="B57" s="22">
        <v>8</v>
      </c>
      <c r="C57" s="14">
        <v>9</v>
      </c>
      <c r="D57" s="18">
        <v>17</v>
      </c>
    </row>
    <row r="58" spans="1:4" ht="18" customHeight="1" x14ac:dyDescent="0.15">
      <c r="A58" s="5">
        <v>44</v>
      </c>
      <c r="B58" s="22">
        <v>15</v>
      </c>
      <c r="C58" s="14">
        <v>7</v>
      </c>
      <c r="D58" s="18">
        <v>22</v>
      </c>
    </row>
    <row r="59" spans="1:4" ht="18" customHeight="1" x14ac:dyDescent="0.15">
      <c r="A59" s="5" t="s">
        <v>21</v>
      </c>
      <c r="B59" s="22">
        <v>50</v>
      </c>
      <c r="C59" s="14">
        <v>40</v>
      </c>
      <c r="D59" s="18">
        <v>90</v>
      </c>
    </row>
    <row r="60" spans="1:4" ht="18" customHeight="1" x14ac:dyDescent="0.15">
      <c r="A60" s="5">
        <v>45</v>
      </c>
      <c r="B60" s="22">
        <v>8</v>
      </c>
      <c r="C60" s="14">
        <v>4</v>
      </c>
      <c r="D60" s="18">
        <v>12</v>
      </c>
    </row>
    <row r="61" spans="1:4" ht="18" customHeight="1" x14ac:dyDescent="0.15">
      <c r="A61" s="5">
        <v>46</v>
      </c>
      <c r="B61" s="22">
        <v>11</v>
      </c>
      <c r="C61" s="14">
        <v>8</v>
      </c>
      <c r="D61" s="18">
        <v>19</v>
      </c>
    </row>
    <row r="62" spans="1:4" ht="18" customHeight="1" x14ac:dyDescent="0.15">
      <c r="A62" s="5">
        <v>47</v>
      </c>
      <c r="B62" s="22">
        <v>7</v>
      </c>
      <c r="C62" s="14">
        <v>11</v>
      </c>
      <c r="D62" s="18">
        <v>18</v>
      </c>
    </row>
    <row r="63" spans="1:4" ht="18" customHeight="1" x14ac:dyDescent="0.15">
      <c r="A63" s="5">
        <v>48</v>
      </c>
      <c r="B63" s="22">
        <v>9</v>
      </c>
      <c r="C63" s="14">
        <v>9</v>
      </c>
      <c r="D63" s="18">
        <v>18</v>
      </c>
    </row>
    <row r="64" spans="1:4" ht="18" customHeight="1" x14ac:dyDescent="0.15">
      <c r="A64" s="5">
        <v>49</v>
      </c>
      <c r="B64" s="22">
        <v>10</v>
      </c>
      <c r="C64" s="14">
        <v>16</v>
      </c>
      <c r="D64" s="18">
        <v>26</v>
      </c>
    </row>
    <row r="65" spans="1:4" ht="18" customHeight="1" x14ac:dyDescent="0.15">
      <c r="A65" s="5" t="s">
        <v>17</v>
      </c>
      <c r="B65" s="22">
        <v>45</v>
      </c>
      <c r="C65" s="14">
        <v>48</v>
      </c>
      <c r="D65" s="18">
        <v>93</v>
      </c>
    </row>
    <row r="66" spans="1:4" ht="18" customHeight="1" x14ac:dyDescent="0.15">
      <c r="A66" s="5">
        <v>50</v>
      </c>
      <c r="B66" s="22">
        <v>9</v>
      </c>
      <c r="C66" s="14">
        <v>4</v>
      </c>
      <c r="D66" s="18">
        <v>13</v>
      </c>
    </row>
    <row r="67" spans="1:4" ht="18" customHeight="1" x14ac:dyDescent="0.15">
      <c r="A67" s="5">
        <v>51</v>
      </c>
      <c r="B67" s="22">
        <v>13</v>
      </c>
      <c r="C67" s="14">
        <v>13</v>
      </c>
      <c r="D67" s="18">
        <v>26</v>
      </c>
    </row>
    <row r="68" spans="1:4" ht="18" customHeight="1" x14ac:dyDescent="0.15">
      <c r="A68" s="5">
        <v>52</v>
      </c>
      <c r="B68" s="22">
        <v>20</v>
      </c>
      <c r="C68" s="14">
        <v>13</v>
      </c>
      <c r="D68" s="18">
        <v>33</v>
      </c>
    </row>
    <row r="69" spans="1:4" ht="18" customHeight="1" x14ac:dyDescent="0.15">
      <c r="A69" s="5">
        <v>53</v>
      </c>
      <c r="B69" s="22">
        <v>11</v>
      </c>
      <c r="C69" s="14">
        <v>10</v>
      </c>
      <c r="D69" s="18">
        <v>21</v>
      </c>
    </row>
    <row r="70" spans="1:4" ht="18" customHeight="1" x14ac:dyDescent="0.15">
      <c r="A70" s="5">
        <v>54</v>
      </c>
      <c r="B70" s="22">
        <v>12</v>
      </c>
      <c r="C70" s="14">
        <v>12</v>
      </c>
      <c r="D70" s="18">
        <v>24</v>
      </c>
    </row>
    <row r="71" spans="1:4" ht="18" customHeight="1" x14ac:dyDescent="0.15">
      <c r="A71" s="5" t="s">
        <v>22</v>
      </c>
      <c r="B71" s="22">
        <v>65</v>
      </c>
      <c r="C71" s="14">
        <v>52</v>
      </c>
      <c r="D71" s="18">
        <v>117</v>
      </c>
    </row>
    <row r="72" spans="1:4" ht="18" customHeight="1" x14ac:dyDescent="0.15">
      <c r="A72" s="5">
        <v>55</v>
      </c>
      <c r="B72" s="22">
        <v>21</v>
      </c>
      <c r="C72" s="14">
        <v>13</v>
      </c>
      <c r="D72" s="18">
        <v>34</v>
      </c>
    </row>
    <row r="73" spans="1:4" ht="18" customHeight="1" x14ac:dyDescent="0.15">
      <c r="A73" s="5">
        <v>56</v>
      </c>
      <c r="B73" s="22">
        <v>12</v>
      </c>
      <c r="C73" s="14">
        <v>8</v>
      </c>
      <c r="D73" s="18">
        <v>20</v>
      </c>
    </row>
    <row r="74" spans="1:4" ht="18" customHeight="1" x14ac:dyDescent="0.15">
      <c r="A74" s="5">
        <v>57</v>
      </c>
      <c r="B74" s="22">
        <v>15</v>
      </c>
      <c r="C74" s="14">
        <v>9</v>
      </c>
      <c r="D74" s="18">
        <v>24</v>
      </c>
    </row>
    <row r="75" spans="1:4" ht="18" customHeight="1" x14ac:dyDescent="0.15">
      <c r="A75" s="5">
        <v>58</v>
      </c>
      <c r="B75" s="22">
        <v>5</v>
      </c>
      <c r="C75" s="14">
        <v>11</v>
      </c>
      <c r="D75" s="18">
        <v>16</v>
      </c>
    </row>
    <row r="76" spans="1:4" ht="18" customHeight="1" x14ac:dyDescent="0.15">
      <c r="A76" s="5">
        <v>59</v>
      </c>
      <c r="B76" s="22">
        <v>8</v>
      </c>
      <c r="C76" s="14">
        <v>7</v>
      </c>
      <c r="D76" s="18">
        <v>15</v>
      </c>
    </row>
    <row r="77" spans="1:4" ht="18" customHeight="1" x14ac:dyDescent="0.15">
      <c r="A77" s="5" t="s">
        <v>27</v>
      </c>
      <c r="B77" s="22">
        <v>61</v>
      </c>
      <c r="C77" s="14">
        <v>48</v>
      </c>
      <c r="D77" s="18">
        <v>109</v>
      </c>
    </row>
    <row r="78" spans="1:4" ht="18" customHeight="1" x14ac:dyDescent="0.15">
      <c r="A78" s="5">
        <v>60</v>
      </c>
      <c r="B78" s="22">
        <v>12</v>
      </c>
      <c r="C78" s="14">
        <v>11</v>
      </c>
      <c r="D78" s="18">
        <v>23</v>
      </c>
    </row>
    <row r="79" spans="1:4" ht="18" customHeight="1" x14ac:dyDescent="0.15">
      <c r="A79" s="5">
        <v>61</v>
      </c>
      <c r="B79" s="22">
        <v>14</v>
      </c>
      <c r="C79" s="14">
        <v>10</v>
      </c>
      <c r="D79" s="18">
        <v>24</v>
      </c>
    </row>
    <row r="80" spans="1:4" ht="18" customHeight="1" x14ac:dyDescent="0.15">
      <c r="A80" s="5">
        <v>62</v>
      </c>
      <c r="B80" s="22">
        <v>10</v>
      </c>
      <c r="C80" s="14">
        <v>11</v>
      </c>
      <c r="D80" s="18">
        <v>21</v>
      </c>
    </row>
    <row r="81" spans="1:4" ht="18" customHeight="1" x14ac:dyDescent="0.15">
      <c r="A81" s="5">
        <v>63</v>
      </c>
      <c r="B81" s="22">
        <v>8</v>
      </c>
      <c r="C81" s="14">
        <v>5</v>
      </c>
      <c r="D81" s="18">
        <v>13</v>
      </c>
    </row>
    <row r="82" spans="1:4" ht="18" customHeight="1" x14ac:dyDescent="0.15">
      <c r="A82" s="5">
        <v>64</v>
      </c>
      <c r="B82" s="22">
        <v>13</v>
      </c>
      <c r="C82" s="14">
        <v>3</v>
      </c>
      <c r="D82" s="18">
        <v>16</v>
      </c>
    </row>
    <row r="83" spans="1:4" ht="18" customHeight="1" x14ac:dyDescent="0.15">
      <c r="A83" s="5" t="s">
        <v>28</v>
      </c>
      <c r="B83" s="22">
        <v>57</v>
      </c>
      <c r="C83" s="14">
        <v>40</v>
      </c>
      <c r="D83" s="18">
        <v>97</v>
      </c>
    </row>
    <row r="84" spans="1:4" ht="18" customHeight="1" x14ac:dyDescent="0.15">
      <c r="A84" s="5" t="s">
        <v>31</v>
      </c>
      <c r="B84" s="22">
        <v>463</v>
      </c>
      <c r="C84" s="14">
        <v>351</v>
      </c>
      <c r="D84" s="18">
        <v>814</v>
      </c>
    </row>
    <row r="85" spans="1:4" ht="18" customHeight="1" x14ac:dyDescent="0.15">
      <c r="A85" s="5">
        <v>65</v>
      </c>
      <c r="B85" s="22">
        <v>9</v>
      </c>
      <c r="C85" s="14">
        <v>12</v>
      </c>
      <c r="D85" s="18">
        <v>21</v>
      </c>
    </row>
    <row r="86" spans="1:4" ht="18" customHeight="1" x14ac:dyDescent="0.15">
      <c r="A86" s="5">
        <v>66</v>
      </c>
      <c r="B86" s="22">
        <v>13</v>
      </c>
      <c r="C86" s="14">
        <v>10</v>
      </c>
      <c r="D86" s="18">
        <v>23</v>
      </c>
    </row>
    <row r="87" spans="1:4" ht="18" customHeight="1" x14ac:dyDescent="0.15">
      <c r="A87" s="5">
        <v>67</v>
      </c>
      <c r="B87" s="22">
        <v>11</v>
      </c>
      <c r="C87" s="14">
        <v>14</v>
      </c>
      <c r="D87" s="18">
        <v>25</v>
      </c>
    </row>
    <row r="88" spans="1:4" ht="18" customHeight="1" x14ac:dyDescent="0.15">
      <c r="A88" s="5">
        <v>68</v>
      </c>
      <c r="B88" s="22">
        <v>12</v>
      </c>
      <c r="C88" s="14">
        <v>18</v>
      </c>
      <c r="D88" s="18">
        <v>30</v>
      </c>
    </row>
    <row r="89" spans="1:4" ht="18" customHeight="1" x14ac:dyDescent="0.15">
      <c r="A89" s="5">
        <v>69</v>
      </c>
      <c r="B89" s="22">
        <v>19</v>
      </c>
      <c r="C89" s="14">
        <v>10</v>
      </c>
      <c r="D89" s="18">
        <v>29</v>
      </c>
    </row>
    <row r="90" spans="1:4" ht="18" customHeight="1" x14ac:dyDescent="0.15">
      <c r="A90" s="5" t="s">
        <v>20</v>
      </c>
      <c r="B90" s="22">
        <v>64</v>
      </c>
      <c r="C90" s="14">
        <v>64</v>
      </c>
      <c r="D90" s="18">
        <v>128</v>
      </c>
    </row>
    <row r="91" spans="1:4" ht="18" customHeight="1" x14ac:dyDescent="0.15">
      <c r="A91" s="5">
        <v>70</v>
      </c>
      <c r="B91" s="22">
        <v>9</v>
      </c>
      <c r="C91" s="14">
        <v>20</v>
      </c>
      <c r="D91" s="18">
        <v>29</v>
      </c>
    </row>
    <row r="92" spans="1:4" ht="18" customHeight="1" x14ac:dyDescent="0.15">
      <c r="A92" s="5">
        <v>71</v>
      </c>
      <c r="B92" s="22">
        <v>17</v>
      </c>
      <c r="C92" s="14">
        <v>20</v>
      </c>
      <c r="D92" s="18">
        <v>37</v>
      </c>
    </row>
    <row r="93" spans="1:4" ht="18" customHeight="1" x14ac:dyDescent="0.15">
      <c r="A93" s="5">
        <v>72</v>
      </c>
      <c r="B93" s="22">
        <v>14</v>
      </c>
      <c r="C93" s="14">
        <v>12</v>
      </c>
      <c r="D93" s="18">
        <v>26</v>
      </c>
    </row>
    <row r="94" spans="1:4" ht="18" customHeight="1" x14ac:dyDescent="0.15">
      <c r="A94" s="5">
        <v>73</v>
      </c>
      <c r="B94" s="22">
        <v>13</v>
      </c>
      <c r="C94" s="14">
        <v>11</v>
      </c>
      <c r="D94" s="18">
        <v>24</v>
      </c>
    </row>
    <row r="95" spans="1:4" ht="18" customHeight="1" x14ac:dyDescent="0.15">
      <c r="A95" s="5">
        <v>74</v>
      </c>
      <c r="B95" s="22">
        <v>21</v>
      </c>
      <c r="C95" s="14">
        <v>20</v>
      </c>
      <c r="D95" s="18">
        <v>41</v>
      </c>
    </row>
    <row r="96" spans="1:4" ht="18" customHeight="1" x14ac:dyDescent="0.15">
      <c r="A96" s="5" t="s">
        <v>33</v>
      </c>
      <c r="B96" s="22">
        <v>74</v>
      </c>
      <c r="C96" s="14">
        <v>83</v>
      </c>
      <c r="D96" s="18">
        <v>157</v>
      </c>
    </row>
    <row r="97" spans="1:4" ht="18" customHeight="1" x14ac:dyDescent="0.15">
      <c r="A97" s="5">
        <v>75</v>
      </c>
      <c r="B97" s="22">
        <v>19</v>
      </c>
      <c r="C97" s="14">
        <v>13</v>
      </c>
      <c r="D97" s="18">
        <v>32</v>
      </c>
    </row>
    <row r="98" spans="1:4" ht="18" customHeight="1" x14ac:dyDescent="0.15">
      <c r="A98" s="5">
        <v>76</v>
      </c>
      <c r="B98" s="22">
        <v>15</v>
      </c>
      <c r="C98" s="14">
        <v>22</v>
      </c>
      <c r="D98" s="18">
        <v>37</v>
      </c>
    </row>
    <row r="99" spans="1:4" ht="18" customHeight="1" x14ac:dyDescent="0.15">
      <c r="A99" s="5">
        <v>77</v>
      </c>
      <c r="B99" s="22">
        <v>22</v>
      </c>
      <c r="C99" s="14">
        <v>31</v>
      </c>
      <c r="D99" s="18">
        <v>53</v>
      </c>
    </row>
    <row r="100" spans="1:4" ht="18" customHeight="1" x14ac:dyDescent="0.15">
      <c r="A100" s="5">
        <v>78</v>
      </c>
      <c r="B100" s="22">
        <v>29</v>
      </c>
      <c r="C100" s="14">
        <v>28</v>
      </c>
      <c r="D100" s="18">
        <v>57</v>
      </c>
    </row>
    <row r="101" spans="1:4" ht="18" customHeight="1" x14ac:dyDescent="0.15">
      <c r="A101" s="5">
        <v>79</v>
      </c>
      <c r="B101" s="22">
        <v>14</v>
      </c>
      <c r="C101" s="14">
        <v>14</v>
      </c>
      <c r="D101" s="18">
        <v>28</v>
      </c>
    </row>
    <row r="102" spans="1:4" ht="18" customHeight="1" x14ac:dyDescent="0.15">
      <c r="A102" s="5" t="s">
        <v>0</v>
      </c>
      <c r="B102" s="22">
        <v>99</v>
      </c>
      <c r="C102" s="14">
        <v>108</v>
      </c>
      <c r="D102" s="18">
        <v>207</v>
      </c>
    </row>
    <row r="103" spans="1:4" ht="18" customHeight="1" x14ac:dyDescent="0.15">
      <c r="A103" s="5">
        <v>80</v>
      </c>
      <c r="B103" s="22">
        <v>9</v>
      </c>
      <c r="C103" s="14">
        <v>12</v>
      </c>
      <c r="D103" s="18">
        <v>21</v>
      </c>
    </row>
    <row r="104" spans="1:4" ht="18" customHeight="1" x14ac:dyDescent="0.15">
      <c r="A104" s="5">
        <v>81</v>
      </c>
      <c r="B104" s="22">
        <v>8</v>
      </c>
      <c r="C104" s="14">
        <v>21</v>
      </c>
      <c r="D104" s="18">
        <v>29</v>
      </c>
    </row>
    <row r="105" spans="1:4" ht="18" customHeight="1" x14ac:dyDescent="0.15">
      <c r="A105" s="5">
        <v>82</v>
      </c>
      <c r="B105" s="22">
        <v>16</v>
      </c>
      <c r="C105" s="14">
        <v>22</v>
      </c>
      <c r="D105" s="18">
        <v>38</v>
      </c>
    </row>
    <row r="106" spans="1:4" ht="18" customHeight="1" x14ac:dyDescent="0.15">
      <c r="A106" s="5">
        <v>83</v>
      </c>
      <c r="B106" s="22">
        <v>12</v>
      </c>
      <c r="C106" s="14">
        <v>16</v>
      </c>
      <c r="D106" s="18">
        <v>28</v>
      </c>
    </row>
    <row r="107" spans="1:4" ht="18" customHeight="1" x14ac:dyDescent="0.15">
      <c r="A107" s="5">
        <v>84</v>
      </c>
      <c r="B107" s="22">
        <v>16</v>
      </c>
      <c r="C107" s="14">
        <v>21</v>
      </c>
      <c r="D107" s="18">
        <v>37</v>
      </c>
    </row>
    <row r="108" spans="1:4" ht="18" customHeight="1" x14ac:dyDescent="0.15">
      <c r="A108" s="5" t="s">
        <v>35</v>
      </c>
      <c r="B108" s="22">
        <v>61</v>
      </c>
      <c r="C108" s="14">
        <v>92</v>
      </c>
      <c r="D108" s="18">
        <v>153</v>
      </c>
    </row>
    <row r="109" spans="1:4" ht="18" customHeight="1" x14ac:dyDescent="0.15">
      <c r="A109" s="5">
        <v>85</v>
      </c>
      <c r="B109" s="22">
        <v>12</v>
      </c>
      <c r="C109" s="14">
        <v>14</v>
      </c>
      <c r="D109" s="18">
        <v>26</v>
      </c>
    </row>
    <row r="110" spans="1:4" ht="18" customHeight="1" x14ac:dyDescent="0.15">
      <c r="A110" s="5">
        <v>86</v>
      </c>
      <c r="B110" s="22">
        <v>6</v>
      </c>
      <c r="C110" s="14">
        <v>12</v>
      </c>
      <c r="D110" s="18">
        <v>18</v>
      </c>
    </row>
    <row r="111" spans="1:4" ht="18" customHeight="1" x14ac:dyDescent="0.15">
      <c r="A111" s="5">
        <v>87</v>
      </c>
      <c r="B111" s="22">
        <v>4</v>
      </c>
      <c r="C111" s="14">
        <v>15</v>
      </c>
      <c r="D111" s="18">
        <v>19</v>
      </c>
    </row>
    <row r="112" spans="1:4" ht="18" customHeight="1" x14ac:dyDescent="0.15">
      <c r="A112" s="5">
        <v>88</v>
      </c>
      <c r="B112" s="22">
        <v>7</v>
      </c>
      <c r="C112" s="14">
        <v>12</v>
      </c>
      <c r="D112" s="18">
        <v>19</v>
      </c>
    </row>
    <row r="113" spans="1:4" ht="18" customHeight="1" x14ac:dyDescent="0.15">
      <c r="A113" s="5">
        <v>89</v>
      </c>
      <c r="B113" s="22">
        <v>3</v>
      </c>
      <c r="C113" s="14">
        <v>10</v>
      </c>
      <c r="D113" s="18">
        <v>13</v>
      </c>
    </row>
    <row r="114" spans="1:4" ht="18" customHeight="1" x14ac:dyDescent="0.15">
      <c r="A114" s="5" t="s">
        <v>37</v>
      </c>
      <c r="B114" s="22">
        <v>32</v>
      </c>
      <c r="C114" s="14">
        <v>63</v>
      </c>
      <c r="D114" s="18">
        <v>95</v>
      </c>
    </row>
    <row r="115" spans="1:4" ht="18" customHeight="1" x14ac:dyDescent="0.15">
      <c r="A115" s="5">
        <v>90</v>
      </c>
      <c r="B115" s="22">
        <v>2</v>
      </c>
      <c r="C115" s="14">
        <v>13</v>
      </c>
      <c r="D115" s="18">
        <v>15</v>
      </c>
    </row>
    <row r="116" spans="1:4" ht="18" customHeight="1" x14ac:dyDescent="0.15">
      <c r="A116" s="5">
        <v>91</v>
      </c>
      <c r="B116" s="22">
        <v>5</v>
      </c>
      <c r="C116" s="14">
        <v>10</v>
      </c>
      <c r="D116" s="18">
        <v>15</v>
      </c>
    </row>
    <row r="117" spans="1:4" ht="18" customHeight="1" x14ac:dyDescent="0.15">
      <c r="A117" s="5">
        <v>92</v>
      </c>
      <c r="B117" s="22">
        <v>4</v>
      </c>
      <c r="C117" s="14">
        <v>14</v>
      </c>
      <c r="D117" s="18">
        <v>18</v>
      </c>
    </row>
    <row r="118" spans="1:4" ht="18" customHeight="1" x14ac:dyDescent="0.15">
      <c r="A118" s="5">
        <v>93</v>
      </c>
      <c r="B118" s="22">
        <v>7</v>
      </c>
      <c r="C118" s="14">
        <v>9</v>
      </c>
      <c r="D118" s="18">
        <v>16</v>
      </c>
    </row>
    <row r="119" spans="1:4" ht="18" customHeight="1" x14ac:dyDescent="0.15">
      <c r="A119" s="5">
        <v>94</v>
      </c>
      <c r="B119" s="22">
        <v>1</v>
      </c>
      <c r="C119" s="14">
        <v>10</v>
      </c>
      <c r="D119" s="18">
        <v>11</v>
      </c>
    </row>
    <row r="120" spans="1:4" ht="18" customHeight="1" x14ac:dyDescent="0.15">
      <c r="A120" s="5" t="s">
        <v>39</v>
      </c>
      <c r="B120" s="22">
        <v>19</v>
      </c>
      <c r="C120" s="14">
        <v>56</v>
      </c>
      <c r="D120" s="18">
        <v>75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1</v>
      </c>
      <c r="C122" s="14">
        <v>6</v>
      </c>
      <c r="D122" s="18">
        <v>7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</v>
      </c>
      <c r="C126" s="14">
        <v>14</v>
      </c>
      <c r="D126" s="18">
        <v>15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350</v>
      </c>
      <c r="C130" s="14">
        <v>485</v>
      </c>
      <c r="D130" s="18">
        <v>835</v>
      </c>
    </row>
    <row r="131" spans="1:4" ht="18" customHeight="1" x14ac:dyDescent="0.15">
      <c r="A131" s="7" t="s">
        <v>45</v>
      </c>
      <c r="B131" s="23">
        <v>862</v>
      </c>
      <c r="C131" s="15">
        <v>906</v>
      </c>
      <c r="D131" s="19">
        <v>17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7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9</v>
      </c>
      <c r="C5" s="29">
        <v>8</v>
      </c>
      <c r="D5" s="31">
        <v>17</v>
      </c>
    </row>
    <row r="6" spans="1:4" ht="18" customHeight="1" x14ac:dyDescent="0.15">
      <c r="A6" s="5">
        <v>1</v>
      </c>
      <c r="B6" s="27">
        <v>9</v>
      </c>
      <c r="C6" s="14">
        <v>11</v>
      </c>
      <c r="D6" s="18">
        <v>20</v>
      </c>
    </row>
    <row r="7" spans="1:4" ht="18" customHeight="1" x14ac:dyDescent="0.15">
      <c r="A7" s="5">
        <v>2</v>
      </c>
      <c r="B7" s="27">
        <v>16</v>
      </c>
      <c r="C7" s="14">
        <v>10</v>
      </c>
      <c r="D7" s="18">
        <v>26</v>
      </c>
    </row>
    <row r="8" spans="1:4" ht="18" customHeight="1" x14ac:dyDescent="0.15">
      <c r="A8" s="5">
        <v>3</v>
      </c>
      <c r="B8" s="27">
        <v>15</v>
      </c>
      <c r="C8" s="14">
        <v>11</v>
      </c>
      <c r="D8" s="18">
        <v>26</v>
      </c>
    </row>
    <row r="9" spans="1:4" ht="18" customHeight="1" x14ac:dyDescent="0.15">
      <c r="A9" s="5">
        <v>4</v>
      </c>
      <c r="B9" s="28">
        <v>19</v>
      </c>
      <c r="C9" s="30">
        <v>12</v>
      </c>
      <c r="D9" s="32">
        <v>31</v>
      </c>
    </row>
    <row r="10" spans="1:4" ht="18" customHeight="1" x14ac:dyDescent="0.15">
      <c r="A10" s="5" t="s">
        <v>7</v>
      </c>
      <c r="B10" s="22">
        <v>68</v>
      </c>
      <c r="C10" s="14">
        <v>52</v>
      </c>
      <c r="D10" s="18">
        <v>120</v>
      </c>
    </row>
    <row r="11" spans="1:4" ht="18" customHeight="1" x14ac:dyDescent="0.15">
      <c r="A11" s="5">
        <v>5</v>
      </c>
      <c r="B11" s="27">
        <v>8</v>
      </c>
      <c r="C11" s="14">
        <v>17</v>
      </c>
      <c r="D11" s="18">
        <v>25</v>
      </c>
    </row>
    <row r="12" spans="1:4" ht="18" customHeight="1" x14ac:dyDescent="0.15">
      <c r="A12" s="5">
        <v>6</v>
      </c>
      <c r="B12" s="27">
        <v>20</v>
      </c>
      <c r="C12" s="14">
        <v>20</v>
      </c>
      <c r="D12" s="18">
        <v>40</v>
      </c>
    </row>
    <row r="13" spans="1:4" ht="18" customHeight="1" x14ac:dyDescent="0.15">
      <c r="A13" s="5">
        <v>7</v>
      </c>
      <c r="B13" s="27">
        <v>14</v>
      </c>
      <c r="C13" s="14">
        <v>23</v>
      </c>
      <c r="D13" s="18">
        <v>37</v>
      </c>
    </row>
    <row r="14" spans="1:4" ht="18" customHeight="1" x14ac:dyDescent="0.15">
      <c r="A14" s="5">
        <v>8</v>
      </c>
      <c r="B14" s="27">
        <v>15</v>
      </c>
      <c r="C14" s="14">
        <v>23</v>
      </c>
      <c r="D14" s="18">
        <v>38</v>
      </c>
    </row>
    <row r="15" spans="1:4" ht="18" customHeight="1" x14ac:dyDescent="0.15">
      <c r="A15" s="5">
        <v>9</v>
      </c>
      <c r="B15" s="27">
        <v>18</v>
      </c>
      <c r="C15" s="14">
        <v>25</v>
      </c>
      <c r="D15" s="18">
        <v>43</v>
      </c>
    </row>
    <row r="16" spans="1:4" ht="18" customHeight="1" x14ac:dyDescent="0.15">
      <c r="A16" s="5" t="s">
        <v>11</v>
      </c>
      <c r="B16" s="22">
        <v>75</v>
      </c>
      <c r="C16" s="14">
        <v>108</v>
      </c>
      <c r="D16" s="18">
        <v>183</v>
      </c>
    </row>
    <row r="17" spans="1:4" ht="18" customHeight="1" x14ac:dyDescent="0.15">
      <c r="A17" s="5">
        <v>10</v>
      </c>
      <c r="B17" s="22">
        <v>22</v>
      </c>
      <c r="C17" s="14">
        <v>28</v>
      </c>
      <c r="D17" s="18">
        <v>50</v>
      </c>
    </row>
    <row r="18" spans="1:4" ht="18" customHeight="1" x14ac:dyDescent="0.15">
      <c r="A18" s="5">
        <v>11</v>
      </c>
      <c r="B18" s="22">
        <v>23</v>
      </c>
      <c r="C18" s="14">
        <v>24</v>
      </c>
      <c r="D18" s="18">
        <v>47</v>
      </c>
    </row>
    <row r="19" spans="1:4" ht="18" customHeight="1" x14ac:dyDescent="0.15">
      <c r="A19" s="5">
        <v>12</v>
      </c>
      <c r="B19" s="22">
        <v>24</v>
      </c>
      <c r="C19" s="14">
        <v>26</v>
      </c>
      <c r="D19" s="18">
        <v>50</v>
      </c>
    </row>
    <row r="20" spans="1:4" ht="18" customHeight="1" x14ac:dyDescent="0.15">
      <c r="A20" s="5">
        <v>13</v>
      </c>
      <c r="B20" s="22">
        <v>35</v>
      </c>
      <c r="C20" s="14">
        <v>31</v>
      </c>
      <c r="D20" s="18">
        <v>66</v>
      </c>
    </row>
    <row r="21" spans="1:4" ht="18" customHeight="1" x14ac:dyDescent="0.15">
      <c r="A21" s="5">
        <v>14</v>
      </c>
      <c r="B21" s="22">
        <v>21</v>
      </c>
      <c r="C21" s="14">
        <v>16</v>
      </c>
      <c r="D21" s="18">
        <v>37</v>
      </c>
    </row>
    <row r="22" spans="1:4" ht="18" customHeight="1" x14ac:dyDescent="0.15">
      <c r="A22" s="5" t="s">
        <v>12</v>
      </c>
      <c r="B22" s="22">
        <v>125</v>
      </c>
      <c r="C22" s="14">
        <v>125</v>
      </c>
      <c r="D22" s="18">
        <v>250</v>
      </c>
    </row>
    <row r="23" spans="1:4" ht="18" customHeight="1" x14ac:dyDescent="0.15">
      <c r="A23" s="5" t="s">
        <v>6</v>
      </c>
      <c r="B23" s="22">
        <v>268</v>
      </c>
      <c r="C23" s="14">
        <v>285</v>
      </c>
      <c r="D23" s="18">
        <v>553</v>
      </c>
    </row>
    <row r="24" spans="1:4" ht="18" customHeight="1" x14ac:dyDescent="0.15">
      <c r="A24" s="5">
        <v>15</v>
      </c>
      <c r="B24" s="22">
        <v>18</v>
      </c>
      <c r="C24" s="14">
        <v>23</v>
      </c>
      <c r="D24" s="18">
        <v>41</v>
      </c>
    </row>
    <row r="25" spans="1:4" ht="18" customHeight="1" x14ac:dyDescent="0.15">
      <c r="A25" s="5">
        <v>16</v>
      </c>
      <c r="B25" s="22">
        <v>26</v>
      </c>
      <c r="C25" s="14">
        <v>29</v>
      </c>
      <c r="D25" s="18">
        <v>55</v>
      </c>
    </row>
    <row r="26" spans="1:4" ht="18" customHeight="1" x14ac:dyDescent="0.15">
      <c r="A26" s="5">
        <v>17</v>
      </c>
      <c r="B26" s="22">
        <v>32</v>
      </c>
      <c r="C26" s="14">
        <v>21</v>
      </c>
      <c r="D26" s="18">
        <v>53</v>
      </c>
    </row>
    <row r="27" spans="1:4" ht="18" customHeight="1" x14ac:dyDescent="0.15">
      <c r="A27" s="5">
        <v>18</v>
      </c>
      <c r="B27" s="22">
        <v>20</v>
      </c>
      <c r="C27" s="14">
        <v>23</v>
      </c>
      <c r="D27" s="18">
        <v>43</v>
      </c>
    </row>
    <row r="28" spans="1:4" ht="18" customHeight="1" x14ac:dyDescent="0.15">
      <c r="A28" s="5">
        <v>19</v>
      </c>
      <c r="B28" s="22">
        <v>34</v>
      </c>
      <c r="C28" s="14">
        <v>23</v>
      </c>
      <c r="D28" s="18">
        <v>57</v>
      </c>
    </row>
    <row r="29" spans="1:4" ht="18" customHeight="1" x14ac:dyDescent="0.15">
      <c r="A29" s="5" t="s">
        <v>14</v>
      </c>
      <c r="B29" s="22">
        <v>130</v>
      </c>
      <c r="C29" s="14">
        <v>119</v>
      </c>
      <c r="D29" s="18">
        <v>249</v>
      </c>
    </row>
    <row r="30" spans="1:4" ht="18" customHeight="1" x14ac:dyDescent="0.15">
      <c r="A30" s="5">
        <v>20</v>
      </c>
      <c r="B30" s="22">
        <v>29</v>
      </c>
      <c r="C30" s="14">
        <v>20</v>
      </c>
      <c r="D30" s="18">
        <v>49</v>
      </c>
    </row>
    <row r="31" spans="1:4" ht="18" customHeight="1" x14ac:dyDescent="0.15">
      <c r="A31" s="5">
        <v>21</v>
      </c>
      <c r="B31" s="22">
        <v>44</v>
      </c>
      <c r="C31" s="14">
        <v>39</v>
      </c>
      <c r="D31" s="18">
        <v>83</v>
      </c>
    </row>
    <row r="32" spans="1:4" ht="18" customHeight="1" x14ac:dyDescent="0.15">
      <c r="A32" s="5">
        <v>22</v>
      </c>
      <c r="B32" s="22">
        <v>26</v>
      </c>
      <c r="C32" s="14">
        <v>29</v>
      </c>
      <c r="D32" s="18">
        <v>55</v>
      </c>
    </row>
    <row r="33" spans="1:4" ht="18" customHeight="1" x14ac:dyDescent="0.15">
      <c r="A33" s="5">
        <v>23</v>
      </c>
      <c r="B33" s="22">
        <v>39</v>
      </c>
      <c r="C33" s="14">
        <v>24</v>
      </c>
      <c r="D33" s="18">
        <v>63</v>
      </c>
    </row>
    <row r="34" spans="1:4" ht="18" customHeight="1" x14ac:dyDescent="0.15">
      <c r="A34" s="5">
        <v>24</v>
      </c>
      <c r="B34" s="22">
        <v>39</v>
      </c>
      <c r="C34" s="14">
        <v>23</v>
      </c>
      <c r="D34" s="18">
        <v>62</v>
      </c>
    </row>
    <row r="35" spans="1:4" ht="18" customHeight="1" x14ac:dyDescent="0.15">
      <c r="A35" s="5" t="s">
        <v>9</v>
      </c>
      <c r="B35" s="22">
        <v>177</v>
      </c>
      <c r="C35" s="14">
        <v>135</v>
      </c>
      <c r="D35" s="18">
        <v>312</v>
      </c>
    </row>
    <row r="36" spans="1:4" ht="18" customHeight="1" x14ac:dyDescent="0.15">
      <c r="A36" s="5">
        <v>25</v>
      </c>
      <c r="B36" s="22">
        <v>38</v>
      </c>
      <c r="C36" s="14">
        <v>32</v>
      </c>
      <c r="D36" s="18">
        <v>70</v>
      </c>
    </row>
    <row r="37" spans="1:4" ht="18" customHeight="1" x14ac:dyDescent="0.15">
      <c r="A37" s="5">
        <v>26</v>
      </c>
      <c r="B37" s="22">
        <v>46</v>
      </c>
      <c r="C37" s="14">
        <v>31</v>
      </c>
      <c r="D37" s="18">
        <v>77</v>
      </c>
    </row>
    <row r="38" spans="1:4" ht="18" customHeight="1" x14ac:dyDescent="0.15">
      <c r="A38" s="5">
        <v>27</v>
      </c>
      <c r="B38" s="22">
        <v>39</v>
      </c>
      <c r="C38" s="14">
        <v>22</v>
      </c>
      <c r="D38" s="18">
        <v>61</v>
      </c>
    </row>
    <row r="39" spans="1:4" ht="18" customHeight="1" x14ac:dyDescent="0.15">
      <c r="A39" s="5">
        <v>28</v>
      </c>
      <c r="B39" s="22">
        <v>41</v>
      </c>
      <c r="C39" s="14">
        <v>20</v>
      </c>
      <c r="D39" s="18">
        <v>61</v>
      </c>
    </row>
    <row r="40" spans="1:4" ht="18" customHeight="1" x14ac:dyDescent="0.15">
      <c r="A40" s="5">
        <v>29</v>
      </c>
      <c r="B40" s="22">
        <v>25</v>
      </c>
      <c r="C40" s="14">
        <v>25</v>
      </c>
      <c r="D40" s="18">
        <v>50</v>
      </c>
    </row>
    <row r="41" spans="1:4" ht="18" customHeight="1" x14ac:dyDescent="0.15">
      <c r="A41" s="5" t="s">
        <v>2</v>
      </c>
      <c r="B41" s="22">
        <v>189</v>
      </c>
      <c r="C41" s="14">
        <v>130</v>
      </c>
      <c r="D41" s="18">
        <v>319</v>
      </c>
    </row>
    <row r="42" spans="1:4" ht="18" customHeight="1" x14ac:dyDescent="0.15">
      <c r="A42" s="5">
        <v>30</v>
      </c>
      <c r="B42" s="22">
        <v>34</v>
      </c>
      <c r="C42" s="14">
        <v>22</v>
      </c>
      <c r="D42" s="18">
        <v>56</v>
      </c>
    </row>
    <row r="43" spans="1:4" ht="18" customHeight="1" x14ac:dyDescent="0.15">
      <c r="A43" s="5">
        <v>31</v>
      </c>
      <c r="B43" s="22">
        <v>30</v>
      </c>
      <c r="C43" s="14">
        <v>18</v>
      </c>
      <c r="D43" s="18">
        <v>48</v>
      </c>
    </row>
    <row r="44" spans="1:4" ht="18" customHeight="1" x14ac:dyDescent="0.15">
      <c r="A44" s="5">
        <v>32</v>
      </c>
      <c r="B44" s="22">
        <v>26</v>
      </c>
      <c r="C44" s="14">
        <v>18</v>
      </c>
      <c r="D44" s="18">
        <v>44</v>
      </c>
    </row>
    <row r="45" spans="1:4" ht="18" customHeight="1" x14ac:dyDescent="0.15">
      <c r="A45" s="5">
        <v>33</v>
      </c>
      <c r="B45" s="22">
        <v>33</v>
      </c>
      <c r="C45" s="14">
        <v>26</v>
      </c>
      <c r="D45" s="18">
        <v>59</v>
      </c>
    </row>
    <row r="46" spans="1:4" ht="18" customHeight="1" x14ac:dyDescent="0.15">
      <c r="A46" s="5">
        <v>34</v>
      </c>
      <c r="B46" s="22">
        <v>28</v>
      </c>
      <c r="C46" s="14">
        <v>28</v>
      </c>
      <c r="D46" s="18">
        <v>56</v>
      </c>
    </row>
    <row r="47" spans="1:4" ht="18" customHeight="1" x14ac:dyDescent="0.15">
      <c r="A47" s="5" t="s">
        <v>15</v>
      </c>
      <c r="B47" s="22">
        <v>151</v>
      </c>
      <c r="C47" s="14">
        <v>112</v>
      </c>
      <c r="D47" s="18">
        <v>263</v>
      </c>
    </row>
    <row r="48" spans="1:4" ht="18" customHeight="1" x14ac:dyDescent="0.15">
      <c r="A48" s="5">
        <v>35</v>
      </c>
      <c r="B48" s="22">
        <v>27</v>
      </c>
      <c r="C48" s="14">
        <v>19</v>
      </c>
      <c r="D48" s="18">
        <v>46</v>
      </c>
    </row>
    <row r="49" spans="1:4" ht="18" customHeight="1" x14ac:dyDescent="0.15">
      <c r="A49" s="5">
        <v>36</v>
      </c>
      <c r="B49" s="22">
        <v>31</v>
      </c>
      <c r="C49" s="14">
        <v>27</v>
      </c>
      <c r="D49" s="18">
        <v>58</v>
      </c>
    </row>
    <row r="50" spans="1:4" ht="18" customHeight="1" x14ac:dyDescent="0.15">
      <c r="A50" s="5">
        <v>37</v>
      </c>
      <c r="B50" s="22">
        <v>37</v>
      </c>
      <c r="C50" s="14">
        <v>25</v>
      </c>
      <c r="D50" s="18">
        <v>62</v>
      </c>
    </row>
    <row r="51" spans="1:4" ht="18" customHeight="1" x14ac:dyDescent="0.15">
      <c r="A51" s="5">
        <v>38</v>
      </c>
      <c r="B51" s="22">
        <v>35</v>
      </c>
      <c r="C51" s="14">
        <v>26</v>
      </c>
      <c r="D51" s="18">
        <v>61</v>
      </c>
    </row>
    <row r="52" spans="1:4" ht="18" customHeight="1" x14ac:dyDescent="0.15">
      <c r="A52" s="5">
        <v>39</v>
      </c>
      <c r="B52" s="22">
        <v>28</v>
      </c>
      <c r="C52" s="14">
        <v>26</v>
      </c>
      <c r="D52" s="18">
        <v>54</v>
      </c>
    </row>
    <row r="53" spans="1:4" ht="18" customHeight="1" x14ac:dyDescent="0.15">
      <c r="A53" s="5" t="s">
        <v>18</v>
      </c>
      <c r="B53" s="22">
        <v>158</v>
      </c>
      <c r="C53" s="14">
        <v>123</v>
      </c>
      <c r="D53" s="18">
        <v>281</v>
      </c>
    </row>
    <row r="54" spans="1:4" ht="18" customHeight="1" x14ac:dyDescent="0.15">
      <c r="A54" s="5">
        <v>40</v>
      </c>
      <c r="B54" s="22">
        <v>27</v>
      </c>
      <c r="C54" s="14">
        <v>31</v>
      </c>
      <c r="D54" s="18">
        <v>58</v>
      </c>
    </row>
    <row r="55" spans="1:4" ht="18" customHeight="1" x14ac:dyDescent="0.15">
      <c r="A55" s="5">
        <v>41</v>
      </c>
      <c r="B55" s="22">
        <v>37</v>
      </c>
      <c r="C55" s="14">
        <v>34</v>
      </c>
      <c r="D55" s="18">
        <v>71</v>
      </c>
    </row>
    <row r="56" spans="1:4" ht="18" customHeight="1" x14ac:dyDescent="0.15">
      <c r="A56" s="5">
        <v>42</v>
      </c>
      <c r="B56" s="22">
        <v>35</v>
      </c>
      <c r="C56" s="14">
        <v>39</v>
      </c>
      <c r="D56" s="18">
        <v>74</v>
      </c>
    </row>
    <row r="57" spans="1:4" ht="18" customHeight="1" x14ac:dyDescent="0.15">
      <c r="A57" s="5">
        <v>43</v>
      </c>
      <c r="B57" s="22">
        <v>34</v>
      </c>
      <c r="C57" s="14">
        <v>37</v>
      </c>
      <c r="D57" s="18">
        <v>71</v>
      </c>
    </row>
    <row r="58" spans="1:4" ht="18" customHeight="1" x14ac:dyDescent="0.15">
      <c r="A58" s="5">
        <v>44</v>
      </c>
      <c r="B58" s="22">
        <v>38</v>
      </c>
      <c r="C58" s="14">
        <v>30</v>
      </c>
      <c r="D58" s="18">
        <v>68</v>
      </c>
    </row>
    <row r="59" spans="1:4" ht="18" customHeight="1" x14ac:dyDescent="0.15">
      <c r="A59" s="5" t="s">
        <v>21</v>
      </c>
      <c r="B59" s="22">
        <v>171</v>
      </c>
      <c r="C59" s="14">
        <v>171</v>
      </c>
      <c r="D59" s="18">
        <v>342</v>
      </c>
    </row>
    <row r="60" spans="1:4" ht="18" customHeight="1" x14ac:dyDescent="0.15">
      <c r="A60" s="5">
        <v>45</v>
      </c>
      <c r="B60" s="22">
        <v>44</v>
      </c>
      <c r="C60" s="14">
        <v>40</v>
      </c>
      <c r="D60" s="18">
        <v>84</v>
      </c>
    </row>
    <row r="61" spans="1:4" ht="18" customHeight="1" x14ac:dyDescent="0.15">
      <c r="A61" s="5">
        <v>46</v>
      </c>
      <c r="B61" s="22">
        <v>42</v>
      </c>
      <c r="C61" s="14">
        <v>44</v>
      </c>
      <c r="D61" s="18">
        <v>86</v>
      </c>
    </row>
    <row r="62" spans="1:4" ht="18" customHeight="1" x14ac:dyDescent="0.15">
      <c r="A62" s="5">
        <v>47</v>
      </c>
      <c r="B62" s="22">
        <v>38</v>
      </c>
      <c r="C62" s="14">
        <v>43</v>
      </c>
      <c r="D62" s="18">
        <v>81</v>
      </c>
    </row>
    <row r="63" spans="1:4" ht="18" customHeight="1" x14ac:dyDescent="0.15">
      <c r="A63" s="5">
        <v>48</v>
      </c>
      <c r="B63" s="22">
        <v>46</v>
      </c>
      <c r="C63" s="14">
        <v>44</v>
      </c>
      <c r="D63" s="18">
        <v>90</v>
      </c>
    </row>
    <row r="64" spans="1:4" ht="18" customHeight="1" x14ac:dyDescent="0.15">
      <c r="A64" s="5">
        <v>49</v>
      </c>
      <c r="B64" s="22">
        <v>48</v>
      </c>
      <c r="C64" s="14">
        <v>42</v>
      </c>
      <c r="D64" s="18">
        <v>90</v>
      </c>
    </row>
    <row r="65" spans="1:4" ht="18" customHeight="1" x14ac:dyDescent="0.15">
      <c r="A65" s="5" t="s">
        <v>17</v>
      </c>
      <c r="B65" s="22">
        <v>218</v>
      </c>
      <c r="C65" s="14">
        <v>213</v>
      </c>
      <c r="D65" s="18">
        <v>431</v>
      </c>
    </row>
    <row r="66" spans="1:4" ht="18" customHeight="1" x14ac:dyDescent="0.15">
      <c r="A66" s="5">
        <v>50</v>
      </c>
      <c r="B66" s="22">
        <v>43</v>
      </c>
      <c r="C66" s="14">
        <v>43</v>
      </c>
      <c r="D66" s="18">
        <v>86</v>
      </c>
    </row>
    <row r="67" spans="1:4" ht="18" customHeight="1" x14ac:dyDescent="0.15">
      <c r="A67" s="5">
        <v>51</v>
      </c>
      <c r="B67" s="22">
        <v>46</v>
      </c>
      <c r="C67" s="14">
        <v>45</v>
      </c>
      <c r="D67" s="18">
        <v>91</v>
      </c>
    </row>
    <row r="68" spans="1:4" ht="18" customHeight="1" x14ac:dyDescent="0.15">
      <c r="A68" s="5">
        <v>52</v>
      </c>
      <c r="B68" s="22">
        <v>41</v>
      </c>
      <c r="C68" s="14">
        <v>47</v>
      </c>
      <c r="D68" s="18">
        <v>88</v>
      </c>
    </row>
    <row r="69" spans="1:4" ht="18" customHeight="1" x14ac:dyDescent="0.15">
      <c r="A69" s="5">
        <v>53</v>
      </c>
      <c r="B69" s="22">
        <v>55</v>
      </c>
      <c r="C69" s="14">
        <v>56</v>
      </c>
      <c r="D69" s="18">
        <v>111</v>
      </c>
    </row>
    <row r="70" spans="1:4" ht="18" customHeight="1" x14ac:dyDescent="0.15">
      <c r="A70" s="5">
        <v>54</v>
      </c>
      <c r="B70" s="22">
        <v>53</v>
      </c>
      <c r="C70" s="14">
        <v>42</v>
      </c>
      <c r="D70" s="18">
        <v>95</v>
      </c>
    </row>
    <row r="71" spans="1:4" ht="18" customHeight="1" x14ac:dyDescent="0.15">
      <c r="A71" s="5" t="s">
        <v>22</v>
      </c>
      <c r="B71" s="22">
        <v>238</v>
      </c>
      <c r="C71" s="14">
        <v>233</v>
      </c>
      <c r="D71" s="18">
        <v>471</v>
      </c>
    </row>
    <row r="72" spans="1:4" ht="18" customHeight="1" x14ac:dyDescent="0.15">
      <c r="A72" s="5">
        <v>55</v>
      </c>
      <c r="B72" s="22">
        <v>54</v>
      </c>
      <c r="C72" s="14">
        <v>44</v>
      </c>
      <c r="D72" s="18">
        <v>98</v>
      </c>
    </row>
    <row r="73" spans="1:4" ht="18" customHeight="1" x14ac:dyDescent="0.15">
      <c r="A73" s="5">
        <v>56</v>
      </c>
      <c r="B73" s="22">
        <v>51</v>
      </c>
      <c r="C73" s="14">
        <v>51</v>
      </c>
      <c r="D73" s="18">
        <v>102</v>
      </c>
    </row>
    <row r="74" spans="1:4" ht="18" customHeight="1" x14ac:dyDescent="0.15">
      <c r="A74" s="5">
        <v>57</v>
      </c>
      <c r="B74" s="22">
        <v>50</v>
      </c>
      <c r="C74" s="14">
        <v>48</v>
      </c>
      <c r="D74" s="18">
        <v>98</v>
      </c>
    </row>
    <row r="75" spans="1:4" ht="18" customHeight="1" x14ac:dyDescent="0.15">
      <c r="A75" s="5">
        <v>58</v>
      </c>
      <c r="B75" s="22">
        <v>55</v>
      </c>
      <c r="C75" s="14">
        <v>51</v>
      </c>
      <c r="D75" s="18">
        <v>106</v>
      </c>
    </row>
    <row r="76" spans="1:4" ht="18" customHeight="1" x14ac:dyDescent="0.15">
      <c r="A76" s="5">
        <v>59</v>
      </c>
      <c r="B76" s="22">
        <v>35</v>
      </c>
      <c r="C76" s="14">
        <v>37</v>
      </c>
      <c r="D76" s="18">
        <v>72</v>
      </c>
    </row>
    <row r="77" spans="1:4" ht="18" customHeight="1" x14ac:dyDescent="0.15">
      <c r="A77" s="5" t="s">
        <v>27</v>
      </c>
      <c r="B77" s="22">
        <v>245</v>
      </c>
      <c r="C77" s="14">
        <v>231</v>
      </c>
      <c r="D77" s="18">
        <v>476</v>
      </c>
    </row>
    <row r="78" spans="1:4" ht="18" customHeight="1" x14ac:dyDescent="0.15">
      <c r="A78" s="5">
        <v>60</v>
      </c>
      <c r="B78" s="22">
        <v>48</v>
      </c>
      <c r="C78" s="14">
        <v>39</v>
      </c>
      <c r="D78" s="18">
        <v>87</v>
      </c>
    </row>
    <row r="79" spans="1:4" ht="18" customHeight="1" x14ac:dyDescent="0.15">
      <c r="A79" s="5">
        <v>61</v>
      </c>
      <c r="B79" s="22">
        <v>50</v>
      </c>
      <c r="C79" s="14">
        <v>44</v>
      </c>
      <c r="D79" s="18">
        <v>94</v>
      </c>
    </row>
    <row r="80" spans="1:4" ht="18" customHeight="1" x14ac:dyDescent="0.15">
      <c r="A80" s="5">
        <v>62</v>
      </c>
      <c r="B80" s="22">
        <v>43</v>
      </c>
      <c r="C80" s="14">
        <v>43</v>
      </c>
      <c r="D80" s="18">
        <v>86</v>
      </c>
    </row>
    <row r="81" spans="1:4" ht="18" customHeight="1" x14ac:dyDescent="0.15">
      <c r="A81" s="5">
        <v>63</v>
      </c>
      <c r="B81" s="22">
        <v>42</v>
      </c>
      <c r="C81" s="14">
        <v>32</v>
      </c>
      <c r="D81" s="18">
        <v>74</v>
      </c>
    </row>
    <row r="82" spans="1:4" ht="18" customHeight="1" x14ac:dyDescent="0.15">
      <c r="A82" s="5">
        <v>64</v>
      </c>
      <c r="B82" s="22">
        <v>44</v>
      </c>
      <c r="C82" s="14">
        <v>54</v>
      </c>
      <c r="D82" s="18">
        <v>98</v>
      </c>
    </row>
    <row r="83" spans="1:4" ht="18" customHeight="1" x14ac:dyDescent="0.15">
      <c r="A83" s="5" t="s">
        <v>28</v>
      </c>
      <c r="B83" s="22">
        <v>227</v>
      </c>
      <c r="C83" s="14">
        <v>212</v>
      </c>
      <c r="D83" s="18">
        <v>439</v>
      </c>
    </row>
    <row r="84" spans="1:4" ht="18" customHeight="1" x14ac:dyDescent="0.15">
      <c r="A84" s="5" t="s">
        <v>31</v>
      </c>
      <c r="B84" s="22">
        <v>1904</v>
      </c>
      <c r="C84" s="14">
        <v>1679</v>
      </c>
      <c r="D84" s="18">
        <v>3583</v>
      </c>
    </row>
    <row r="85" spans="1:4" ht="18" customHeight="1" x14ac:dyDescent="0.15">
      <c r="A85" s="5">
        <v>65</v>
      </c>
      <c r="B85" s="22">
        <v>52</v>
      </c>
      <c r="C85" s="14">
        <v>57</v>
      </c>
      <c r="D85" s="18">
        <v>109</v>
      </c>
    </row>
    <row r="86" spans="1:4" ht="18" customHeight="1" x14ac:dyDescent="0.15">
      <c r="A86" s="5">
        <v>66</v>
      </c>
      <c r="B86" s="22">
        <v>39</v>
      </c>
      <c r="C86" s="14">
        <v>42</v>
      </c>
      <c r="D86" s="18">
        <v>81</v>
      </c>
    </row>
    <row r="87" spans="1:4" ht="18" customHeight="1" x14ac:dyDescent="0.15">
      <c r="A87" s="5">
        <v>67</v>
      </c>
      <c r="B87" s="22">
        <v>42</v>
      </c>
      <c r="C87" s="14">
        <v>35</v>
      </c>
      <c r="D87" s="18">
        <v>77</v>
      </c>
    </row>
    <row r="88" spans="1:4" ht="18" customHeight="1" x14ac:dyDescent="0.15">
      <c r="A88" s="5">
        <v>68</v>
      </c>
      <c r="B88" s="22">
        <v>47</v>
      </c>
      <c r="C88" s="14">
        <v>42</v>
      </c>
      <c r="D88" s="18">
        <v>89</v>
      </c>
    </row>
    <row r="89" spans="1:4" ht="18" customHeight="1" x14ac:dyDescent="0.15">
      <c r="A89" s="5">
        <v>69</v>
      </c>
      <c r="B89" s="22">
        <v>45</v>
      </c>
      <c r="C89" s="14">
        <v>43</v>
      </c>
      <c r="D89" s="18">
        <v>88</v>
      </c>
    </row>
    <row r="90" spans="1:4" ht="18" customHeight="1" x14ac:dyDescent="0.15">
      <c r="A90" s="5" t="s">
        <v>20</v>
      </c>
      <c r="B90" s="22">
        <v>225</v>
      </c>
      <c r="C90" s="14">
        <v>219</v>
      </c>
      <c r="D90" s="18">
        <v>444</v>
      </c>
    </row>
    <row r="91" spans="1:4" ht="18" customHeight="1" x14ac:dyDescent="0.15">
      <c r="A91" s="5">
        <v>70</v>
      </c>
      <c r="B91" s="22">
        <v>41</v>
      </c>
      <c r="C91" s="14">
        <v>40</v>
      </c>
      <c r="D91" s="18">
        <v>81</v>
      </c>
    </row>
    <row r="92" spans="1:4" ht="18" customHeight="1" x14ac:dyDescent="0.15">
      <c r="A92" s="5">
        <v>71</v>
      </c>
      <c r="B92" s="22">
        <v>56</v>
      </c>
      <c r="C92" s="14">
        <v>52</v>
      </c>
      <c r="D92" s="18">
        <v>108</v>
      </c>
    </row>
    <row r="93" spans="1:4" ht="18" customHeight="1" x14ac:dyDescent="0.15">
      <c r="A93" s="5">
        <v>72</v>
      </c>
      <c r="B93" s="22">
        <v>49</v>
      </c>
      <c r="C93" s="14">
        <v>60</v>
      </c>
      <c r="D93" s="18">
        <v>109</v>
      </c>
    </row>
    <row r="94" spans="1:4" ht="18" customHeight="1" x14ac:dyDescent="0.15">
      <c r="A94" s="5">
        <v>73</v>
      </c>
      <c r="B94" s="22">
        <v>59</v>
      </c>
      <c r="C94" s="14">
        <v>51</v>
      </c>
      <c r="D94" s="18">
        <v>110</v>
      </c>
    </row>
    <row r="95" spans="1:4" ht="18" customHeight="1" x14ac:dyDescent="0.15">
      <c r="A95" s="5">
        <v>74</v>
      </c>
      <c r="B95" s="22">
        <v>45</v>
      </c>
      <c r="C95" s="14">
        <v>61</v>
      </c>
      <c r="D95" s="18">
        <v>106</v>
      </c>
    </row>
    <row r="96" spans="1:4" ht="18" customHeight="1" x14ac:dyDescent="0.15">
      <c r="A96" s="5" t="s">
        <v>33</v>
      </c>
      <c r="B96" s="22">
        <v>250</v>
      </c>
      <c r="C96" s="14">
        <v>264</v>
      </c>
      <c r="D96" s="18">
        <v>514</v>
      </c>
    </row>
    <row r="97" spans="1:4" ht="18" customHeight="1" x14ac:dyDescent="0.15">
      <c r="A97" s="5">
        <v>75</v>
      </c>
      <c r="B97" s="22">
        <v>60</v>
      </c>
      <c r="C97" s="14">
        <v>55</v>
      </c>
      <c r="D97" s="18">
        <v>115</v>
      </c>
    </row>
    <row r="98" spans="1:4" ht="18" customHeight="1" x14ac:dyDescent="0.15">
      <c r="A98" s="5">
        <v>76</v>
      </c>
      <c r="B98" s="22">
        <v>63</v>
      </c>
      <c r="C98" s="14">
        <v>49</v>
      </c>
      <c r="D98" s="18">
        <v>112</v>
      </c>
    </row>
    <row r="99" spans="1:4" ht="18" customHeight="1" x14ac:dyDescent="0.15">
      <c r="A99" s="5">
        <v>77</v>
      </c>
      <c r="B99" s="22">
        <v>54</v>
      </c>
      <c r="C99" s="14">
        <v>61</v>
      </c>
      <c r="D99" s="18">
        <v>115</v>
      </c>
    </row>
    <row r="100" spans="1:4" ht="18" customHeight="1" x14ac:dyDescent="0.15">
      <c r="A100" s="5">
        <v>78</v>
      </c>
      <c r="B100" s="22">
        <v>60</v>
      </c>
      <c r="C100" s="14">
        <v>67</v>
      </c>
      <c r="D100" s="18">
        <v>127</v>
      </c>
    </row>
    <row r="101" spans="1:4" ht="18" customHeight="1" x14ac:dyDescent="0.15">
      <c r="A101" s="5">
        <v>79</v>
      </c>
      <c r="B101" s="22">
        <v>35</v>
      </c>
      <c r="C101" s="14">
        <v>37</v>
      </c>
      <c r="D101" s="18">
        <v>72</v>
      </c>
    </row>
    <row r="102" spans="1:4" ht="18" customHeight="1" x14ac:dyDescent="0.15">
      <c r="A102" s="5" t="s">
        <v>0</v>
      </c>
      <c r="B102" s="22">
        <v>272</v>
      </c>
      <c r="C102" s="14">
        <v>269</v>
      </c>
      <c r="D102" s="18">
        <v>541</v>
      </c>
    </row>
    <row r="103" spans="1:4" ht="18" customHeight="1" x14ac:dyDescent="0.15">
      <c r="A103" s="5">
        <v>80</v>
      </c>
      <c r="B103" s="22">
        <v>31</v>
      </c>
      <c r="C103" s="14">
        <v>25</v>
      </c>
      <c r="D103" s="18">
        <v>56</v>
      </c>
    </row>
    <row r="104" spans="1:4" ht="18" customHeight="1" x14ac:dyDescent="0.15">
      <c r="A104" s="5">
        <v>81</v>
      </c>
      <c r="B104" s="22">
        <v>34</v>
      </c>
      <c r="C104" s="14">
        <v>45</v>
      </c>
      <c r="D104" s="18">
        <v>79</v>
      </c>
    </row>
    <row r="105" spans="1:4" ht="18" customHeight="1" x14ac:dyDescent="0.15">
      <c r="A105" s="5">
        <v>82</v>
      </c>
      <c r="B105" s="22">
        <v>34</v>
      </c>
      <c r="C105" s="14">
        <v>43</v>
      </c>
      <c r="D105" s="18">
        <v>77</v>
      </c>
    </row>
    <row r="106" spans="1:4" ht="18" customHeight="1" x14ac:dyDescent="0.15">
      <c r="A106" s="5">
        <v>83</v>
      </c>
      <c r="B106" s="22">
        <v>27</v>
      </c>
      <c r="C106" s="14">
        <v>41</v>
      </c>
      <c r="D106" s="18">
        <v>68</v>
      </c>
    </row>
    <row r="107" spans="1:4" ht="18" customHeight="1" x14ac:dyDescent="0.15">
      <c r="A107" s="5">
        <v>84</v>
      </c>
      <c r="B107" s="22">
        <v>31</v>
      </c>
      <c r="C107" s="14">
        <v>40</v>
      </c>
      <c r="D107" s="18">
        <v>71</v>
      </c>
    </row>
    <row r="108" spans="1:4" ht="18" customHeight="1" x14ac:dyDescent="0.15">
      <c r="A108" s="5" t="s">
        <v>35</v>
      </c>
      <c r="B108" s="22">
        <v>157</v>
      </c>
      <c r="C108" s="14">
        <v>194</v>
      </c>
      <c r="D108" s="18">
        <v>351</v>
      </c>
    </row>
    <row r="109" spans="1:4" ht="18" customHeight="1" x14ac:dyDescent="0.15">
      <c r="A109" s="5">
        <v>85</v>
      </c>
      <c r="B109" s="22">
        <v>17</v>
      </c>
      <c r="C109" s="14">
        <v>33</v>
      </c>
      <c r="D109" s="18">
        <v>50</v>
      </c>
    </row>
    <row r="110" spans="1:4" ht="18" customHeight="1" x14ac:dyDescent="0.15">
      <c r="A110" s="5">
        <v>86</v>
      </c>
      <c r="B110" s="22">
        <v>16</v>
      </c>
      <c r="C110" s="14">
        <v>24</v>
      </c>
      <c r="D110" s="18">
        <v>40</v>
      </c>
    </row>
    <row r="111" spans="1:4" ht="18" customHeight="1" x14ac:dyDescent="0.15">
      <c r="A111" s="5">
        <v>87</v>
      </c>
      <c r="B111" s="22">
        <v>13</v>
      </c>
      <c r="C111" s="14">
        <v>21</v>
      </c>
      <c r="D111" s="18">
        <v>34</v>
      </c>
    </row>
    <row r="112" spans="1:4" ht="18" customHeight="1" x14ac:dyDescent="0.15">
      <c r="A112" s="5">
        <v>88</v>
      </c>
      <c r="B112" s="22">
        <v>10</v>
      </c>
      <c r="C112" s="14">
        <v>29</v>
      </c>
      <c r="D112" s="18">
        <v>39</v>
      </c>
    </row>
    <row r="113" spans="1:4" ht="18" customHeight="1" x14ac:dyDescent="0.15">
      <c r="A113" s="5">
        <v>89</v>
      </c>
      <c r="B113" s="22">
        <v>15</v>
      </c>
      <c r="C113" s="14">
        <v>29</v>
      </c>
      <c r="D113" s="18">
        <v>44</v>
      </c>
    </row>
    <row r="114" spans="1:4" ht="18" customHeight="1" x14ac:dyDescent="0.15">
      <c r="A114" s="5" t="s">
        <v>37</v>
      </c>
      <c r="B114" s="22">
        <v>71</v>
      </c>
      <c r="C114" s="14">
        <v>136</v>
      </c>
      <c r="D114" s="18">
        <v>207</v>
      </c>
    </row>
    <row r="115" spans="1:4" ht="18" customHeight="1" x14ac:dyDescent="0.15">
      <c r="A115" s="5">
        <v>90</v>
      </c>
      <c r="B115" s="22">
        <v>11</v>
      </c>
      <c r="C115" s="14">
        <v>19</v>
      </c>
      <c r="D115" s="18">
        <v>30</v>
      </c>
    </row>
    <row r="116" spans="1:4" ht="18" customHeight="1" x14ac:dyDescent="0.15">
      <c r="A116" s="5">
        <v>91</v>
      </c>
      <c r="B116" s="22">
        <v>11</v>
      </c>
      <c r="C116" s="14">
        <v>23</v>
      </c>
      <c r="D116" s="18">
        <v>34</v>
      </c>
    </row>
    <row r="117" spans="1:4" ht="18" customHeight="1" x14ac:dyDescent="0.15">
      <c r="A117" s="5">
        <v>92</v>
      </c>
      <c r="B117" s="22">
        <v>4</v>
      </c>
      <c r="C117" s="14">
        <v>16</v>
      </c>
      <c r="D117" s="18">
        <v>20</v>
      </c>
    </row>
    <row r="118" spans="1:4" ht="18" customHeight="1" x14ac:dyDescent="0.15">
      <c r="A118" s="5">
        <v>93</v>
      </c>
      <c r="B118" s="22">
        <v>8</v>
      </c>
      <c r="C118" s="14">
        <v>12</v>
      </c>
      <c r="D118" s="18">
        <v>20</v>
      </c>
    </row>
    <row r="119" spans="1:4" ht="18" customHeight="1" x14ac:dyDescent="0.15">
      <c r="A119" s="5">
        <v>94</v>
      </c>
      <c r="B119" s="22">
        <v>0</v>
      </c>
      <c r="C119" s="14">
        <v>11</v>
      </c>
      <c r="D119" s="18">
        <v>11</v>
      </c>
    </row>
    <row r="120" spans="1:4" ht="18" customHeight="1" x14ac:dyDescent="0.15">
      <c r="A120" s="5" t="s">
        <v>39</v>
      </c>
      <c r="B120" s="22">
        <v>34</v>
      </c>
      <c r="C120" s="14">
        <v>81</v>
      </c>
      <c r="D120" s="18">
        <v>115</v>
      </c>
    </row>
    <row r="121" spans="1:4" ht="18" customHeight="1" x14ac:dyDescent="0.15">
      <c r="A121" s="5">
        <v>95</v>
      </c>
      <c r="B121" s="22">
        <v>4</v>
      </c>
      <c r="C121" s="14">
        <v>12</v>
      </c>
      <c r="D121" s="18">
        <v>16</v>
      </c>
    </row>
    <row r="122" spans="1:4" ht="18" customHeight="1" x14ac:dyDescent="0.15">
      <c r="A122" s="5">
        <v>96</v>
      </c>
      <c r="B122" s="22">
        <v>2</v>
      </c>
      <c r="C122" s="14">
        <v>8</v>
      </c>
      <c r="D122" s="18">
        <v>10</v>
      </c>
    </row>
    <row r="123" spans="1:4" ht="18" customHeight="1" x14ac:dyDescent="0.15">
      <c r="A123" s="5">
        <v>97</v>
      </c>
      <c r="B123" s="22">
        <v>3</v>
      </c>
      <c r="C123" s="14">
        <v>5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3</v>
      </c>
      <c r="C125" s="14">
        <v>2</v>
      </c>
      <c r="D125" s="18">
        <v>5</v>
      </c>
    </row>
    <row r="126" spans="1:4" ht="18" customHeight="1" x14ac:dyDescent="0.15">
      <c r="A126" s="5" t="s">
        <v>40</v>
      </c>
      <c r="B126" s="22">
        <v>12</v>
      </c>
      <c r="C126" s="14">
        <v>32</v>
      </c>
      <c r="D126" s="18">
        <v>44</v>
      </c>
    </row>
    <row r="127" spans="1:4" ht="18" customHeight="1" x14ac:dyDescent="0.15">
      <c r="A127" s="5">
        <v>100</v>
      </c>
      <c r="B127" s="22">
        <v>0</v>
      </c>
      <c r="C127" s="14">
        <v>4</v>
      </c>
      <c r="D127" s="18">
        <v>4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5</v>
      </c>
      <c r="D129" s="18">
        <v>5</v>
      </c>
    </row>
    <row r="130" spans="1:4" ht="18" customHeight="1" x14ac:dyDescent="0.15">
      <c r="A130" s="5" t="s">
        <v>46</v>
      </c>
      <c r="B130" s="22">
        <v>1021</v>
      </c>
      <c r="C130" s="14">
        <v>1200</v>
      </c>
      <c r="D130" s="18">
        <v>2221</v>
      </c>
    </row>
    <row r="131" spans="1:4" ht="18" customHeight="1" x14ac:dyDescent="0.15">
      <c r="A131" s="7" t="s">
        <v>45</v>
      </c>
      <c r="B131" s="23">
        <v>3193</v>
      </c>
      <c r="C131" s="15">
        <v>3164</v>
      </c>
      <c r="D131" s="19">
        <v>635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7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1</v>
      </c>
      <c r="C5" s="29">
        <v>9</v>
      </c>
      <c r="D5" s="31">
        <v>20</v>
      </c>
    </row>
    <row r="6" spans="1:4" ht="18" customHeight="1" x14ac:dyDescent="0.15">
      <c r="A6" s="5">
        <v>1</v>
      </c>
      <c r="B6" s="27">
        <v>15</v>
      </c>
      <c r="C6" s="14">
        <v>10</v>
      </c>
      <c r="D6" s="18">
        <v>25</v>
      </c>
    </row>
    <row r="7" spans="1:4" ht="18" customHeight="1" x14ac:dyDescent="0.15">
      <c r="A7" s="5">
        <v>2</v>
      </c>
      <c r="B7" s="27">
        <v>13</v>
      </c>
      <c r="C7" s="14">
        <v>12</v>
      </c>
      <c r="D7" s="18">
        <v>25</v>
      </c>
    </row>
    <row r="8" spans="1:4" ht="18" customHeight="1" x14ac:dyDescent="0.15">
      <c r="A8" s="5">
        <v>3</v>
      </c>
      <c r="B8" s="27">
        <v>18</v>
      </c>
      <c r="C8" s="14">
        <v>13</v>
      </c>
      <c r="D8" s="18">
        <v>31</v>
      </c>
    </row>
    <row r="9" spans="1:4" ht="18" customHeight="1" x14ac:dyDescent="0.15">
      <c r="A9" s="5">
        <v>4</v>
      </c>
      <c r="B9" s="28">
        <v>14</v>
      </c>
      <c r="C9" s="30">
        <v>18</v>
      </c>
      <c r="D9" s="32">
        <v>32</v>
      </c>
    </row>
    <row r="10" spans="1:4" ht="18" customHeight="1" x14ac:dyDescent="0.15">
      <c r="A10" s="5" t="s">
        <v>7</v>
      </c>
      <c r="B10" s="22">
        <v>71</v>
      </c>
      <c r="C10" s="14">
        <v>62</v>
      </c>
      <c r="D10" s="18">
        <v>133</v>
      </c>
    </row>
    <row r="11" spans="1:4" ht="18" customHeight="1" x14ac:dyDescent="0.15">
      <c r="A11" s="5">
        <v>5</v>
      </c>
      <c r="B11" s="27">
        <v>18</v>
      </c>
      <c r="C11" s="14">
        <v>21</v>
      </c>
      <c r="D11" s="18">
        <v>39</v>
      </c>
    </row>
    <row r="12" spans="1:4" ht="18" customHeight="1" x14ac:dyDescent="0.15">
      <c r="A12" s="5">
        <v>6</v>
      </c>
      <c r="B12" s="27">
        <v>20</v>
      </c>
      <c r="C12" s="14">
        <v>19</v>
      </c>
      <c r="D12" s="18">
        <v>39</v>
      </c>
    </row>
    <row r="13" spans="1:4" ht="18" customHeight="1" x14ac:dyDescent="0.15">
      <c r="A13" s="5">
        <v>7</v>
      </c>
      <c r="B13" s="27">
        <v>18</v>
      </c>
      <c r="C13" s="14">
        <v>19</v>
      </c>
      <c r="D13" s="18">
        <v>37</v>
      </c>
    </row>
    <row r="14" spans="1:4" ht="18" customHeight="1" x14ac:dyDescent="0.15">
      <c r="A14" s="5">
        <v>8</v>
      </c>
      <c r="B14" s="27">
        <v>25</v>
      </c>
      <c r="C14" s="14">
        <v>32</v>
      </c>
      <c r="D14" s="18">
        <v>57</v>
      </c>
    </row>
    <row r="15" spans="1:4" ht="18" customHeight="1" x14ac:dyDescent="0.15">
      <c r="A15" s="5">
        <v>9</v>
      </c>
      <c r="B15" s="27">
        <v>20</v>
      </c>
      <c r="C15" s="14">
        <v>24</v>
      </c>
      <c r="D15" s="18">
        <v>44</v>
      </c>
    </row>
    <row r="16" spans="1:4" ht="18" customHeight="1" x14ac:dyDescent="0.15">
      <c r="A16" s="5" t="s">
        <v>11</v>
      </c>
      <c r="B16" s="22">
        <v>101</v>
      </c>
      <c r="C16" s="14">
        <v>115</v>
      </c>
      <c r="D16" s="18">
        <v>216</v>
      </c>
    </row>
    <row r="17" spans="1:4" ht="18" customHeight="1" x14ac:dyDescent="0.15">
      <c r="A17" s="5">
        <v>10</v>
      </c>
      <c r="B17" s="22">
        <v>29</v>
      </c>
      <c r="C17" s="14">
        <v>18</v>
      </c>
      <c r="D17" s="18">
        <v>47</v>
      </c>
    </row>
    <row r="18" spans="1:4" ht="18" customHeight="1" x14ac:dyDescent="0.15">
      <c r="A18" s="5">
        <v>11</v>
      </c>
      <c r="B18" s="22">
        <v>25</v>
      </c>
      <c r="C18" s="14">
        <v>28</v>
      </c>
      <c r="D18" s="18">
        <v>53</v>
      </c>
    </row>
    <row r="19" spans="1:4" ht="18" customHeight="1" x14ac:dyDescent="0.15">
      <c r="A19" s="5">
        <v>12</v>
      </c>
      <c r="B19" s="22">
        <v>26</v>
      </c>
      <c r="C19" s="14">
        <v>12</v>
      </c>
      <c r="D19" s="18">
        <v>38</v>
      </c>
    </row>
    <row r="20" spans="1:4" ht="18" customHeight="1" x14ac:dyDescent="0.15">
      <c r="A20" s="5">
        <v>13</v>
      </c>
      <c r="B20" s="22">
        <v>24</v>
      </c>
      <c r="C20" s="14">
        <v>24</v>
      </c>
      <c r="D20" s="18">
        <v>48</v>
      </c>
    </row>
    <row r="21" spans="1:4" ht="18" customHeight="1" x14ac:dyDescent="0.15">
      <c r="A21" s="5">
        <v>14</v>
      </c>
      <c r="B21" s="22">
        <v>26</v>
      </c>
      <c r="C21" s="14">
        <v>22</v>
      </c>
      <c r="D21" s="18">
        <v>48</v>
      </c>
    </row>
    <row r="22" spans="1:4" ht="18" customHeight="1" x14ac:dyDescent="0.15">
      <c r="A22" s="5" t="s">
        <v>12</v>
      </c>
      <c r="B22" s="22">
        <v>130</v>
      </c>
      <c r="C22" s="14">
        <v>104</v>
      </c>
      <c r="D22" s="18">
        <v>234</v>
      </c>
    </row>
    <row r="23" spans="1:4" ht="18" customHeight="1" x14ac:dyDescent="0.15">
      <c r="A23" s="5" t="s">
        <v>6</v>
      </c>
      <c r="B23" s="22">
        <v>302</v>
      </c>
      <c r="C23" s="14">
        <v>281</v>
      </c>
      <c r="D23" s="18">
        <v>583</v>
      </c>
    </row>
    <row r="24" spans="1:4" ht="18" customHeight="1" x14ac:dyDescent="0.15">
      <c r="A24" s="5">
        <v>15</v>
      </c>
      <c r="B24" s="22">
        <v>30</v>
      </c>
      <c r="C24" s="14">
        <v>38</v>
      </c>
      <c r="D24" s="18">
        <v>68</v>
      </c>
    </row>
    <row r="25" spans="1:4" ht="18" customHeight="1" x14ac:dyDescent="0.15">
      <c r="A25" s="5">
        <v>16</v>
      </c>
      <c r="B25" s="22">
        <v>31</v>
      </c>
      <c r="C25" s="14">
        <v>33</v>
      </c>
      <c r="D25" s="18">
        <v>64</v>
      </c>
    </row>
    <row r="26" spans="1:4" ht="18" customHeight="1" x14ac:dyDescent="0.15">
      <c r="A26" s="5">
        <v>17</v>
      </c>
      <c r="B26" s="22">
        <v>29</v>
      </c>
      <c r="C26" s="14">
        <v>39</v>
      </c>
      <c r="D26" s="18">
        <v>68</v>
      </c>
    </row>
    <row r="27" spans="1:4" ht="18" customHeight="1" x14ac:dyDescent="0.15">
      <c r="A27" s="5">
        <v>18</v>
      </c>
      <c r="B27" s="22">
        <v>37</v>
      </c>
      <c r="C27" s="14">
        <v>26</v>
      </c>
      <c r="D27" s="18">
        <v>63</v>
      </c>
    </row>
    <row r="28" spans="1:4" ht="18" customHeight="1" x14ac:dyDescent="0.15">
      <c r="A28" s="5">
        <v>19</v>
      </c>
      <c r="B28" s="22">
        <v>30</v>
      </c>
      <c r="C28" s="14">
        <v>42</v>
      </c>
      <c r="D28" s="18">
        <v>72</v>
      </c>
    </row>
    <row r="29" spans="1:4" ht="18" customHeight="1" x14ac:dyDescent="0.15">
      <c r="A29" s="5" t="s">
        <v>14</v>
      </c>
      <c r="B29" s="22">
        <v>157</v>
      </c>
      <c r="C29" s="14">
        <v>178</v>
      </c>
      <c r="D29" s="18">
        <v>335</v>
      </c>
    </row>
    <row r="30" spans="1:4" ht="18" customHeight="1" x14ac:dyDescent="0.15">
      <c r="A30" s="5">
        <v>20</v>
      </c>
      <c r="B30" s="22">
        <v>30</v>
      </c>
      <c r="C30" s="14">
        <v>34</v>
      </c>
      <c r="D30" s="18">
        <v>64</v>
      </c>
    </row>
    <row r="31" spans="1:4" ht="18" customHeight="1" x14ac:dyDescent="0.15">
      <c r="A31" s="5">
        <v>21</v>
      </c>
      <c r="B31" s="22">
        <v>31</v>
      </c>
      <c r="C31" s="14">
        <v>41</v>
      </c>
      <c r="D31" s="18">
        <v>72</v>
      </c>
    </row>
    <row r="32" spans="1:4" ht="18" customHeight="1" x14ac:dyDescent="0.15">
      <c r="A32" s="5">
        <v>22</v>
      </c>
      <c r="B32" s="22">
        <v>34</v>
      </c>
      <c r="C32" s="14">
        <v>35</v>
      </c>
      <c r="D32" s="18">
        <v>69</v>
      </c>
    </row>
    <row r="33" spans="1:4" ht="18" customHeight="1" x14ac:dyDescent="0.15">
      <c r="A33" s="5">
        <v>23</v>
      </c>
      <c r="B33" s="22">
        <v>39</v>
      </c>
      <c r="C33" s="14">
        <v>28</v>
      </c>
      <c r="D33" s="18">
        <v>67</v>
      </c>
    </row>
    <row r="34" spans="1:4" ht="18" customHeight="1" x14ac:dyDescent="0.15">
      <c r="A34" s="5">
        <v>24</v>
      </c>
      <c r="B34" s="22">
        <v>33</v>
      </c>
      <c r="C34" s="14">
        <v>33</v>
      </c>
      <c r="D34" s="18">
        <v>66</v>
      </c>
    </row>
    <row r="35" spans="1:4" ht="18" customHeight="1" x14ac:dyDescent="0.15">
      <c r="A35" s="5" t="s">
        <v>9</v>
      </c>
      <c r="B35" s="22">
        <v>167</v>
      </c>
      <c r="C35" s="14">
        <v>171</v>
      </c>
      <c r="D35" s="18">
        <v>338</v>
      </c>
    </row>
    <row r="36" spans="1:4" ht="18" customHeight="1" x14ac:dyDescent="0.15">
      <c r="A36" s="5">
        <v>25</v>
      </c>
      <c r="B36" s="22">
        <v>36</v>
      </c>
      <c r="C36" s="14">
        <v>30</v>
      </c>
      <c r="D36" s="18">
        <v>66</v>
      </c>
    </row>
    <row r="37" spans="1:4" ht="18" customHeight="1" x14ac:dyDescent="0.15">
      <c r="A37" s="5">
        <v>26</v>
      </c>
      <c r="B37" s="22">
        <v>26</v>
      </c>
      <c r="C37" s="14">
        <v>37</v>
      </c>
      <c r="D37" s="18">
        <v>63</v>
      </c>
    </row>
    <row r="38" spans="1:4" ht="18" customHeight="1" x14ac:dyDescent="0.15">
      <c r="A38" s="5">
        <v>27</v>
      </c>
      <c r="B38" s="22">
        <v>33</v>
      </c>
      <c r="C38" s="14">
        <v>27</v>
      </c>
      <c r="D38" s="18">
        <v>60</v>
      </c>
    </row>
    <row r="39" spans="1:4" ht="18" customHeight="1" x14ac:dyDescent="0.15">
      <c r="A39" s="5">
        <v>28</v>
      </c>
      <c r="B39" s="22">
        <v>30</v>
      </c>
      <c r="C39" s="14">
        <v>25</v>
      </c>
      <c r="D39" s="18">
        <v>55</v>
      </c>
    </row>
    <row r="40" spans="1:4" ht="18" customHeight="1" x14ac:dyDescent="0.15">
      <c r="A40" s="5">
        <v>29</v>
      </c>
      <c r="B40" s="22">
        <v>31</v>
      </c>
      <c r="C40" s="14">
        <v>22</v>
      </c>
      <c r="D40" s="18">
        <v>53</v>
      </c>
    </row>
    <row r="41" spans="1:4" ht="18" customHeight="1" x14ac:dyDescent="0.15">
      <c r="A41" s="5" t="s">
        <v>2</v>
      </c>
      <c r="B41" s="22">
        <v>156</v>
      </c>
      <c r="C41" s="14">
        <v>141</v>
      </c>
      <c r="D41" s="18">
        <v>297</v>
      </c>
    </row>
    <row r="42" spans="1:4" ht="18" customHeight="1" x14ac:dyDescent="0.15">
      <c r="A42" s="5">
        <v>30</v>
      </c>
      <c r="B42" s="22">
        <v>15</v>
      </c>
      <c r="C42" s="14">
        <v>21</v>
      </c>
      <c r="D42" s="18">
        <v>36</v>
      </c>
    </row>
    <row r="43" spans="1:4" ht="18" customHeight="1" x14ac:dyDescent="0.15">
      <c r="A43" s="5">
        <v>31</v>
      </c>
      <c r="B43" s="22">
        <v>26</v>
      </c>
      <c r="C43" s="14">
        <v>19</v>
      </c>
      <c r="D43" s="18">
        <v>45</v>
      </c>
    </row>
    <row r="44" spans="1:4" ht="18" customHeight="1" x14ac:dyDescent="0.15">
      <c r="A44" s="5">
        <v>32</v>
      </c>
      <c r="B44" s="22">
        <v>20</v>
      </c>
      <c r="C44" s="14">
        <v>15</v>
      </c>
      <c r="D44" s="18">
        <v>35</v>
      </c>
    </row>
    <row r="45" spans="1:4" ht="18" customHeight="1" x14ac:dyDescent="0.15">
      <c r="A45" s="5">
        <v>33</v>
      </c>
      <c r="B45" s="22">
        <v>27</v>
      </c>
      <c r="C45" s="14">
        <v>20</v>
      </c>
      <c r="D45" s="18">
        <v>47</v>
      </c>
    </row>
    <row r="46" spans="1:4" ht="18" customHeight="1" x14ac:dyDescent="0.15">
      <c r="A46" s="5">
        <v>34</v>
      </c>
      <c r="B46" s="22">
        <v>24</v>
      </c>
      <c r="C46" s="14">
        <v>20</v>
      </c>
      <c r="D46" s="18">
        <v>44</v>
      </c>
    </row>
    <row r="47" spans="1:4" ht="18" customHeight="1" x14ac:dyDescent="0.15">
      <c r="A47" s="5" t="s">
        <v>15</v>
      </c>
      <c r="B47" s="22">
        <v>112</v>
      </c>
      <c r="C47" s="14">
        <v>95</v>
      </c>
      <c r="D47" s="18">
        <v>207</v>
      </c>
    </row>
    <row r="48" spans="1:4" ht="18" customHeight="1" x14ac:dyDescent="0.15">
      <c r="A48" s="5">
        <v>35</v>
      </c>
      <c r="B48" s="22">
        <v>15</v>
      </c>
      <c r="C48" s="14">
        <v>17</v>
      </c>
      <c r="D48" s="18">
        <v>32</v>
      </c>
    </row>
    <row r="49" spans="1:4" ht="18" customHeight="1" x14ac:dyDescent="0.15">
      <c r="A49" s="5">
        <v>36</v>
      </c>
      <c r="B49" s="22">
        <v>26</v>
      </c>
      <c r="C49" s="14">
        <v>31</v>
      </c>
      <c r="D49" s="18">
        <v>57</v>
      </c>
    </row>
    <row r="50" spans="1:4" ht="18" customHeight="1" x14ac:dyDescent="0.15">
      <c r="A50" s="5">
        <v>37</v>
      </c>
      <c r="B50" s="22">
        <v>31</v>
      </c>
      <c r="C50" s="14">
        <v>31</v>
      </c>
      <c r="D50" s="18">
        <v>62</v>
      </c>
    </row>
    <row r="51" spans="1:4" ht="18" customHeight="1" x14ac:dyDescent="0.15">
      <c r="A51" s="5">
        <v>38</v>
      </c>
      <c r="B51" s="22">
        <v>21</v>
      </c>
      <c r="C51" s="14">
        <v>28</v>
      </c>
      <c r="D51" s="18">
        <v>49</v>
      </c>
    </row>
    <row r="52" spans="1:4" ht="18" customHeight="1" x14ac:dyDescent="0.15">
      <c r="A52" s="5">
        <v>39</v>
      </c>
      <c r="B52" s="22">
        <v>27</v>
      </c>
      <c r="C52" s="14">
        <v>21</v>
      </c>
      <c r="D52" s="18">
        <v>48</v>
      </c>
    </row>
    <row r="53" spans="1:4" ht="18" customHeight="1" x14ac:dyDescent="0.15">
      <c r="A53" s="5" t="s">
        <v>18</v>
      </c>
      <c r="B53" s="22">
        <v>120</v>
      </c>
      <c r="C53" s="14">
        <v>128</v>
      </c>
      <c r="D53" s="18">
        <v>248</v>
      </c>
    </row>
    <row r="54" spans="1:4" ht="18" customHeight="1" x14ac:dyDescent="0.15">
      <c r="A54" s="5">
        <v>40</v>
      </c>
      <c r="B54" s="22">
        <v>33</v>
      </c>
      <c r="C54" s="14">
        <v>26</v>
      </c>
      <c r="D54" s="18">
        <v>59</v>
      </c>
    </row>
    <row r="55" spans="1:4" ht="18" customHeight="1" x14ac:dyDescent="0.15">
      <c r="A55" s="5">
        <v>41</v>
      </c>
      <c r="B55" s="22">
        <v>26</v>
      </c>
      <c r="C55" s="14">
        <v>32</v>
      </c>
      <c r="D55" s="18">
        <v>58</v>
      </c>
    </row>
    <row r="56" spans="1:4" ht="18" customHeight="1" x14ac:dyDescent="0.15">
      <c r="A56" s="5">
        <v>42</v>
      </c>
      <c r="B56" s="22">
        <v>30</v>
      </c>
      <c r="C56" s="14">
        <v>31</v>
      </c>
      <c r="D56" s="18">
        <v>61</v>
      </c>
    </row>
    <row r="57" spans="1:4" ht="18" customHeight="1" x14ac:dyDescent="0.15">
      <c r="A57" s="5">
        <v>43</v>
      </c>
      <c r="B57" s="22">
        <v>39</v>
      </c>
      <c r="C57" s="14">
        <v>41</v>
      </c>
      <c r="D57" s="18">
        <v>80</v>
      </c>
    </row>
    <row r="58" spans="1:4" ht="18" customHeight="1" x14ac:dyDescent="0.15">
      <c r="A58" s="5">
        <v>44</v>
      </c>
      <c r="B58" s="22">
        <v>51</v>
      </c>
      <c r="C58" s="14">
        <v>45</v>
      </c>
      <c r="D58" s="18">
        <v>96</v>
      </c>
    </row>
    <row r="59" spans="1:4" ht="18" customHeight="1" x14ac:dyDescent="0.15">
      <c r="A59" s="5" t="s">
        <v>21</v>
      </c>
      <c r="B59" s="22">
        <v>179</v>
      </c>
      <c r="C59" s="14">
        <v>175</v>
      </c>
      <c r="D59" s="18">
        <v>354</v>
      </c>
    </row>
    <row r="60" spans="1:4" ht="18" customHeight="1" x14ac:dyDescent="0.15">
      <c r="A60" s="5">
        <v>45</v>
      </c>
      <c r="B60" s="22">
        <v>41</v>
      </c>
      <c r="C60" s="14">
        <v>28</v>
      </c>
      <c r="D60" s="18">
        <v>69</v>
      </c>
    </row>
    <row r="61" spans="1:4" ht="18" customHeight="1" x14ac:dyDescent="0.15">
      <c r="A61" s="5">
        <v>46</v>
      </c>
      <c r="B61" s="22">
        <v>42</v>
      </c>
      <c r="C61" s="14">
        <v>42</v>
      </c>
      <c r="D61" s="18">
        <v>84</v>
      </c>
    </row>
    <row r="62" spans="1:4" ht="18" customHeight="1" x14ac:dyDescent="0.15">
      <c r="A62" s="5">
        <v>47</v>
      </c>
      <c r="B62" s="22">
        <v>49</v>
      </c>
      <c r="C62" s="14">
        <v>48</v>
      </c>
      <c r="D62" s="18">
        <v>97</v>
      </c>
    </row>
    <row r="63" spans="1:4" ht="18" customHeight="1" x14ac:dyDescent="0.15">
      <c r="A63" s="5">
        <v>48</v>
      </c>
      <c r="B63" s="22">
        <v>53</v>
      </c>
      <c r="C63" s="14">
        <v>32</v>
      </c>
      <c r="D63" s="18">
        <v>85</v>
      </c>
    </row>
    <row r="64" spans="1:4" ht="18" customHeight="1" x14ac:dyDescent="0.15">
      <c r="A64" s="5">
        <v>49</v>
      </c>
      <c r="B64" s="22">
        <v>51</v>
      </c>
      <c r="C64" s="14">
        <v>52</v>
      </c>
      <c r="D64" s="18">
        <v>103</v>
      </c>
    </row>
    <row r="65" spans="1:4" ht="18" customHeight="1" x14ac:dyDescent="0.15">
      <c r="A65" s="5" t="s">
        <v>17</v>
      </c>
      <c r="B65" s="22">
        <v>236</v>
      </c>
      <c r="C65" s="14">
        <v>202</v>
      </c>
      <c r="D65" s="18">
        <v>438</v>
      </c>
    </row>
    <row r="66" spans="1:4" ht="18" customHeight="1" x14ac:dyDescent="0.15">
      <c r="A66" s="5">
        <v>50</v>
      </c>
      <c r="B66" s="22">
        <v>52</v>
      </c>
      <c r="C66" s="14">
        <v>63</v>
      </c>
      <c r="D66" s="18">
        <v>115</v>
      </c>
    </row>
    <row r="67" spans="1:4" ht="18" customHeight="1" x14ac:dyDescent="0.15">
      <c r="A67" s="5">
        <v>51</v>
      </c>
      <c r="B67" s="22">
        <v>58</v>
      </c>
      <c r="C67" s="14">
        <v>54</v>
      </c>
      <c r="D67" s="18">
        <v>112</v>
      </c>
    </row>
    <row r="68" spans="1:4" ht="18" customHeight="1" x14ac:dyDescent="0.15">
      <c r="A68" s="5">
        <v>52</v>
      </c>
      <c r="B68" s="22">
        <v>62</v>
      </c>
      <c r="C68" s="14">
        <v>56</v>
      </c>
      <c r="D68" s="18">
        <v>118</v>
      </c>
    </row>
    <row r="69" spans="1:4" ht="18" customHeight="1" x14ac:dyDescent="0.15">
      <c r="A69" s="5">
        <v>53</v>
      </c>
      <c r="B69" s="22">
        <v>55</v>
      </c>
      <c r="C69" s="14">
        <v>50</v>
      </c>
      <c r="D69" s="18">
        <v>105</v>
      </c>
    </row>
    <row r="70" spans="1:4" ht="18" customHeight="1" x14ac:dyDescent="0.15">
      <c r="A70" s="5">
        <v>54</v>
      </c>
      <c r="B70" s="22">
        <v>54</v>
      </c>
      <c r="C70" s="14">
        <v>50</v>
      </c>
      <c r="D70" s="18">
        <v>104</v>
      </c>
    </row>
    <row r="71" spans="1:4" ht="18" customHeight="1" x14ac:dyDescent="0.15">
      <c r="A71" s="5" t="s">
        <v>22</v>
      </c>
      <c r="B71" s="22">
        <v>281</v>
      </c>
      <c r="C71" s="14">
        <v>273</v>
      </c>
      <c r="D71" s="18">
        <v>554</v>
      </c>
    </row>
    <row r="72" spans="1:4" ht="18" customHeight="1" x14ac:dyDescent="0.15">
      <c r="A72" s="5">
        <v>55</v>
      </c>
      <c r="B72" s="22">
        <v>53</v>
      </c>
      <c r="C72" s="14">
        <v>56</v>
      </c>
      <c r="D72" s="18">
        <v>109</v>
      </c>
    </row>
    <row r="73" spans="1:4" ht="18" customHeight="1" x14ac:dyDescent="0.15">
      <c r="A73" s="5">
        <v>56</v>
      </c>
      <c r="B73" s="22">
        <v>46</v>
      </c>
      <c r="C73" s="14">
        <v>46</v>
      </c>
      <c r="D73" s="18">
        <v>92</v>
      </c>
    </row>
    <row r="74" spans="1:4" ht="18" customHeight="1" x14ac:dyDescent="0.15">
      <c r="A74" s="5">
        <v>57</v>
      </c>
      <c r="B74" s="22">
        <v>32</v>
      </c>
      <c r="C74" s="14">
        <v>42</v>
      </c>
      <c r="D74" s="18">
        <v>74</v>
      </c>
    </row>
    <row r="75" spans="1:4" ht="18" customHeight="1" x14ac:dyDescent="0.15">
      <c r="A75" s="5">
        <v>58</v>
      </c>
      <c r="B75" s="22">
        <v>39</v>
      </c>
      <c r="C75" s="14">
        <v>41</v>
      </c>
      <c r="D75" s="18">
        <v>80</v>
      </c>
    </row>
    <row r="76" spans="1:4" ht="18" customHeight="1" x14ac:dyDescent="0.15">
      <c r="A76" s="5">
        <v>59</v>
      </c>
      <c r="B76" s="22">
        <v>33</v>
      </c>
      <c r="C76" s="14">
        <v>31</v>
      </c>
      <c r="D76" s="18">
        <v>64</v>
      </c>
    </row>
    <row r="77" spans="1:4" ht="18" customHeight="1" x14ac:dyDescent="0.15">
      <c r="A77" s="5" t="s">
        <v>27</v>
      </c>
      <c r="B77" s="22">
        <v>203</v>
      </c>
      <c r="C77" s="14">
        <v>216</v>
      </c>
      <c r="D77" s="18">
        <v>419</v>
      </c>
    </row>
    <row r="78" spans="1:4" ht="18" customHeight="1" x14ac:dyDescent="0.15">
      <c r="A78" s="5">
        <v>60</v>
      </c>
      <c r="B78" s="22">
        <v>39</v>
      </c>
      <c r="C78" s="14">
        <v>30</v>
      </c>
      <c r="D78" s="18">
        <v>69</v>
      </c>
    </row>
    <row r="79" spans="1:4" ht="18" customHeight="1" x14ac:dyDescent="0.15">
      <c r="A79" s="5">
        <v>61</v>
      </c>
      <c r="B79" s="22">
        <v>53</v>
      </c>
      <c r="C79" s="14">
        <v>42</v>
      </c>
      <c r="D79" s="18">
        <v>95</v>
      </c>
    </row>
    <row r="80" spans="1:4" ht="18" customHeight="1" x14ac:dyDescent="0.15">
      <c r="A80" s="5">
        <v>62</v>
      </c>
      <c r="B80" s="22">
        <v>43</v>
      </c>
      <c r="C80" s="14">
        <v>48</v>
      </c>
      <c r="D80" s="18">
        <v>91</v>
      </c>
    </row>
    <row r="81" spans="1:4" ht="18" customHeight="1" x14ac:dyDescent="0.15">
      <c r="A81" s="5">
        <v>63</v>
      </c>
      <c r="B81" s="22">
        <v>37</v>
      </c>
      <c r="C81" s="14">
        <v>41</v>
      </c>
      <c r="D81" s="18">
        <v>78</v>
      </c>
    </row>
    <row r="82" spans="1:4" ht="18" customHeight="1" x14ac:dyDescent="0.15">
      <c r="A82" s="5">
        <v>64</v>
      </c>
      <c r="B82" s="22">
        <v>39</v>
      </c>
      <c r="C82" s="14">
        <v>30</v>
      </c>
      <c r="D82" s="18">
        <v>69</v>
      </c>
    </row>
    <row r="83" spans="1:4" ht="18" customHeight="1" x14ac:dyDescent="0.15">
      <c r="A83" s="5" t="s">
        <v>28</v>
      </c>
      <c r="B83" s="22">
        <v>211</v>
      </c>
      <c r="C83" s="14">
        <v>191</v>
      </c>
      <c r="D83" s="18">
        <v>402</v>
      </c>
    </row>
    <row r="84" spans="1:4" ht="18" customHeight="1" x14ac:dyDescent="0.15">
      <c r="A84" s="5" t="s">
        <v>31</v>
      </c>
      <c r="B84" s="22">
        <v>1822</v>
      </c>
      <c r="C84" s="14">
        <v>1770</v>
      </c>
      <c r="D84" s="18">
        <v>3592</v>
      </c>
    </row>
    <row r="85" spans="1:4" ht="18" customHeight="1" x14ac:dyDescent="0.15">
      <c r="A85" s="5">
        <v>65</v>
      </c>
      <c r="B85" s="22">
        <v>45</v>
      </c>
      <c r="C85" s="14">
        <v>33</v>
      </c>
      <c r="D85" s="18">
        <v>78</v>
      </c>
    </row>
    <row r="86" spans="1:4" ht="18" customHeight="1" x14ac:dyDescent="0.15">
      <c r="A86" s="5">
        <v>66</v>
      </c>
      <c r="B86" s="22">
        <v>38</v>
      </c>
      <c r="C86" s="14">
        <v>38</v>
      </c>
      <c r="D86" s="18">
        <v>76</v>
      </c>
    </row>
    <row r="87" spans="1:4" ht="18" customHeight="1" x14ac:dyDescent="0.15">
      <c r="A87" s="5">
        <v>67</v>
      </c>
      <c r="B87" s="22">
        <v>39</v>
      </c>
      <c r="C87" s="14">
        <v>41</v>
      </c>
      <c r="D87" s="18">
        <v>80</v>
      </c>
    </row>
    <row r="88" spans="1:4" ht="18" customHeight="1" x14ac:dyDescent="0.15">
      <c r="A88" s="5">
        <v>68</v>
      </c>
      <c r="B88" s="22">
        <v>43</v>
      </c>
      <c r="C88" s="14">
        <v>45</v>
      </c>
      <c r="D88" s="18">
        <v>88</v>
      </c>
    </row>
    <row r="89" spans="1:4" ht="18" customHeight="1" x14ac:dyDescent="0.15">
      <c r="A89" s="5">
        <v>69</v>
      </c>
      <c r="B89" s="22">
        <v>29</v>
      </c>
      <c r="C89" s="14">
        <v>42</v>
      </c>
      <c r="D89" s="18">
        <v>71</v>
      </c>
    </row>
    <row r="90" spans="1:4" ht="18" customHeight="1" x14ac:dyDescent="0.15">
      <c r="A90" s="5" t="s">
        <v>20</v>
      </c>
      <c r="B90" s="22">
        <v>194</v>
      </c>
      <c r="C90" s="14">
        <v>199</v>
      </c>
      <c r="D90" s="18">
        <v>393</v>
      </c>
    </row>
    <row r="91" spans="1:4" ht="18" customHeight="1" x14ac:dyDescent="0.15">
      <c r="A91" s="5">
        <v>70</v>
      </c>
      <c r="B91" s="22">
        <v>44</v>
      </c>
      <c r="C91" s="14">
        <v>44</v>
      </c>
      <c r="D91" s="18">
        <v>88</v>
      </c>
    </row>
    <row r="92" spans="1:4" ht="18" customHeight="1" x14ac:dyDescent="0.15">
      <c r="A92" s="5">
        <v>71</v>
      </c>
      <c r="B92" s="22">
        <v>57</v>
      </c>
      <c r="C92" s="14">
        <v>48</v>
      </c>
      <c r="D92" s="18">
        <v>105</v>
      </c>
    </row>
    <row r="93" spans="1:4" ht="18" customHeight="1" x14ac:dyDescent="0.15">
      <c r="A93" s="5">
        <v>72</v>
      </c>
      <c r="B93" s="22">
        <v>48</v>
      </c>
      <c r="C93" s="14">
        <v>48</v>
      </c>
      <c r="D93" s="18">
        <v>96</v>
      </c>
    </row>
    <row r="94" spans="1:4" ht="18" customHeight="1" x14ac:dyDescent="0.15">
      <c r="A94" s="5">
        <v>73</v>
      </c>
      <c r="B94" s="22">
        <v>42</v>
      </c>
      <c r="C94" s="14">
        <v>48</v>
      </c>
      <c r="D94" s="18">
        <v>90</v>
      </c>
    </row>
    <row r="95" spans="1:4" ht="18" customHeight="1" x14ac:dyDescent="0.15">
      <c r="A95" s="5">
        <v>74</v>
      </c>
      <c r="B95" s="22">
        <v>44</v>
      </c>
      <c r="C95" s="14">
        <v>70</v>
      </c>
      <c r="D95" s="18">
        <v>114</v>
      </c>
    </row>
    <row r="96" spans="1:4" ht="18" customHeight="1" x14ac:dyDescent="0.15">
      <c r="A96" s="5" t="s">
        <v>33</v>
      </c>
      <c r="B96" s="22">
        <v>235</v>
      </c>
      <c r="C96" s="14">
        <v>258</v>
      </c>
      <c r="D96" s="18">
        <v>493</v>
      </c>
    </row>
    <row r="97" spans="1:4" ht="18" customHeight="1" x14ac:dyDescent="0.15">
      <c r="A97" s="5">
        <v>75</v>
      </c>
      <c r="B97" s="22">
        <v>52</v>
      </c>
      <c r="C97" s="14">
        <v>71</v>
      </c>
      <c r="D97" s="18">
        <v>123</v>
      </c>
    </row>
    <row r="98" spans="1:4" ht="18" customHeight="1" x14ac:dyDescent="0.15">
      <c r="A98" s="5">
        <v>76</v>
      </c>
      <c r="B98" s="22">
        <v>71</v>
      </c>
      <c r="C98" s="14">
        <v>80</v>
      </c>
      <c r="D98" s="18">
        <v>151</v>
      </c>
    </row>
    <row r="99" spans="1:4" ht="18" customHeight="1" x14ac:dyDescent="0.15">
      <c r="A99" s="5">
        <v>77</v>
      </c>
      <c r="B99" s="22">
        <v>68</v>
      </c>
      <c r="C99" s="14">
        <v>56</v>
      </c>
      <c r="D99" s="18">
        <v>124</v>
      </c>
    </row>
    <row r="100" spans="1:4" ht="18" customHeight="1" x14ac:dyDescent="0.15">
      <c r="A100" s="5">
        <v>78</v>
      </c>
      <c r="B100" s="22">
        <v>57</v>
      </c>
      <c r="C100" s="14">
        <v>66</v>
      </c>
      <c r="D100" s="18">
        <v>123</v>
      </c>
    </row>
    <row r="101" spans="1:4" ht="18" customHeight="1" x14ac:dyDescent="0.15">
      <c r="A101" s="5">
        <v>79</v>
      </c>
      <c r="B101" s="22">
        <v>35</v>
      </c>
      <c r="C101" s="14">
        <v>49</v>
      </c>
      <c r="D101" s="18">
        <v>84</v>
      </c>
    </row>
    <row r="102" spans="1:4" ht="18" customHeight="1" x14ac:dyDescent="0.15">
      <c r="A102" s="5" t="s">
        <v>0</v>
      </c>
      <c r="B102" s="22">
        <v>283</v>
      </c>
      <c r="C102" s="14">
        <v>322</v>
      </c>
      <c r="D102" s="18">
        <v>605</v>
      </c>
    </row>
    <row r="103" spans="1:4" ht="18" customHeight="1" x14ac:dyDescent="0.15">
      <c r="A103" s="5">
        <v>80</v>
      </c>
      <c r="B103" s="22">
        <v>21</v>
      </c>
      <c r="C103" s="14">
        <v>19</v>
      </c>
      <c r="D103" s="18">
        <v>40</v>
      </c>
    </row>
    <row r="104" spans="1:4" ht="18" customHeight="1" x14ac:dyDescent="0.15">
      <c r="A104" s="5">
        <v>81</v>
      </c>
      <c r="B104" s="22">
        <v>34</v>
      </c>
      <c r="C104" s="14">
        <v>41</v>
      </c>
      <c r="D104" s="18">
        <v>75</v>
      </c>
    </row>
    <row r="105" spans="1:4" ht="18" customHeight="1" x14ac:dyDescent="0.15">
      <c r="A105" s="5">
        <v>82</v>
      </c>
      <c r="B105" s="22">
        <v>39</v>
      </c>
      <c r="C105" s="14">
        <v>25</v>
      </c>
      <c r="D105" s="18">
        <v>64</v>
      </c>
    </row>
    <row r="106" spans="1:4" ht="18" customHeight="1" x14ac:dyDescent="0.15">
      <c r="A106" s="5">
        <v>83</v>
      </c>
      <c r="B106" s="22">
        <v>25</v>
      </c>
      <c r="C106" s="14">
        <v>28</v>
      </c>
      <c r="D106" s="18">
        <v>53</v>
      </c>
    </row>
    <row r="107" spans="1:4" ht="18" customHeight="1" x14ac:dyDescent="0.15">
      <c r="A107" s="5">
        <v>84</v>
      </c>
      <c r="B107" s="22">
        <v>33</v>
      </c>
      <c r="C107" s="14">
        <v>38</v>
      </c>
      <c r="D107" s="18">
        <v>71</v>
      </c>
    </row>
    <row r="108" spans="1:4" ht="18" customHeight="1" x14ac:dyDescent="0.15">
      <c r="A108" s="5" t="s">
        <v>35</v>
      </c>
      <c r="B108" s="22">
        <v>152</v>
      </c>
      <c r="C108" s="14">
        <v>151</v>
      </c>
      <c r="D108" s="18">
        <v>303</v>
      </c>
    </row>
    <row r="109" spans="1:4" ht="18" customHeight="1" x14ac:dyDescent="0.15">
      <c r="A109" s="5">
        <v>85</v>
      </c>
      <c r="B109" s="22">
        <v>16</v>
      </c>
      <c r="C109" s="14">
        <v>24</v>
      </c>
      <c r="D109" s="18">
        <v>40</v>
      </c>
    </row>
    <row r="110" spans="1:4" ht="18" customHeight="1" x14ac:dyDescent="0.15">
      <c r="A110" s="5">
        <v>86</v>
      </c>
      <c r="B110" s="22">
        <v>19</v>
      </c>
      <c r="C110" s="14">
        <v>30</v>
      </c>
      <c r="D110" s="18">
        <v>49</v>
      </c>
    </row>
    <row r="111" spans="1:4" ht="18" customHeight="1" x14ac:dyDescent="0.15">
      <c r="A111" s="5">
        <v>87</v>
      </c>
      <c r="B111" s="22">
        <v>11</v>
      </c>
      <c r="C111" s="14">
        <v>25</v>
      </c>
      <c r="D111" s="18">
        <v>36</v>
      </c>
    </row>
    <row r="112" spans="1:4" ht="18" customHeight="1" x14ac:dyDescent="0.15">
      <c r="A112" s="5">
        <v>88</v>
      </c>
      <c r="B112" s="22">
        <v>14</v>
      </c>
      <c r="C112" s="14">
        <v>27</v>
      </c>
      <c r="D112" s="18">
        <v>41</v>
      </c>
    </row>
    <row r="113" spans="1:4" ht="18" customHeight="1" x14ac:dyDescent="0.15">
      <c r="A113" s="5">
        <v>89</v>
      </c>
      <c r="B113" s="22">
        <v>13</v>
      </c>
      <c r="C113" s="14">
        <v>30</v>
      </c>
      <c r="D113" s="18">
        <v>43</v>
      </c>
    </row>
    <row r="114" spans="1:4" ht="18" customHeight="1" x14ac:dyDescent="0.15">
      <c r="A114" s="5" t="s">
        <v>37</v>
      </c>
      <c r="B114" s="22">
        <v>73</v>
      </c>
      <c r="C114" s="14">
        <v>136</v>
      </c>
      <c r="D114" s="18">
        <v>209</v>
      </c>
    </row>
    <row r="115" spans="1:4" ht="18" customHeight="1" x14ac:dyDescent="0.15">
      <c r="A115" s="5">
        <v>90</v>
      </c>
      <c r="B115" s="22">
        <v>18</v>
      </c>
      <c r="C115" s="14">
        <v>25</v>
      </c>
      <c r="D115" s="18">
        <v>43</v>
      </c>
    </row>
    <row r="116" spans="1:4" ht="18" customHeight="1" x14ac:dyDescent="0.15">
      <c r="A116" s="5">
        <v>91</v>
      </c>
      <c r="B116" s="22">
        <v>7</v>
      </c>
      <c r="C116" s="14">
        <v>22</v>
      </c>
      <c r="D116" s="18">
        <v>29</v>
      </c>
    </row>
    <row r="117" spans="1:4" ht="18" customHeight="1" x14ac:dyDescent="0.15">
      <c r="A117" s="5">
        <v>92</v>
      </c>
      <c r="B117" s="22">
        <v>7</v>
      </c>
      <c r="C117" s="14">
        <v>24</v>
      </c>
      <c r="D117" s="18">
        <v>31</v>
      </c>
    </row>
    <row r="118" spans="1:4" ht="18" customHeight="1" x14ac:dyDescent="0.15">
      <c r="A118" s="5">
        <v>93</v>
      </c>
      <c r="B118" s="22">
        <v>6</v>
      </c>
      <c r="C118" s="14">
        <v>23</v>
      </c>
      <c r="D118" s="18">
        <v>29</v>
      </c>
    </row>
    <row r="119" spans="1:4" ht="18" customHeight="1" x14ac:dyDescent="0.15">
      <c r="A119" s="5">
        <v>94</v>
      </c>
      <c r="B119" s="22">
        <v>3</v>
      </c>
      <c r="C119" s="14">
        <v>10</v>
      </c>
      <c r="D119" s="18">
        <v>13</v>
      </c>
    </row>
    <row r="120" spans="1:4" ht="18" customHeight="1" x14ac:dyDescent="0.15">
      <c r="A120" s="5" t="s">
        <v>39</v>
      </c>
      <c r="B120" s="22">
        <v>41</v>
      </c>
      <c r="C120" s="14">
        <v>104</v>
      </c>
      <c r="D120" s="18">
        <v>145</v>
      </c>
    </row>
    <row r="121" spans="1:4" ht="18" customHeight="1" x14ac:dyDescent="0.15">
      <c r="A121" s="5">
        <v>95</v>
      </c>
      <c r="B121" s="22">
        <v>6</v>
      </c>
      <c r="C121" s="14">
        <v>13</v>
      </c>
      <c r="D121" s="18">
        <v>19</v>
      </c>
    </row>
    <row r="122" spans="1:4" ht="18" customHeight="1" x14ac:dyDescent="0.15">
      <c r="A122" s="5">
        <v>96</v>
      </c>
      <c r="B122" s="22">
        <v>1</v>
      </c>
      <c r="C122" s="14">
        <v>14</v>
      </c>
      <c r="D122" s="18">
        <v>15</v>
      </c>
    </row>
    <row r="123" spans="1:4" ht="18" customHeight="1" x14ac:dyDescent="0.15">
      <c r="A123" s="5">
        <v>97</v>
      </c>
      <c r="B123" s="22">
        <v>4</v>
      </c>
      <c r="C123" s="14">
        <v>5</v>
      </c>
      <c r="D123" s="18">
        <v>9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12</v>
      </c>
      <c r="C126" s="14">
        <v>35</v>
      </c>
      <c r="D126" s="18">
        <v>47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990</v>
      </c>
      <c r="C130" s="14">
        <v>1209</v>
      </c>
      <c r="D130" s="18">
        <v>2199</v>
      </c>
    </row>
    <row r="131" spans="1:4" ht="18" customHeight="1" x14ac:dyDescent="0.15">
      <c r="A131" s="7" t="s">
        <v>45</v>
      </c>
      <c r="B131" s="23">
        <v>3114</v>
      </c>
      <c r="C131" s="15">
        <v>3260</v>
      </c>
      <c r="D131" s="19">
        <v>637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3</v>
      </c>
      <c r="C5" s="29">
        <v>0</v>
      </c>
      <c r="D5" s="31">
        <v>3</v>
      </c>
    </row>
    <row r="6" spans="1:4" ht="18" customHeight="1" x14ac:dyDescent="0.15">
      <c r="A6" s="5">
        <v>1</v>
      </c>
      <c r="B6" s="27">
        <v>0</v>
      </c>
      <c r="C6" s="14">
        <v>1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1</v>
      </c>
      <c r="D8" s="18">
        <v>2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4</v>
      </c>
      <c r="C10" s="14">
        <v>2</v>
      </c>
      <c r="D10" s="18">
        <v>6</v>
      </c>
    </row>
    <row r="11" spans="1:4" ht="18" customHeight="1" x14ac:dyDescent="0.15">
      <c r="A11" s="5">
        <v>5</v>
      </c>
      <c r="B11" s="27">
        <v>3</v>
      </c>
      <c r="C11" s="14">
        <v>1</v>
      </c>
      <c r="D11" s="18">
        <v>4</v>
      </c>
    </row>
    <row r="12" spans="1:4" ht="18" customHeight="1" x14ac:dyDescent="0.15">
      <c r="A12" s="5">
        <v>6</v>
      </c>
      <c r="B12" s="27">
        <v>1</v>
      </c>
      <c r="C12" s="14">
        <v>0</v>
      </c>
      <c r="D12" s="18">
        <v>1</v>
      </c>
    </row>
    <row r="13" spans="1:4" ht="18" customHeight="1" x14ac:dyDescent="0.15">
      <c r="A13" s="5">
        <v>7</v>
      </c>
      <c r="B13" s="27">
        <v>0</v>
      </c>
      <c r="C13" s="14">
        <v>4</v>
      </c>
      <c r="D13" s="18">
        <v>4</v>
      </c>
    </row>
    <row r="14" spans="1:4" ht="18" customHeight="1" x14ac:dyDescent="0.15">
      <c r="A14" s="5">
        <v>8</v>
      </c>
      <c r="B14" s="27">
        <v>3</v>
      </c>
      <c r="C14" s="14">
        <v>2</v>
      </c>
      <c r="D14" s="18">
        <v>5</v>
      </c>
    </row>
    <row r="15" spans="1:4" ht="18" customHeight="1" x14ac:dyDescent="0.15">
      <c r="A15" s="5">
        <v>9</v>
      </c>
      <c r="B15" s="27">
        <v>1</v>
      </c>
      <c r="C15" s="14">
        <v>4</v>
      </c>
      <c r="D15" s="18">
        <v>5</v>
      </c>
    </row>
    <row r="16" spans="1:4" ht="18" customHeight="1" x14ac:dyDescent="0.15">
      <c r="A16" s="5" t="s">
        <v>11</v>
      </c>
      <c r="B16" s="22">
        <v>8</v>
      </c>
      <c r="C16" s="14">
        <v>11</v>
      </c>
      <c r="D16" s="18">
        <v>19</v>
      </c>
    </row>
    <row r="17" spans="1:4" ht="18" customHeight="1" x14ac:dyDescent="0.15">
      <c r="A17" s="5">
        <v>10</v>
      </c>
      <c r="B17" s="22">
        <v>1</v>
      </c>
      <c r="C17" s="14">
        <v>2</v>
      </c>
      <c r="D17" s="18">
        <v>3</v>
      </c>
    </row>
    <row r="18" spans="1:4" ht="18" customHeight="1" x14ac:dyDescent="0.15">
      <c r="A18" s="5">
        <v>11</v>
      </c>
      <c r="B18" s="22">
        <v>2</v>
      </c>
      <c r="C18" s="14">
        <v>4</v>
      </c>
      <c r="D18" s="18">
        <v>6</v>
      </c>
    </row>
    <row r="19" spans="1:4" ht="18" customHeight="1" x14ac:dyDescent="0.15">
      <c r="A19" s="5">
        <v>12</v>
      </c>
      <c r="B19" s="22">
        <v>2</v>
      </c>
      <c r="C19" s="14">
        <v>5</v>
      </c>
      <c r="D19" s="18">
        <v>7</v>
      </c>
    </row>
    <row r="20" spans="1:4" ht="18" customHeight="1" x14ac:dyDescent="0.15">
      <c r="A20" s="5">
        <v>13</v>
      </c>
      <c r="B20" s="22">
        <v>2</v>
      </c>
      <c r="C20" s="14">
        <v>1</v>
      </c>
      <c r="D20" s="18">
        <v>3</v>
      </c>
    </row>
    <row r="21" spans="1:4" ht="18" customHeight="1" x14ac:dyDescent="0.15">
      <c r="A21" s="5">
        <v>14</v>
      </c>
      <c r="B21" s="22">
        <v>0</v>
      </c>
      <c r="C21" s="14">
        <v>2</v>
      </c>
      <c r="D21" s="18">
        <v>2</v>
      </c>
    </row>
    <row r="22" spans="1:4" ht="18" customHeight="1" x14ac:dyDescent="0.15">
      <c r="A22" s="5" t="s">
        <v>12</v>
      </c>
      <c r="B22" s="22">
        <v>7</v>
      </c>
      <c r="C22" s="14">
        <v>14</v>
      </c>
      <c r="D22" s="18">
        <v>21</v>
      </c>
    </row>
    <row r="23" spans="1:4" ht="18" customHeight="1" x14ac:dyDescent="0.15">
      <c r="A23" s="5" t="s">
        <v>6</v>
      </c>
      <c r="B23" s="22">
        <v>19</v>
      </c>
      <c r="C23" s="14">
        <v>27</v>
      </c>
      <c r="D23" s="18">
        <v>46</v>
      </c>
    </row>
    <row r="24" spans="1:4" ht="18" customHeight="1" x14ac:dyDescent="0.15">
      <c r="A24" s="5">
        <v>15</v>
      </c>
      <c r="B24" s="22">
        <v>0</v>
      </c>
      <c r="C24" s="14">
        <v>7</v>
      </c>
      <c r="D24" s="18">
        <v>7</v>
      </c>
    </row>
    <row r="25" spans="1:4" ht="18" customHeight="1" x14ac:dyDescent="0.15">
      <c r="A25" s="5">
        <v>16</v>
      </c>
      <c r="B25" s="22">
        <v>3</v>
      </c>
      <c r="C25" s="14">
        <v>0</v>
      </c>
      <c r="D25" s="18">
        <v>3</v>
      </c>
    </row>
    <row r="26" spans="1:4" ht="18" customHeight="1" x14ac:dyDescent="0.15">
      <c r="A26" s="5">
        <v>17</v>
      </c>
      <c r="B26" s="22">
        <v>5</v>
      </c>
      <c r="C26" s="14">
        <v>2</v>
      </c>
      <c r="D26" s="18">
        <v>7</v>
      </c>
    </row>
    <row r="27" spans="1:4" ht="18" customHeight="1" x14ac:dyDescent="0.15">
      <c r="A27" s="5">
        <v>18</v>
      </c>
      <c r="B27" s="22">
        <v>2</v>
      </c>
      <c r="C27" s="14">
        <v>4</v>
      </c>
      <c r="D27" s="18">
        <v>6</v>
      </c>
    </row>
    <row r="28" spans="1:4" ht="18" customHeight="1" x14ac:dyDescent="0.15">
      <c r="A28" s="5">
        <v>19</v>
      </c>
      <c r="B28" s="22">
        <v>1</v>
      </c>
      <c r="C28" s="14">
        <v>2</v>
      </c>
      <c r="D28" s="18">
        <v>3</v>
      </c>
    </row>
    <row r="29" spans="1:4" ht="18" customHeight="1" x14ac:dyDescent="0.15">
      <c r="A29" s="5" t="s">
        <v>14</v>
      </c>
      <c r="B29" s="22">
        <v>11</v>
      </c>
      <c r="C29" s="14">
        <v>15</v>
      </c>
      <c r="D29" s="18">
        <v>26</v>
      </c>
    </row>
    <row r="30" spans="1:4" ht="18" customHeight="1" x14ac:dyDescent="0.15">
      <c r="A30" s="5">
        <v>20</v>
      </c>
      <c r="B30" s="22">
        <v>5</v>
      </c>
      <c r="C30" s="14">
        <v>2</v>
      </c>
      <c r="D30" s="18">
        <v>7</v>
      </c>
    </row>
    <row r="31" spans="1:4" ht="18" customHeight="1" x14ac:dyDescent="0.15">
      <c r="A31" s="5">
        <v>21</v>
      </c>
      <c r="B31" s="22">
        <v>5</v>
      </c>
      <c r="C31" s="14">
        <v>3</v>
      </c>
      <c r="D31" s="18">
        <v>8</v>
      </c>
    </row>
    <row r="32" spans="1:4" ht="18" customHeight="1" x14ac:dyDescent="0.15">
      <c r="A32" s="5">
        <v>22</v>
      </c>
      <c r="B32" s="22">
        <v>3</v>
      </c>
      <c r="C32" s="14">
        <v>3</v>
      </c>
      <c r="D32" s="18">
        <v>6</v>
      </c>
    </row>
    <row r="33" spans="1:4" ht="18" customHeight="1" x14ac:dyDescent="0.15">
      <c r="A33" s="5">
        <v>23</v>
      </c>
      <c r="B33" s="22">
        <v>2</v>
      </c>
      <c r="C33" s="14">
        <v>4</v>
      </c>
      <c r="D33" s="18">
        <v>6</v>
      </c>
    </row>
    <row r="34" spans="1:4" ht="18" customHeight="1" x14ac:dyDescent="0.15">
      <c r="A34" s="5">
        <v>24</v>
      </c>
      <c r="B34" s="22">
        <v>5</v>
      </c>
      <c r="C34" s="14">
        <v>2</v>
      </c>
      <c r="D34" s="18">
        <v>7</v>
      </c>
    </row>
    <row r="35" spans="1:4" ht="18" customHeight="1" x14ac:dyDescent="0.15">
      <c r="A35" s="5" t="s">
        <v>9</v>
      </c>
      <c r="B35" s="22">
        <v>20</v>
      </c>
      <c r="C35" s="14">
        <v>14</v>
      </c>
      <c r="D35" s="18">
        <v>34</v>
      </c>
    </row>
    <row r="36" spans="1:4" ht="18" customHeight="1" x14ac:dyDescent="0.15">
      <c r="A36" s="5">
        <v>25</v>
      </c>
      <c r="B36" s="22">
        <v>5</v>
      </c>
      <c r="C36" s="14">
        <v>2</v>
      </c>
      <c r="D36" s="18">
        <v>7</v>
      </c>
    </row>
    <row r="37" spans="1:4" ht="18" customHeight="1" x14ac:dyDescent="0.15">
      <c r="A37" s="5">
        <v>26</v>
      </c>
      <c r="B37" s="22">
        <v>3</v>
      </c>
      <c r="C37" s="14">
        <v>1</v>
      </c>
      <c r="D37" s="18">
        <v>4</v>
      </c>
    </row>
    <row r="38" spans="1:4" ht="18" customHeight="1" x14ac:dyDescent="0.15">
      <c r="A38" s="5">
        <v>27</v>
      </c>
      <c r="B38" s="22">
        <v>1</v>
      </c>
      <c r="C38" s="14">
        <v>1</v>
      </c>
      <c r="D38" s="18">
        <v>2</v>
      </c>
    </row>
    <row r="39" spans="1:4" ht="18" customHeight="1" x14ac:dyDescent="0.15">
      <c r="A39" s="5">
        <v>28</v>
      </c>
      <c r="B39" s="22">
        <v>1</v>
      </c>
      <c r="C39" s="14">
        <v>1</v>
      </c>
      <c r="D39" s="18">
        <v>2</v>
      </c>
    </row>
    <row r="40" spans="1:4" ht="18" customHeight="1" x14ac:dyDescent="0.15">
      <c r="A40" s="5">
        <v>29</v>
      </c>
      <c r="B40" s="22">
        <v>1</v>
      </c>
      <c r="C40" s="14">
        <v>0</v>
      </c>
      <c r="D40" s="18">
        <v>1</v>
      </c>
    </row>
    <row r="41" spans="1:4" ht="18" customHeight="1" x14ac:dyDescent="0.15">
      <c r="A41" s="5" t="s">
        <v>2</v>
      </c>
      <c r="B41" s="22">
        <v>11</v>
      </c>
      <c r="C41" s="14">
        <v>5</v>
      </c>
      <c r="D41" s="18">
        <v>16</v>
      </c>
    </row>
    <row r="42" spans="1:4" ht="18" customHeight="1" x14ac:dyDescent="0.15">
      <c r="A42" s="5">
        <v>30</v>
      </c>
      <c r="B42" s="22">
        <v>3</v>
      </c>
      <c r="C42" s="14">
        <v>1</v>
      </c>
      <c r="D42" s="18">
        <v>4</v>
      </c>
    </row>
    <row r="43" spans="1:4" ht="18" customHeight="1" x14ac:dyDescent="0.15">
      <c r="A43" s="5">
        <v>31</v>
      </c>
      <c r="B43" s="22">
        <v>1</v>
      </c>
      <c r="C43" s="14">
        <v>1</v>
      </c>
      <c r="D43" s="18">
        <v>2</v>
      </c>
    </row>
    <row r="44" spans="1:4" ht="18" customHeight="1" x14ac:dyDescent="0.15">
      <c r="A44" s="5">
        <v>32</v>
      </c>
      <c r="B44" s="22">
        <v>2</v>
      </c>
      <c r="C44" s="14">
        <v>3</v>
      </c>
      <c r="D44" s="18">
        <v>5</v>
      </c>
    </row>
    <row r="45" spans="1:4" ht="18" customHeight="1" x14ac:dyDescent="0.15">
      <c r="A45" s="5">
        <v>33</v>
      </c>
      <c r="B45" s="22">
        <v>2</v>
      </c>
      <c r="C45" s="14">
        <v>2</v>
      </c>
      <c r="D45" s="18">
        <v>4</v>
      </c>
    </row>
    <row r="46" spans="1:4" ht="18" customHeight="1" x14ac:dyDescent="0.15">
      <c r="A46" s="5">
        <v>34</v>
      </c>
      <c r="B46" s="22">
        <v>1</v>
      </c>
      <c r="C46" s="14">
        <v>1</v>
      </c>
      <c r="D46" s="18">
        <v>2</v>
      </c>
    </row>
    <row r="47" spans="1:4" ht="18" customHeight="1" x14ac:dyDescent="0.15">
      <c r="A47" s="5" t="s">
        <v>15</v>
      </c>
      <c r="B47" s="22">
        <v>9</v>
      </c>
      <c r="C47" s="14">
        <v>8</v>
      </c>
      <c r="D47" s="18">
        <v>17</v>
      </c>
    </row>
    <row r="48" spans="1:4" ht="18" customHeight="1" x14ac:dyDescent="0.15">
      <c r="A48" s="5">
        <v>35</v>
      </c>
      <c r="B48" s="22">
        <v>3</v>
      </c>
      <c r="C48" s="14">
        <v>1</v>
      </c>
      <c r="D48" s="18">
        <v>4</v>
      </c>
    </row>
    <row r="49" spans="1:4" ht="18" customHeight="1" x14ac:dyDescent="0.15">
      <c r="A49" s="5">
        <v>36</v>
      </c>
      <c r="B49" s="22">
        <v>1</v>
      </c>
      <c r="C49" s="14">
        <v>4</v>
      </c>
      <c r="D49" s="18">
        <v>5</v>
      </c>
    </row>
    <row r="50" spans="1:4" ht="18" customHeight="1" x14ac:dyDescent="0.15">
      <c r="A50" s="5">
        <v>37</v>
      </c>
      <c r="B50" s="22">
        <v>3</v>
      </c>
      <c r="C50" s="14">
        <v>1</v>
      </c>
      <c r="D50" s="18">
        <v>4</v>
      </c>
    </row>
    <row r="51" spans="1:4" ht="18" customHeight="1" x14ac:dyDescent="0.15">
      <c r="A51" s="5">
        <v>38</v>
      </c>
      <c r="B51" s="22">
        <v>1</v>
      </c>
      <c r="C51" s="14">
        <v>5</v>
      </c>
      <c r="D51" s="18">
        <v>6</v>
      </c>
    </row>
    <row r="52" spans="1:4" ht="18" customHeight="1" x14ac:dyDescent="0.15">
      <c r="A52" s="5">
        <v>39</v>
      </c>
      <c r="B52" s="22">
        <v>3</v>
      </c>
      <c r="C52" s="14">
        <v>1</v>
      </c>
      <c r="D52" s="18">
        <v>4</v>
      </c>
    </row>
    <row r="53" spans="1:4" ht="18" customHeight="1" x14ac:dyDescent="0.15">
      <c r="A53" s="5" t="s">
        <v>18</v>
      </c>
      <c r="B53" s="22">
        <v>11</v>
      </c>
      <c r="C53" s="14">
        <v>12</v>
      </c>
      <c r="D53" s="18">
        <v>23</v>
      </c>
    </row>
    <row r="54" spans="1:4" ht="18" customHeight="1" x14ac:dyDescent="0.15">
      <c r="A54" s="5">
        <v>40</v>
      </c>
      <c r="B54" s="22">
        <v>4</v>
      </c>
      <c r="C54" s="14">
        <v>4</v>
      </c>
      <c r="D54" s="18">
        <v>8</v>
      </c>
    </row>
    <row r="55" spans="1:4" ht="18" customHeight="1" x14ac:dyDescent="0.15">
      <c r="A55" s="5">
        <v>41</v>
      </c>
      <c r="B55" s="22">
        <v>2</v>
      </c>
      <c r="C55" s="14">
        <v>0</v>
      </c>
      <c r="D55" s="18">
        <v>2</v>
      </c>
    </row>
    <row r="56" spans="1:4" ht="18" customHeight="1" x14ac:dyDescent="0.15">
      <c r="A56" s="5">
        <v>42</v>
      </c>
      <c r="B56" s="22">
        <v>4</v>
      </c>
      <c r="C56" s="14">
        <v>3</v>
      </c>
      <c r="D56" s="18">
        <v>7</v>
      </c>
    </row>
    <row r="57" spans="1:4" ht="18" customHeight="1" x14ac:dyDescent="0.15">
      <c r="A57" s="5">
        <v>43</v>
      </c>
      <c r="B57" s="22">
        <v>0</v>
      </c>
      <c r="C57" s="14">
        <v>2</v>
      </c>
      <c r="D57" s="18">
        <v>2</v>
      </c>
    </row>
    <row r="58" spans="1:4" ht="18" customHeight="1" x14ac:dyDescent="0.15">
      <c r="A58" s="5">
        <v>44</v>
      </c>
      <c r="B58" s="22">
        <v>3</v>
      </c>
      <c r="C58" s="14">
        <v>1</v>
      </c>
      <c r="D58" s="18">
        <v>4</v>
      </c>
    </row>
    <row r="59" spans="1:4" ht="18" customHeight="1" x14ac:dyDescent="0.15">
      <c r="A59" s="5" t="s">
        <v>21</v>
      </c>
      <c r="B59" s="22">
        <v>13</v>
      </c>
      <c r="C59" s="14">
        <v>10</v>
      </c>
      <c r="D59" s="18">
        <v>23</v>
      </c>
    </row>
    <row r="60" spans="1:4" ht="18" customHeight="1" x14ac:dyDescent="0.15">
      <c r="A60" s="5">
        <v>45</v>
      </c>
      <c r="B60" s="22">
        <v>1</v>
      </c>
      <c r="C60" s="14">
        <v>3</v>
      </c>
      <c r="D60" s="18">
        <v>4</v>
      </c>
    </row>
    <row r="61" spans="1:4" ht="18" customHeight="1" x14ac:dyDescent="0.15">
      <c r="A61" s="5">
        <v>46</v>
      </c>
      <c r="B61" s="22">
        <v>6</v>
      </c>
      <c r="C61" s="14">
        <v>5</v>
      </c>
      <c r="D61" s="18">
        <v>11</v>
      </c>
    </row>
    <row r="62" spans="1:4" ht="18" customHeight="1" x14ac:dyDescent="0.15">
      <c r="A62" s="5">
        <v>47</v>
      </c>
      <c r="B62" s="22">
        <v>7</v>
      </c>
      <c r="C62" s="14">
        <v>3</v>
      </c>
      <c r="D62" s="18">
        <v>10</v>
      </c>
    </row>
    <row r="63" spans="1:4" ht="18" customHeight="1" x14ac:dyDescent="0.15">
      <c r="A63" s="5">
        <v>48</v>
      </c>
      <c r="B63" s="22">
        <v>1</v>
      </c>
      <c r="C63" s="14">
        <v>2</v>
      </c>
      <c r="D63" s="18">
        <v>3</v>
      </c>
    </row>
    <row r="64" spans="1:4" ht="18" customHeight="1" x14ac:dyDescent="0.15">
      <c r="A64" s="5">
        <v>49</v>
      </c>
      <c r="B64" s="22">
        <v>4</v>
      </c>
      <c r="C64" s="14">
        <v>2</v>
      </c>
      <c r="D64" s="18">
        <v>6</v>
      </c>
    </row>
    <row r="65" spans="1:4" ht="18" customHeight="1" x14ac:dyDescent="0.15">
      <c r="A65" s="5" t="s">
        <v>17</v>
      </c>
      <c r="B65" s="22">
        <v>19</v>
      </c>
      <c r="C65" s="14">
        <v>15</v>
      </c>
      <c r="D65" s="18">
        <v>34</v>
      </c>
    </row>
    <row r="66" spans="1:4" ht="18" customHeight="1" x14ac:dyDescent="0.15">
      <c r="A66" s="5">
        <v>50</v>
      </c>
      <c r="B66" s="22">
        <v>4</v>
      </c>
      <c r="C66" s="14">
        <v>4</v>
      </c>
      <c r="D66" s="18">
        <v>8</v>
      </c>
    </row>
    <row r="67" spans="1:4" ht="18" customHeight="1" x14ac:dyDescent="0.15">
      <c r="A67" s="5">
        <v>51</v>
      </c>
      <c r="B67" s="22">
        <v>3</v>
      </c>
      <c r="C67" s="14">
        <v>2</v>
      </c>
      <c r="D67" s="18">
        <v>5</v>
      </c>
    </row>
    <row r="68" spans="1:4" ht="18" customHeight="1" x14ac:dyDescent="0.15">
      <c r="A68" s="5">
        <v>52</v>
      </c>
      <c r="B68" s="22">
        <v>4</v>
      </c>
      <c r="C68" s="14">
        <v>4</v>
      </c>
      <c r="D68" s="18">
        <v>8</v>
      </c>
    </row>
    <row r="69" spans="1:4" ht="18" customHeight="1" x14ac:dyDescent="0.15">
      <c r="A69" s="5">
        <v>53</v>
      </c>
      <c r="B69" s="22">
        <v>9</v>
      </c>
      <c r="C69" s="14">
        <v>6</v>
      </c>
      <c r="D69" s="18">
        <v>15</v>
      </c>
    </row>
    <row r="70" spans="1:4" ht="18" customHeight="1" x14ac:dyDescent="0.15">
      <c r="A70" s="5">
        <v>54</v>
      </c>
      <c r="B70" s="22">
        <v>6</v>
      </c>
      <c r="C70" s="14">
        <v>7</v>
      </c>
      <c r="D70" s="18">
        <v>13</v>
      </c>
    </row>
    <row r="71" spans="1:4" ht="18" customHeight="1" x14ac:dyDescent="0.15">
      <c r="A71" s="5" t="s">
        <v>22</v>
      </c>
      <c r="B71" s="22">
        <v>26</v>
      </c>
      <c r="C71" s="14">
        <v>23</v>
      </c>
      <c r="D71" s="18">
        <v>49</v>
      </c>
    </row>
    <row r="72" spans="1:4" ht="18" customHeight="1" x14ac:dyDescent="0.15">
      <c r="A72" s="5">
        <v>55</v>
      </c>
      <c r="B72" s="22">
        <v>6</v>
      </c>
      <c r="C72" s="14">
        <v>6</v>
      </c>
      <c r="D72" s="18">
        <v>12</v>
      </c>
    </row>
    <row r="73" spans="1:4" ht="18" customHeight="1" x14ac:dyDescent="0.15">
      <c r="A73" s="5">
        <v>56</v>
      </c>
      <c r="B73" s="22">
        <v>4</v>
      </c>
      <c r="C73" s="14">
        <v>2</v>
      </c>
      <c r="D73" s="18">
        <v>6</v>
      </c>
    </row>
    <row r="74" spans="1:4" ht="18" customHeight="1" x14ac:dyDescent="0.15">
      <c r="A74" s="5">
        <v>57</v>
      </c>
      <c r="B74" s="22">
        <v>3</v>
      </c>
      <c r="C74" s="14">
        <v>9</v>
      </c>
      <c r="D74" s="18">
        <v>12</v>
      </c>
    </row>
    <row r="75" spans="1:4" ht="18" customHeight="1" x14ac:dyDescent="0.15">
      <c r="A75" s="5">
        <v>58</v>
      </c>
      <c r="B75" s="22">
        <v>2</v>
      </c>
      <c r="C75" s="14">
        <v>6</v>
      </c>
      <c r="D75" s="18">
        <v>8</v>
      </c>
    </row>
    <row r="76" spans="1:4" ht="18" customHeight="1" x14ac:dyDescent="0.15">
      <c r="A76" s="5">
        <v>59</v>
      </c>
      <c r="B76" s="22">
        <v>5</v>
      </c>
      <c r="C76" s="14">
        <v>2</v>
      </c>
      <c r="D76" s="18">
        <v>7</v>
      </c>
    </row>
    <row r="77" spans="1:4" ht="18" customHeight="1" x14ac:dyDescent="0.15">
      <c r="A77" s="5" t="s">
        <v>27</v>
      </c>
      <c r="B77" s="22">
        <v>20</v>
      </c>
      <c r="C77" s="14">
        <v>25</v>
      </c>
      <c r="D77" s="18">
        <v>45</v>
      </c>
    </row>
    <row r="78" spans="1:4" ht="18" customHeight="1" x14ac:dyDescent="0.15">
      <c r="A78" s="5">
        <v>60</v>
      </c>
      <c r="B78" s="22">
        <v>3</v>
      </c>
      <c r="C78" s="14">
        <v>5</v>
      </c>
      <c r="D78" s="18">
        <v>8</v>
      </c>
    </row>
    <row r="79" spans="1:4" ht="18" customHeight="1" x14ac:dyDescent="0.15">
      <c r="A79" s="5">
        <v>61</v>
      </c>
      <c r="B79" s="22">
        <v>1</v>
      </c>
      <c r="C79" s="14">
        <v>6</v>
      </c>
      <c r="D79" s="18">
        <v>7</v>
      </c>
    </row>
    <row r="80" spans="1:4" ht="18" customHeight="1" x14ac:dyDescent="0.15">
      <c r="A80" s="5">
        <v>62</v>
      </c>
      <c r="B80" s="22">
        <v>2</v>
      </c>
      <c r="C80" s="14">
        <v>6</v>
      </c>
      <c r="D80" s="18">
        <v>8</v>
      </c>
    </row>
    <row r="81" spans="1:4" ht="18" customHeight="1" x14ac:dyDescent="0.15">
      <c r="A81" s="5">
        <v>63</v>
      </c>
      <c r="B81" s="22">
        <v>6</v>
      </c>
      <c r="C81" s="14">
        <v>3</v>
      </c>
      <c r="D81" s="18">
        <v>9</v>
      </c>
    </row>
    <row r="82" spans="1:4" ht="18" customHeight="1" x14ac:dyDescent="0.15">
      <c r="A82" s="5">
        <v>64</v>
      </c>
      <c r="B82" s="22">
        <v>6</v>
      </c>
      <c r="C82" s="14">
        <v>6</v>
      </c>
      <c r="D82" s="18">
        <v>12</v>
      </c>
    </row>
    <row r="83" spans="1:4" ht="18" customHeight="1" x14ac:dyDescent="0.15">
      <c r="A83" s="5" t="s">
        <v>28</v>
      </c>
      <c r="B83" s="22">
        <v>18</v>
      </c>
      <c r="C83" s="14">
        <v>26</v>
      </c>
      <c r="D83" s="18">
        <v>44</v>
      </c>
    </row>
    <row r="84" spans="1:4" ht="18" customHeight="1" x14ac:dyDescent="0.15">
      <c r="A84" s="5" t="s">
        <v>31</v>
      </c>
      <c r="B84" s="22">
        <v>158</v>
      </c>
      <c r="C84" s="14">
        <v>153</v>
      </c>
      <c r="D84" s="18">
        <v>311</v>
      </c>
    </row>
    <row r="85" spans="1:4" ht="18" customHeight="1" x14ac:dyDescent="0.15">
      <c r="A85" s="5">
        <v>65</v>
      </c>
      <c r="B85" s="22">
        <v>3</v>
      </c>
      <c r="C85" s="14">
        <v>5</v>
      </c>
      <c r="D85" s="18">
        <v>8</v>
      </c>
    </row>
    <row r="86" spans="1:4" ht="18" customHeight="1" x14ac:dyDescent="0.15">
      <c r="A86" s="5">
        <v>66</v>
      </c>
      <c r="B86" s="22">
        <v>6</v>
      </c>
      <c r="C86" s="14">
        <v>7</v>
      </c>
      <c r="D86" s="18">
        <v>13</v>
      </c>
    </row>
    <row r="87" spans="1:4" ht="18" customHeight="1" x14ac:dyDescent="0.15">
      <c r="A87" s="5">
        <v>67</v>
      </c>
      <c r="B87" s="22">
        <v>5</v>
      </c>
      <c r="C87" s="14">
        <v>7</v>
      </c>
      <c r="D87" s="18">
        <v>12</v>
      </c>
    </row>
    <row r="88" spans="1:4" ht="18" customHeight="1" x14ac:dyDescent="0.15">
      <c r="A88" s="5">
        <v>68</v>
      </c>
      <c r="B88" s="22">
        <v>6</v>
      </c>
      <c r="C88" s="14">
        <v>4</v>
      </c>
      <c r="D88" s="18">
        <v>10</v>
      </c>
    </row>
    <row r="89" spans="1:4" ht="18" customHeight="1" x14ac:dyDescent="0.15">
      <c r="A89" s="5">
        <v>69</v>
      </c>
      <c r="B89" s="22">
        <v>10</v>
      </c>
      <c r="C89" s="14">
        <v>9</v>
      </c>
      <c r="D89" s="18">
        <v>19</v>
      </c>
    </row>
    <row r="90" spans="1:4" ht="18" customHeight="1" x14ac:dyDescent="0.15">
      <c r="A90" s="5" t="s">
        <v>20</v>
      </c>
      <c r="B90" s="22">
        <v>30</v>
      </c>
      <c r="C90" s="14">
        <v>32</v>
      </c>
      <c r="D90" s="18">
        <v>62</v>
      </c>
    </row>
    <row r="91" spans="1:4" ht="18" customHeight="1" x14ac:dyDescent="0.15">
      <c r="A91" s="5">
        <v>70</v>
      </c>
      <c r="B91" s="22">
        <v>10</v>
      </c>
      <c r="C91" s="14">
        <v>8</v>
      </c>
      <c r="D91" s="18">
        <v>18</v>
      </c>
    </row>
    <row r="92" spans="1:4" ht="18" customHeight="1" x14ac:dyDescent="0.15">
      <c r="A92" s="5">
        <v>71</v>
      </c>
      <c r="B92" s="22">
        <v>7</v>
      </c>
      <c r="C92" s="14">
        <v>7</v>
      </c>
      <c r="D92" s="18">
        <v>14</v>
      </c>
    </row>
    <row r="93" spans="1:4" ht="18" customHeight="1" x14ac:dyDescent="0.15">
      <c r="A93" s="5">
        <v>72</v>
      </c>
      <c r="B93" s="22">
        <v>10</v>
      </c>
      <c r="C93" s="14">
        <v>10</v>
      </c>
      <c r="D93" s="18">
        <v>20</v>
      </c>
    </row>
    <row r="94" spans="1:4" ht="18" customHeight="1" x14ac:dyDescent="0.15">
      <c r="A94" s="5">
        <v>73</v>
      </c>
      <c r="B94" s="22">
        <v>10</v>
      </c>
      <c r="C94" s="14">
        <v>6</v>
      </c>
      <c r="D94" s="18">
        <v>16</v>
      </c>
    </row>
    <row r="95" spans="1:4" ht="18" customHeight="1" x14ac:dyDescent="0.15">
      <c r="A95" s="5">
        <v>74</v>
      </c>
      <c r="B95" s="22">
        <v>4</v>
      </c>
      <c r="C95" s="14">
        <v>4</v>
      </c>
      <c r="D95" s="18">
        <v>8</v>
      </c>
    </row>
    <row r="96" spans="1:4" ht="18" customHeight="1" x14ac:dyDescent="0.15">
      <c r="A96" s="5" t="s">
        <v>33</v>
      </c>
      <c r="B96" s="22">
        <v>41</v>
      </c>
      <c r="C96" s="14">
        <v>35</v>
      </c>
      <c r="D96" s="18">
        <v>76</v>
      </c>
    </row>
    <row r="97" spans="1:4" ht="18" customHeight="1" x14ac:dyDescent="0.15">
      <c r="A97" s="5">
        <v>75</v>
      </c>
      <c r="B97" s="22">
        <v>6</v>
      </c>
      <c r="C97" s="14">
        <v>11</v>
      </c>
      <c r="D97" s="18">
        <v>17</v>
      </c>
    </row>
    <row r="98" spans="1:4" ht="18" customHeight="1" x14ac:dyDescent="0.15">
      <c r="A98" s="5">
        <v>76</v>
      </c>
      <c r="B98" s="22">
        <v>8</v>
      </c>
      <c r="C98" s="14">
        <v>8</v>
      </c>
      <c r="D98" s="18">
        <v>16</v>
      </c>
    </row>
    <row r="99" spans="1:4" ht="18" customHeight="1" x14ac:dyDescent="0.15">
      <c r="A99" s="5">
        <v>77</v>
      </c>
      <c r="B99" s="22">
        <v>6</v>
      </c>
      <c r="C99" s="14">
        <v>9</v>
      </c>
      <c r="D99" s="18">
        <v>15</v>
      </c>
    </row>
    <row r="100" spans="1:4" ht="18" customHeight="1" x14ac:dyDescent="0.15">
      <c r="A100" s="5">
        <v>78</v>
      </c>
      <c r="B100" s="22">
        <v>7</v>
      </c>
      <c r="C100" s="14">
        <v>10</v>
      </c>
      <c r="D100" s="18">
        <v>17</v>
      </c>
    </row>
    <row r="101" spans="1:4" ht="18" customHeight="1" x14ac:dyDescent="0.15">
      <c r="A101" s="5">
        <v>79</v>
      </c>
      <c r="B101" s="22">
        <v>9</v>
      </c>
      <c r="C101" s="14">
        <v>4</v>
      </c>
      <c r="D101" s="18">
        <v>13</v>
      </c>
    </row>
    <row r="102" spans="1:4" ht="18" customHeight="1" x14ac:dyDescent="0.15">
      <c r="A102" s="5" t="s">
        <v>0</v>
      </c>
      <c r="B102" s="22">
        <v>36</v>
      </c>
      <c r="C102" s="14">
        <v>42</v>
      </c>
      <c r="D102" s="18">
        <v>78</v>
      </c>
    </row>
    <row r="103" spans="1:4" ht="18" customHeight="1" x14ac:dyDescent="0.15">
      <c r="A103" s="5">
        <v>80</v>
      </c>
      <c r="B103" s="22">
        <v>3</v>
      </c>
      <c r="C103" s="14">
        <v>6</v>
      </c>
      <c r="D103" s="18">
        <v>9</v>
      </c>
    </row>
    <row r="104" spans="1:4" ht="18" customHeight="1" x14ac:dyDescent="0.15">
      <c r="A104" s="5">
        <v>81</v>
      </c>
      <c r="B104" s="22">
        <v>6</v>
      </c>
      <c r="C104" s="14">
        <v>5</v>
      </c>
      <c r="D104" s="18">
        <v>11</v>
      </c>
    </row>
    <row r="105" spans="1:4" ht="18" customHeight="1" x14ac:dyDescent="0.15">
      <c r="A105" s="5">
        <v>82</v>
      </c>
      <c r="B105" s="22">
        <v>6</v>
      </c>
      <c r="C105" s="14">
        <v>3</v>
      </c>
      <c r="D105" s="18">
        <v>9</v>
      </c>
    </row>
    <row r="106" spans="1:4" ht="18" customHeight="1" x14ac:dyDescent="0.15">
      <c r="A106" s="5">
        <v>83</v>
      </c>
      <c r="B106" s="22">
        <v>6</v>
      </c>
      <c r="C106" s="14">
        <v>5</v>
      </c>
      <c r="D106" s="18">
        <v>11</v>
      </c>
    </row>
    <row r="107" spans="1:4" ht="18" customHeight="1" x14ac:dyDescent="0.15">
      <c r="A107" s="5">
        <v>84</v>
      </c>
      <c r="B107" s="22">
        <v>4</v>
      </c>
      <c r="C107" s="14">
        <v>5</v>
      </c>
      <c r="D107" s="18">
        <v>9</v>
      </c>
    </row>
    <row r="108" spans="1:4" ht="18" customHeight="1" x14ac:dyDescent="0.15">
      <c r="A108" s="5" t="s">
        <v>35</v>
      </c>
      <c r="B108" s="22">
        <v>25</v>
      </c>
      <c r="C108" s="14">
        <v>24</v>
      </c>
      <c r="D108" s="18">
        <v>49</v>
      </c>
    </row>
    <row r="109" spans="1:4" ht="18" customHeight="1" x14ac:dyDescent="0.15">
      <c r="A109" s="5">
        <v>85</v>
      </c>
      <c r="B109" s="22">
        <v>2</v>
      </c>
      <c r="C109" s="14">
        <v>1</v>
      </c>
      <c r="D109" s="18">
        <v>3</v>
      </c>
    </row>
    <row r="110" spans="1:4" ht="18" customHeight="1" x14ac:dyDescent="0.15">
      <c r="A110" s="5">
        <v>86</v>
      </c>
      <c r="B110" s="22">
        <v>1</v>
      </c>
      <c r="C110" s="14">
        <v>6</v>
      </c>
      <c r="D110" s="18">
        <v>7</v>
      </c>
    </row>
    <row r="111" spans="1:4" ht="18" customHeight="1" x14ac:dyDescent="0.15">
      <c r="A111" s="5">
        <v>87</v>
      </c>
      <c r="B111" s="22">
        <v>2</v>
      </c>
      <c r="C111" s="14">
        <v>5</v>
      </c>
      <c r="D111" s="18">
        <v>7</v>
      </c>
    </row>
    <row r="112" spans="1:4" ht="18" customHeight="1" x14ac:dyDescent="0.15">
      <c r="A112" s="5">
        <v>88</v>
      </c>
      <c r="B112" s="22">
        <v>0</v>
      </c>
      <c r="C112" s="14">
        <v>8</v>
      </c>
      <c r="D112" s="18">
        <v>8</v>
      </c>
    </row>
    <row r="113" spans="1:4" ht="18" customHeight="1" x14ac:dyDescent="0.15">
      <c r="A113" s="5">
        <v>89</v>
      </c>
      <c r="B113" s="22">
        <v>2</v>
      </c>
      <c r="C113" s="14">
        <v>6</v>
      </c>
      <c r="D113" s="18">
        <v>8</v>
      </c>
    </row>
    <row r="114" spans="1:4" ht="18" customHeight="1" x14ac:dyDescent="0.15">
      <c r="A114" s="5" t="s">
        <v>37</v>
      </c>
      <c r="B114" s="22">
        <v>7</v>
      </c>
      <c r="C114" s="14">
        <v>26</v>
      </c>
      <c r="D114" s="18">
        <v>33</v>
      </c>
    </row>
    <row r="115" spans="1:4" ht="18" customHeight="1" x14ac:dyDescent="0.15">
      <c r="A115" s="5">
        <v>90</v>
      </c>
      <c r="B115" s="22">
        <v>1</v>
      </c>
      <c r="C115" s="14">
        <v>4</v>
      </c>
      <c r="D115" s="18">
        <v>5</v>
      </c>
    </row>
    <row r="116" spans="1:4" ht="18" customHeight="1" x14ac:dyDescent="0.15">
      <c r="A116" s="5">
        <v>91</v>
      </c>
      <c r="B116" s="22">
        <v>4</v>
      </c>
      <c r="C116" s="14">
        <v>4</v>
      </c>
      <c r="D116" s="18">
        <v>8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1</v>
      </c>
      <c r="C118" s="14">
        <v>4</v>
      </c>
      <c r="D118" s="18">
        <v>5</v>
      </c>
    </row>
    <row r="119" spans="1:4" ht="18" customHeight="1" x14ac:dyDescent="0.15">
      <c r="A119" s="5">
        <v>94</v>
      </c>
      <c r="B119" s="22">
        <v>2</v>
      </c>
      <c r="C119" s="14">
        <v>6</v>
      </c>
      <c r="D119" s="18">
        <v>8</v>
      </c>
    </row>
    <row r="120" spans="1:4" ht="18" customHeight="1" x14ac:dyDescent="0.15">
      <c r="A120" s="5" t="s">
        <v>39</v>
      </c>
      <c r="B120" s="22">
        <v>8</v>
      </c>
      <c r="C120" s="14">
        <v>18</v>
      </c>
      <c r="D120" s="18">
        <v>26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4</v>
      </c>
      <c r="D122" s="18">
        <v>4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13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47</v>
      </c>
      <c r="C130" s="14">
        <v>194</v>
      </c>
      <c r="D130" s="18">
        <v>341</v>
      </c>
    </row>
    <row r="131" spans="1:4" ht="18" customHeight="1" x14ac:dyDescent="0.15">
      <c r="A131" s="7" t="s">
        <v>45</v>
      </c>
      <c r="B131" s="23">
        <v>324</v>
      </c>
      <c r="C131" s="15">
        <v>374</v>
      </c>
      <c r="D131" s="19">
        <v>69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1</v>
      </c>
      <c r="C9" s="30">
        <v>0</v>
      </c>
      <c r="D9" s="32">
        <v>1</v>
      </c>
    </row>
    <row r="10" spans="1:4" ht="18" customHeight="1" x14ac:dyDescent="0.15">
      <c r="A10" s="5" t="s">
        <v>7</v>
      </c>
      <c r="B10" s="22">
        <v>1</v>
      </c>
      <c r="C10" s="14">
        <v>0</v>
      </c>
      <c r="D10" s="18">
        <v>1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2</v>
      </c>
      <c r="D16" s="18">
        <v>2</v>
      </c>
    </row>
    <row r="17" spans="1:4" ht="18" customHeight="1" x14ac:dyDescent="0.15">
      <c r="A17" s="5">
        <v>10</v>
      </c>
      <c r="B17" s="22">
        <v>1</v>
      </c>
      <c r="C17" s="14">
        <v>0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2</v>
      </c>
      <c r="C22" s="14">
        <v>0</v>
      </c>
      <c r="D22" s="18">
        <v>2</v>
      </c>
    </row>
    <row r="23" spans="1:4" ht="18" customHeight="1" x14ac:dyDescent="0.15">
      <c r="A23" s="5" t="s">
        <v>6</v>
      </c>
      <c r="B23" s="22">
        <v>3</v>
      </c>
      <c r="C23" s="14">
        <v>2</v>
      </c>
      <c r="D23" s="18">
        <v>5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2</v>
      </c>
      <c r="C25" s="14">
        <v>1</v>
      </c>
      <c r="D25" s="18">
        <v>3</v>
      </c>
    </row>
    <row r="26" spans="1:4" ht="18" customHeight="1" x14ac:dyDescent="0.15">
      <c r="A26" s="5">
        <v>17</v>
      </c>
      <c r="B26" s="22">
        <v>1</v>
      </c>
      <c r="C26" s="14">
        <v>2</v>
      </c>
      <c r="D26" s="18">
        <v>3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3</v>
      </c>
      <c r="C29" s="14">
        <v>4</v>
      </c>
      <c r="D29" s="18">
        <v>7</v>
      </c>
    </row>
    <row r="30" spans="1:4" ht="18" customHeight="1" x14ac:dyDescent="0.15">
      <c r="A30" s="5">
        <v>20</v>
      </c>
      <c r="B30" s="22">
        <v>1</v>
      </c>
      <c r="C30" s="14">
        <v>1</v>
      </c>
      <c r="D30" s="18">
        <v>2</v>
      </c>
    </row>
    <row r="31" spans="1:4" ht="18" customHeight="1" x14ac:dyDescent="0.15">
      <c r="A31" s="5">
        <v>21</v>
      </c>
      <c r="B31" s="22">
        <v>1</v>
      </c>
      <c r="C31" s="14">
        <v>1</v>
      </c>
      <c r="D31" s="18">
        <v>2</v>
      </c>
    </row>
    <row r="32" spans="1:4" ht="18" customHeight="1" x14ac:dyDescent="0.15">
      <c r="A32" s="5">
        <v>22</v>
      </c>
      <c r="B32" s="22">
        <v>2</v>
      </c>
      <c r="C32" s="14">
        <v>1</v>
      </c>
      <c r="D32" s="18">
        <v>3</v>
      </c>
    </row>
    <row r="33" spans="1:4" ht="18" customHeight="1" x14ac:dyDescent="0.15">
      <c r="A33" s="5">
        <v>23</v>
      </c>
      <c r="B33" s="22">
        <v>1</v>
      </c>
      <c r="C33" s="14">
        <v>1</v>
      </c>
      <c r="D33" s="18">
        <v>2</v>
      </c>
    </row>
    <row r="34" spans="1:4" ht="18" customHeight="1" x14ac:dyDescent="0.15">
      <c r="A34" s="5">
        <v>24</v>
      </c>
      <c r="B34" s="22">
        <v>2</v>
      </c>
      <c r="C34" s="14">
        <v>1</v>
      </c>
      <c r="D34" s="18">
        <v>3</v>
      </c>
    </row>
    <row r="35" spans="1:4" ht="18" customHeight="1" x14ac:dyDescent="0.15">
      <c r="A35" s="5" t="s">
        <v>9</v>
      </c>
      <c r="B35" s="22">
        <v>7</v>
      </c>
      <c r="C35" s="14">
        <v>5</v>
      </c>
      <c r="D35" s="18">
        <v>12</v>
      </c>
    </row>
    <row r="36" spans="1:4" ht="18" customHeight="1" x14ac:dyDescent="0.15">
      <c r="A36" s="5">
        <v>25</v>
      </c>
      <c r="B36" s="22">
        <v>1</v>
      </c>
      <c r="C36" s="14">
        <v>1</v>
      </c>
      <c r="D36" s="18">
        <v>2</v>
      </c>
    </row>
    <row r="37" spans="1:4" ht="18" customHeight="1" x14ac:dyDescent="0.15">
      <c r="A37" s="5">
        <v>26</v>
      </c>
      <c r="B37" s="22">
        <v>1</v>
      </c>
      <c r="C37" s="14">
        <v>1</v>
      </c>
      <c r="D37" s="18">
        <v>2</v>
      </c>
    </row>
    <row r="38" spans="1:4" ht="18" customHeight="1" x14ac:dyDescent="0.15">
      <c r="A38" s="5">
        <v>27</v>
      </c>
      <c r="B38" s="22">
        <v>5</v>
      </c>
      <c r="C38" s="14">
        <v>2</v>
      </c>
      <c r="D38" s="18">
        <v>7</v>
      </c>
    </row>
    <row r="39" spans="1:4" ht="18" customHeight="1" x14ac:dyDescent="0.15">
      <c r="A39" s="5">
        <v>28</v>
      </c>
      <c r="B39" s="22">
        <v>3</v>
      </c>
      <c r="C39" s="14">
        <v>0</v>
      </c>
      <c r="D39" s="18">
        <v>3</v>
      </c>
    </row>
    <row r="40" spans="1:4" ht="18" customHeight="1" x14ac:dyDescent="0.15">
      <c r="A40" s="5">
        <v>29</v>
      </c>
      <c r="B40" s="22">
        <v>1</v>
      </c>
      <c r="C40" s="14">
        <v>1</v>
      </c>
      <c r="D40" s="18">
        <v>2</v>
      </c>
    </row>
    <row r="41" spans="1:4" ht="18" customHeight="1" x14ac:dyDescent="0.15">
      <c r="A41" s="5" t="s">
        <v>2</v>
      </c>
      <c r="B41" s="22">
        <v>11</v>
      </c>
      <c r="C41" s="14">
        <v>5</v>
      </c>
      <c r="D41" s="18">
        <v>16</v>
      </c>
    </row>
    <row r="42" spans="1:4" ht="18" customHeight="1" x14ac:dyDescent="0.15">
      <c r="A42" s="5">
        <v>30</v>
      </c>
      <c r="B42" s="22">
        <v>2</v>
      </c>
      <c r="C42" s="14">
        <v>1</v>
      </c>
      <c r="D42" s="18">
        <v>3</v>
      </c>
    </row>
    <row r="43" spans="1:4" ht="18" customHeight="1" x14ac:dyDescent="0.15">
      <c r="A43" s="5">
        <v>31</v>
      </c>
      <c r="B43" s="22">
        <v>3</v>
      </c>
      <c r="C43" s="14">
        <v>1</v>
      </c>
      <c r="D43" s="18">
        <v>4</v>
      </c>
    </row>
    <row r="44" spans="1:4" ht="18" customHeight="1" x14ac:dyDescent="0.15">
      <c r="A44" s="5">
        <v>32</v>
      </c>
      <c r="B44" s="22">
        <v>3</v>
      </c>
      <c r="C44" s="14">
        <v>1</v>
      </c>
      <c r="D44" s="18">
        <v>4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4</v>
      </c>
      <c r="C46" s="14">
        <v>1</v>
      </c>
      <c r="D46" s="18">
        <v>5</v>
      </c>
    </row>
    <row r="47" spans="1:4" ht="18" customHeight="1" x14ac:dyDescent="0.15">
      <c r="A47" s="5" t="s">
        <v>15</v>
      </c>
      <c r="B47" s="22">
        <v>13</v>
      </c>
      <c r="C47" s="14">
        <v>4</v>
      </c>
      <c r="D47" s="18">
        <v>17</v>
      </c>
    </row>
    <row r="48" spans="1:4" ht="18" customHeight="1" x14ac:dyDescent="0.15">
      <c r="A48" s="5">
        <v>35</v>
      </c>
      <c r="B48" s="22">
        <v>1</v>
      </c>
      <c r="C48" s="14">
        <v>2</v>
      </c>
      <c r="D48" s="18">
        <v>3</v>
      </c>
    </row>
    <row r="49" spans="1:4" ht="18" customHeight="1" x14ac:dyDescent="0.15">
      <c r="A49" s="5">
        <v>36</v>
      </c>
      <c r="B49" s="22">
        <v>3</v>
      </c>
      <c r="C49" s="14">
        <v>1</v>
      </c>
      <c r="D49" s="18">
        <v>4</v>
      </c>
    </row>
    <row r="50" spans="1:4" ht="18" customHeight="1" x14ac:dyDescent="0.15">
      <c r="A50" s="5">
        <v>37</v>
      </c>
      <c r="B50" s="22">
        <v>0</v>
      </c>
      <c r="C50" s="14">
        <v>4</v>
      </c>
      <c r="D50" s="18">
        <v>4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3</v>
      </c>
      <c r="C52" s="14">
        <v>2</v>
      </c>
      <c r="D52" s="18">
        <v>5</v>
      </c>
    </row>
    <row r="53" spans="1:4" ht="18" customHeight="1" x14ac:dyDescent="0.15">
      <c r="A53" s="5" t="s">
        <v>18</v>
      </c>
      <c r="B53" s="22">
        <v>9</v>
      </c>
      <c r="C53" s="14">
        <v>9</v>
      </c>
      <c r="D53" s="18">
        <v>18</v>
      </c>
    </row>
    <row r="54" spans="1:4" ht="18" customHeight="1" x14ac:dyDescent="0.15">
      <c r="A54" s="5">
        <v>40</v>
      </c>
      <c r="B54" s="22">
        <v>2</v>
      </c>
      <c r="C54" s="14">
        <v>0</v>
      </c>
      <c r="D54" s="18">
        <v>2</v>
      </c>
    </row>
    <row r="55" spans="1:4" ht="18" customHeight="1" x14ac:dyDescent="0.15">
      <c r="A55" s="5">
        <v>41</v>
      </c>
      <c r="B55" s="22">
        <v>2</v>
      </c>
      <c r="C55" s="14">
        <v>2</v>
      </c>
      <c r="D55" s="18">
        <v>4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0</v>
      </c>
      <c r="C57" s="14">
        <v>1</v>
      </c>
      <c r="D57" s="18">
        <v>1</v>
      </c>
    </row>
    <row r="58" spans="1:4" ht="18" customHeight="1" x14ac:dyDescent="0.15">
      <c r="A58" s="5">
        <v>44</v>
      </c>
      <c r="B58" s="22">
        <v>0</v>
      </c>
      <c r="C58" s="14">
        <v>0</v>
      </c>
      <c r="D58" s="18">
        <v>0</v>
      </c>
    </row>
    <row r="59" spans="1:4" ht="18" customHeight="1" x14ac:dyDescent="0.15">
      <c r="A59" s="5" t="s">
        <v>21</v>
      </c>
      <c r="B59" s="22">
        <v>5</v>
      </c>
      <c r="C59" s="14">
        <v>3</v>
      </c>
      <c r="D59" s="18">
        <v>8</v>
      </c>
    </row>
    <row r="60" spans="1:4" ht="18" customHeight="1" x14ac:dyDescent="0.15">
      <c r="A60" s="5">
        <v>45</v>
      </c>
      <c r="B60" s="22">
        <v>2</v>
      </c>
      <c r="C60" s="14">
        <v>1</v>
      </c>
      <c r="D60" s="18">
        <v>3</v>
      </c>
    </row>
    <row r="61" spans="1:4" ht="18" customHeight="1" x14ac:dyDescent="0.15">
      <c r="A61" s="5">
        <v>46</v>
      </c>
      <c r="B61" s="22">
        <v>2</v>
      </c>
      <c r="C61" s="14">
        <v>3</v>
      </c>
      <c r="D61" s="18">
        <v>5</v>
      </c>
    </row>
    <row r="62" spans="1:4" ht="18" customHeight="1" x14ac:dyDescent="0.15">
      <c r="A62" s="5">
        <v>47</v>
      </c>
      <c r="B62" s="22">
        <v>0</v>
      </c>
      <c r="C62" s="14">
        <v>2</v>
      </c>
      <c r="D62" s="18">
        <v>2</v>
      </c>
    </row>
    <row r="63" spans="1:4" ht="18" customHeight="1" x14ac:dyDescent="0.15">
      <c r="A63" s="5">
        <v>48</v>
      </c>
      <c r="B63" s="22">
        <v>1</v>
      </c>
      <c r="C63" s="14">
        <v>0</v>
      </c>
      <c r="D63" s="18">
        <v>1</v>
      </c>
    </row>
    <row r="64" spans="1:4" ht="18" customHeight="1" x14ac:dyDescent="0.15">
      <c r="A64" s="5">
        <v>49</v>
      </c>
      <c r="B64" s="22">
        <v>1</v>
      </c>
      <c r="C64" s="14">
        <v>1</v>
      </c>
      <c r="D64" s="18">
        <v>2</v>
      </c>
    </row>
    <row r="65" spans="1:4" ht="18" customHeight="1" x14ac:dyDescent="0.15">
      <c r="A65" s="5" t="s">
        <v>17</v>
      </c>
      <c r="B65" s="22">
        <v>6</v>
      </c>
      <c r="C65" s="14">
        <v>7</v>
      </c>
      <c r="D65" s="18">
        <v>13</v>
      </c>
    </row>
    <row r="66" spans="1:4" ht="18" customHeight="1" x14ac:dyDescent="0.15">
      <c r="A66" s="5">
        <v>50</v>
      </c>
      <c r="B66" s="22">
        <v>3</v>
      </c>
      <c r="C66" s="14">
        <v>2</v>
      </c>
      <c r="D66" s="18">
        <v>5</v>
      </c>
    </row>
    <row r="67" spans="1:4" ht="18" customHeight="1" x14ac:dyDescent="0.15">
      <c r="A67" s="5">
        <v>51</v>
      </c>
      <c r="B67" s="22">
        <v>4</v>
      </c>
      <c r="C67" s="14">
        <v>2</v>
      </c>
      <c r="D67" s="18">
        <v>6</v>
      </c>
    </row>
    <row r="68" spans="1:4" ht="18" customHeight="1" x14ac:dyDescent="0.15">
      <c r="A68" s="5">
        <v>52</v>
      </c>
      <c r="B68" s="22">
        <v>1</v>
      </c>
      <c r="C68" s="14">
        <v>1</v>
      </c>
      <c r="D68" s="18">
        <v>2</v>
      </c>
    </row>
    <row r="69" spans="1:4" ht="18" customHeight="1" x14ac:dyDescent="0.15">
      <c r="A69" s="5">
        <v>53</v>
      </c>
      <c r="B69" s="22">
        <v>2</v>
      </c>
      <c r="C69" s="14">
        <v>2</v>
      </c>
      <c r="D69" s="18">
        <v>4</v>
      </c>
    </row>
    <row r="70" spans="1:4" ht="18" customHeight="1" x14ac:dyDescent="0.15">
      <c r="A70" s="5">
        <v>54</v>
      </c>
      <c r="B70" s="22">
        <v>1</v>
      </c>
      <c r="C70" s="14">
        <v>3</v>
      </c>
      <c r="D70" s="18">
        <v>4</v>
      </c>
    </row>
    <row r="71" spans="1:4" ht="18" customHeight="1" x14ac:dyDescent="0.15">
      <c r="A71" s="5" t="s">
        <v>22</v>
      </c>
      <c r="B71" s="22">
        <v>11</v>
      </c>
      <c r="C71" s="14">
        <v>10</v>
      </c>
      <c r="D71" s="18">
        <v>21</v>
      </c>
    </row>
    <row r="72" spans="1:4" ht="18" customHeight="1" x14ac:dyDescent="0.15">
      <c r="A72" s="5">
        <v>55</v>
      </c>
      <c r="B72" s="22">
        <v>2</v>
      </c>
      <c r="C72" s="14">
        <v>0</v>
      </c>
      <c r="D72" s="18">
        <v>2</v>
      </c>
    </row>
    <row r="73" spans="1:4" ht="18" customHeight="1" x14ac:dyDescent="0.15">
      <c r="A73" s="5">
        <v>56</v>
      </c>
      <c r="B73" s="22">
        <v>2</v>
      </c>
      <c r="C73" s="14">
        <v>0</v>
      </c>
      <c r="D73" s="18">
        <v>2</v>
      </c>
    </row>
    <row r="74" spans="1:4" ht="18" customHeight="1" x14ac:dyDescent="0.15">
      <c r="A74" s="5">
        <v>57</v>
      </c>
      <c r="B74" s="22">
        <v>4</v>
      </c>
      <c r="C74" s="14">
        <v>3</v>
      </c>
      <c r="D74" s="18">
        <v>7</v>
      </c>
    </row>
    <row r="75" spans="1:4" ht="18" customHeight="1" x14ac:dyDescent="0.15">
      <c r="A75" s="5">
        <v>58</v>
      </c>
      <c r="B75" s="22">
        <v>4</v>
      </c>
      <c r="C75" s="14">
        <v>4</v>
      </c>
      <c r="D75" s="18">
        <v>8</v>
      </c>
    </row>
    <row r="76" spans="1:4" ht="18" customHeight="1" x14ac:dyDescent="0.15">
      <c r="A76" s="5">
        <v>59</v>
      </c>
      <c r="B76" s="22">
        <v>2</v>
      </c>
      <c r="C76" s="14">
        <v>5</v>
      </c>
      <c r="D76" s="18">
        <v>7</v>
      </c>
    </row>
    <row r="77" spans="1:4" ht="18" customHeight="1" x14ac:dyDescent="0.15">
      <c r="A77" s="5" t="s">
        <v>27</v>
      </c>
      <c r="B77" s="22">
        <v>14</v>
      </c>
      <c r="C77" s="14">
        <v>12</v>
      </c>
      <c r="D77" s="18">
        <v>26</v>
      </c>
    </row>
    <row r="78" spans="1:4" ht="18" customHeight="1" x14ac:dyDescent="0.15">
      <c r="A78" s="5">
        <v>60</v>
      </c>
      <c r="B78" s="22">
        <v>3</v>
      </c>
      <c r="C78" s="14">
        <v>3</v>
      </c>
      <c r="D78" s="18">
        <v>6</v>
      </c>
    </row>
    <row r="79" spans="1:4" ht="18" customHeight="1" x14ac:dyDescent="0.15">
      <c r="A79" s="5">
        <v>61</v>
      </c>
      <c r="B79" s="22">
        <v>6</v>
      </c>
      <c r="C79" s="14">
        <v>5</v>
      </c>
      <c r="D79" s="18">
        <v>11</v>
      </c>
    </row>
    <row r="80" spans="1:4" ht="18" customHeight="1" x14ac:dyDescent="0.15">
      <c r="A80" s="5">
        <v>62</v>
      </c>
      <c r="B80" s="22">
        <v>2</v>
      </c>
      <c r="C80" s="14">
        <v>0</v>
      </c>
      <c r="D80" s="18">
        <v>2</v>
      </c>
    </row>
    <row r="81" spans="1:4" ht="18" customHeight="1" x14ac:dyDescent="0.15">
      <c r="A81" s="5">
        <v>63</v>
      </c>
      <c r="B81" s="22">
        <v>0</v>
      </c>
      <c r="C81" s="14">
        <v>6</v>
      </c>
      <c r="D81" s="18">
        <v>6</v>
      </c>
    </row>
    <row r="82" spans="1:4" ht="18" customHeight="1" x14ac:dyDescent="0.15">
      <c r="A82" s="5">
        <v>64</v>
      </c>
      <c r="B82" s="22">
        <v>0</v>
      </c>
      <c r="C82" s="14">
        <v>4</v>
      </c>
      <c r="D82" s="18">
        <v>4</v>
      </c>
    </row>
    <row r="83" spans="1:4" ht="18" customHeight="1" x14ac:dyDescent="0.15">
      <c r="A83" s="5" t="s">
        <v>28</v>
      </c>
      <c r="B83" s="22">
        <v>11</v>
      </c>
      <c r="C83" s="14">
        <v>18</v>
      </c>
      <c r="D83" s="18">
        <v>29</v>
      </c>
    </row>
    <row r="84" spans="1:4" ht="18" customHeight="1" x14ac:dyDescent="0.15">
      <c r="A84" s="5" t="s">
        <v>31</v>
      </c>
      <c r="B84" s="22">
        <v>90</v>
      </c>
      <c r="C84" s="14">
        <v>77</v>
      </c>
      <c r="D84" s="18">
        <v>167</v>
      </c>
    </row>
    <row r="85" spans="1:4" ht="18" customHeight="1" x14ac:dyDescent="0.15">
      <c r="A85" s="5">
        <v>65</v>
      </c>
      <c r="B85" s="22">
        <v>2</v>
      </c>
      <c r="C85" s="14">
        <v>3</v>
      </c>
      <c r="D85" s="18">
        <v>5</v>
      </c>
    </row>
    <row r="86" spans="1:4" ht="18" customHeight="1" x14ac:dyDescent="0.15">
      <c r="A86" s="5">
        <v>66</v>
      </c>
      <c r="B86" s="22">
        <v>4</v>
      </c>
      <c r="C86" s="14">
        <v>3</v>
      </c>
      <c r="D86" s="18">
        <v>7</v>
      </c>
    </row>
    <row r="87" spans="1:4" ht="18" customHeight="1" x14ac:dyDescent="0.15">
      <c r="A87" s="5">
        <v>67</v>
      </c>
      <c r="B87" s="22">
        <v>3</v>
      </c>
      <c r="C87" s="14">
        <v>1</v>
      </c>
      <c r="D87" s="18">
        <v>4</v>
      </c>
    </row>
    <row r="88" spans="1:4" ht="18" customHeight="1" x14ac:dyDescent="0.15">
      <c r="A88" s="5">
        <v>68</v>
      </c>
      <c r="B88" s="22">
        <v>5</v>
      </c>
      <c r="C88" s="14">
        <v>1</v>
      </c>
      <c r="D88" s="18">
        <v>6</v>
      </c>
    </row>
    <row r="89" spans="1:4" ht="18" customHeight="1" x14ac:dyDescent="0.15">
      <c r="A89" s="5">
        <v>69</v>
      </c>
      <c r="B89" s="22">
        <v>2</v>
      </c>
      <c r="C89" s="14">
        <v>3</v>
      </c>
      <c r="D89" s="18">
        <v>5</v>
      </c>
    </row>
    <row r="90" spans="1:4" ht="18" customHeight="1" x14ac:dyDescent="0.15">
      <c r="A90" s="5" t="s">
        <v>20</v>
      </c>
      <c r="B90" s="22">
        <v>16</v>
      </c>
      <c r="C90" s="14">
        <v>11</v>
      </c>
      <c r="D90" s="18">
        <v>27</v>
      </c>
    </row>
    <row r="91" spans="1:4" ht="18" customHeight="1" x14ac:dyDescent="0.15">
      <c r="A91" s="5">
        <v>70</v>
      </c>
      <c r="B91" s="22">
        <v>4</v>
      </c>
      <c r="C91" s="14">
        <v>4</v>
      </c>
      <c r="D91" s="18">
        <v>8</v>
      </c>
    </row>
    <row r="92" spans="1:4" ht="18" customHeight="1" x14ac:dyDescent="0.15">
      <c r="A92" s="5">
        <v>71</v>
      </c>
      <c r="B92" s="22">
        <v>5</v>
      </c>
      <c r="C92" s="14">
        <v>2</v>
      </c>
      <c r="D92" s="18">
        <v>7</v>
      </c>
    </row>
    <row r="93" spans="1:4" ht="18" customHeight="1" x14ac:dyDescent="0.15">
      <c r="A93" s="5">
        <v>72</v>
      </c>
      <c r="B93" s="22">
        <v>4</v>
      </c>
      <c r="C93" s="14">
        <v>5</v>
      </c>
      <c r="D93" s="18">
        <v>9</v>
      </c>
    </row>
    <row r="94" spans="1:4" ht="18" customHeight="1" x14ac:dyDescent="0.15">
      <c r="A94" s="5">
        <v>73</v>
      </c>
      <c r="B94" s="22">
        <v>3</v>
      </c>
      <c r="C94" s="14">
        <v>4</v>
      </c>
      <c r="D94" s="18">
        <v>7</v>
      </c>
    </row>
    <row r="95" spans="1:4" ht="18" customHeight="1" x14ac:dyDescent="0.15">
      <c r="A95" s="5">
        <v>74</v>
      </c>
      <c r="B95" s="22">
        <v>5</v>
      </c>
      <c r="C95" s="14">
        <v>3</v>
      </c>
      <c r="D95" s="18">
        <v>8</v>
      </c>
    </row>
    <row r="96" spans="1:4" ht="18" customHeight="1" x14ac:dyDescent="0.15">
      <c r="A96" s="5" t="s">
        <v>33</v>
      </c>
      <c r="B96" s="22">
        <v>21</v>
      </c>
      <c r="C96" s="14">
        <v>18</v>
      </c>
      <c r="D96" s="18">
        <v>39</v>
      </c>
    </row>
    <row r="97" spans="1:4" ht="18" customHeight="1" x14ac:dyDescent="0.15">
      <c r="A97" s="5">
        <v>75</v>
      </c>
      <c r="B97" s="22">
        <v>4</v>
      </c>
      <c r="C97" s="14">
        <v>6</v>
      </c>
      <c r="D97" s="18">
        <v>10</v>
      </c>
    </row>
    <row r="98" spans="1:4" ht="18" customHeight="1" x14ac:dyDescent="0.15">
      <c r="A98" s="5">
        <v>76</v>
      </c>
      <c r="B98" s="22">
        <v>7</v>
      </c>
      <c r="C98" s="14">
        <v>6</v>
      </c>
      <c r="D98" s="18">
        <v>13</v>
      </c>
    </row>
    <row r="99" spans="1:4" ht="18" customHeight="1" x14ac:dyDescent="0.15">
      <c r="A99" s="5">
        <v>77</v>
      </c>
      <c r="B99" s="22">
        <v>8</v>
      </c>
      <c r="C99" s="14">
        <v>2</v>
      </c>
      <c r="D99" s="18">
        <v>10</v>
      </c>
    </row>
    <row r="100" spans="1:4" ht="18" customHeight="1" x14ac:dyDescent="0.15">
      <c r="A100" s="5">
        <v>78</v>
      </c>
      <c r="B100" s="22">
        <v>5</v>
      </c>
      <c r="C100" s="14">
        <v>4</v>
      </c>
      <c r="D100" s="18">
        <v>9</v>
      </c>
    </row>
    <row r="101" spans="1:4" ht="18" customHeight="1" x14ac:dyDescent="0.15">
      <c r="A101" s="5">
        <v>79</v>
      </c>
      <c r="B101" s="22">
        <v>1</v>
      </c>
      <c r="C101" s="14">
        <v>2</v>
      </c>
      <c r="D101" s="18">
        <v>3</v>
      </c>
    </row>
    <row r="102" spans="1:4" ht="18" customHeight="1" x14ac:dyDescent="0.15">
      <c r="A102" s="5" t="s">
        <v>0</v>
      </c>
      <c r="B102" s="22">
        <v>25</v>
      </c>
      <c r="C102" s="14">
        <v>20</v>
      </c>
      <c r="D102" s="18">
        <v>45</v>
      </c>
    </row>
    <row r="103" spans="1:4" ht="18" customHeight="1" x14ac:dyDescent="0.15">
      <c r="A103" s="5">
        <v>80</v>
      </c>
      <c r="B103" s="22">
        <v>0</v>
      </c>
      <c r="C103" s="14">
        <v>3</v>
      </c>
      <c r="D103" s="18">
        <v>3</v>
      </c>
    </row>
    <row r="104" spans="1:4" ht="18" customHeight="1" x14ac:dyDescent="0.15">
      <c r="A104" s="5">
        <v>81</v>
      </c>
      <c r="B104" s="22">
        <v>0</v>
      </c>
      <c r="C104" s="14">
        <v>6</v>
      </c>
      <c r="D104" s="18">
        <v>6</v>
      </c>
    </row>
    <row r="105" spans="1:4" ht="18" customHeight="1" x14ac:dyDescent="0.15">
      <c r="A105" s="5">
        <v>82</v>
      </c>
      <c r="B105" s="22">
        <v>0</v>
      </c>
      <c r="C105" s="14">
        <v>2</v>
      </c>
      <c r="D105" s="18">
        <v>2</v>
      </c>
    </row>
    <row r="106" spans="1:4" ht="18" customHeight="1" x14ac:dyDescent="0.15">
      <c r="A106" s="5">
        <v>83</v>
      </c>
      <c r="B106" s="22">
        <v>3</v>
      </c>
      <c r="C106" s="14">
        <v>1</v>
      </c>
      <c r="D106" s="18">
        <v>4</v>
      </c>
    </row>
    <row r="107" spans="1:4" ht="18" customHeight="1" x14ac:dyDescent="0.15">
      <c r="A107" s="5">
        <v>84</v>
      </c>
      <c r="B107" s="22">
        <v>0</v>
      </c>
      <c r="C107" s="14">
        <v>0</v>
      </c>
      <c r="D107" s="18">
        <v>0</v>
      </c>
    </row>
    <row r="108" spans="1:4" ht="18" customHeight="1" x14ac:dyDescent="0.15">
      <c r="A108" s="5" t="s">
        <v>35</v>
      </c>
      <c r="B108" s="22">
        <v>3</v>
      </c>
      <c r="C108" s="14">
        <v>12</v>
      </c>
      <c r="D108" s="18">
        <v>15</v>
      </c>
    </row>
    <row r="109" spans="1:4" ht="18" customHeight="1" x14ac:dyDescent="0.15">
      <c r="A109" s="5">
        <v>85</v>
      </c>
      <c r="B109" s="22">
        <v>1</v>
      </c>
      <c r="C109" s="14">
        <v>2</v>
      </c>
      <c r="D109" s="18">
        <v>3</v>
      </c>
    </row>
    <row r="110" spans="1:4" ht="18" customHeight="1" x14ac:dyDescent="0.15">
      <c r="A110" s="5">
        <v>86</v>
      </c>
      <c r="B110" s="22">
        <v>0</v>
      </c>
      <c r="C110" s="14">
        <v>3</v>
      </c>
      <c r="D110" s="18">
        <v>3</v>
      </c>
    </row>
    <row r="111" spans="1:4" ht="18" customHeight="1" x14ac:dyDescent="0.15">
      <c r="A111" s="5">
        <v>87</v>
      </c>
      <c r="B111" s="22">
        <v>3</v>
      </c>
      <c r="C111" s="14">
        <v>6</v>
      </c>
      <c r="D111" s="18">
        <v>9</v>
      </c>
    </row>
    <row r="112" spans="1:4" ht="18" customHeight="1" x14ac:dyDescent="0.15">
      <c r="A112" s="5">
        <v>88</v>
      </c>
      <c r="B112" s="22">
        <v>2</v>
      </c>
      <c r="C112" s="14">
        <v>2</v>
      </c>
      <c r="D112" s="18">
        <v>4</v>
      </c>
    </row>
    <row r="113" spans="1:4" ht="18" customHeight="1" x14ac:dyDescent="0.15">
      <c r="A113" s="5">
        <v>89</v>
      </c>
      <c r="B113" s="22">
        <v>2</v>
      </c>
      <c r="C113" s="14">
        <v>3</v>
      </c>
      <c r="D113" s="18">
        <v>5</v>
      </c>
    </row>
    <row r="114" spans="1:4" ht="18" customHeight="1" x14ac:dyDescent="0.15">
      <c r="A114" s="5" t="s">
        <v>37</v>
      </c>
      <c r="B114" s="22">
        <v>8</v>
      </c>
      <c r="C114" s="14">
        <v>16</v>
      </c>
      <c r="D114" s="18">
        <v>24</v>
      </c>
    </row>
    <row r="115" spans="1:4" ht="18" customHeight="1" x14ac:dyDescent="0.15">
      <c r="A115" s="5">
        <v>90</v>
      </c>
      <c r="B115" s="22">
        <v>0</v>
      </c>
      <c r="C115" s="14">
        <v>3</v>
      </c>
      <c r="D115" s="18">
        <v>3</v>
      </c>
    </row>
    <row r="116" spans="1:4" ht="18" customHeight="1" x14ac:dyDescent="0.15">
      <c r="A116" s="5">
        <v>91</v>
      </c>
      <c r="B116" s="22">
        <v>1</v>
      </c>
      <c r="C116" s="14">
        <v>2</v>
      </c>
      <c r="D116" s="18">
        <v>3</v>
      </c>
    </row>
    <row r="117" spans="1:4" ht="18" customHeight="1" x14ac:dyDescent="0.15">
      <c r="A117" s="5">
        <v>92</v>
      </c>
      <c r="B117" s="22">
        <v>0</v>
      </c>
      <c r="C117" s="14">
        <v>2</v>
      </c>
      <c r="D117" s="18">
        <v>2</v>
      </c>
    </row>
    <row r="118" spans="1:4" ht="18" customHeight="1" x14ac:dyDescent="0.15">
      <c r="A118" s="5">
        <v>93</v>
      </c>
      <c r="B118" s="22">
        <v>0</v>
      </c>
      <c r="C118" s="14">
        <v>6</v>
      </c>
      <c r="D118" s="18">
        <v>6</v>
      </c>
    </row>
    <row r="119" spans="1:4" ht="18" customHeight="1" x14ac:dyDescent="0.15">
      <c r="A119" s="5">
        <v>94</v>
      </c>
      <c r="B119" s="22">
        <v>0</v>
      </c>
      <c r="C119" s="14">
        <v>1</v>
      </c>
      <c r="D119" s="18">
        <v>1</v>
      </c>
    </row>
    <row r="120" spans="1:4" ht="18" customHeight="1" x14ac:dyDescent="0.15">
      <c r="A120" s="5" t="s">
        <v>39</v>
      </c>
      <c r="B120" s="22">
        <v>1</v>
      </c>
      <c r="C120" s="14">
        <v>14</v>
      </c>
      <c r="D120" s="18">
        <v>15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2</v>
      </c>
      <c r="C126" s="14">
        <v>5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76</v>
      </c>
      <c r="C130" s="14">
        <v>97</v>
      </c>
      <c r="D130" s="18">
        <v>173</v>
      </c>
    </row>
    <row r="131" spans="1:4" ht="18" customHeight="1" x14ac:dyDescent="0.15">
      <c r="A131" s="7" t="s">
        <v>45</v>
      </c>
      <c r="B131" s="23">
        <v>169</v>
      </c>
      <c r="C131" s="15">
        <v>176</v>
      </c>
      <c r="D131" s="19">
        <v>3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2</v>
      </c>
      <c r="C6" s="14">
        <v>1</v>
      </c>
      <c r="D6" s="18">
        <v>3</v>
      </c>
    </row>
    <row r="7" spans="1:4" ht="18" customHeight="1" x14ac:dyDescent="0.15">
      <c r="A7" s="5">
        <v>2</v>
      </c>
      <c r="B7" s="27">
        <v>2</v>
      </c>
      <c r="C7" s="14">
        <v>1</v>
      </c>
      <c r="D7" s="18">
        <v>3</v>
      </c>
    </row>
    <row r="8" spans="1:4" ht="18" customHeight="1" x14ac:dyDescent="0.15">
      <c r="A8" s="5">
        <v>3</v>
      </c>
      <c r="B8" s="27">
        <v>3</v>
      </c>
      <c r="C8" s="14">
        <v>1</v>
      </c>
      <c r="D8" s="18">
        <v>4</v>
      </c>
    </row>
    <row r="9" spans="1:4" ht="18" customHeight="1" x14ac:dyDescent="0.15">
      <c r="A9" s="5">
        <v>4</v>
      </c>
      <c r="B9" s="28">
        <v>3</v>
      </c>
      <c r="C9" s="30">
        <v>1</v>
      </c>
      <c r="D9" s="32">
        <v>4</v>
      </c>
    </row>
    <row r="10" spans="1:4" ht="18" customHeight="1" x14ac:dyDescent="0.15">
      <c r="A10" s="5" t="s">
        <v>7</v>
      </c>
      <c r="B10" s="22">
        <v>11</v>
      </c>
      <c r="C10" s="14">
        <v>4</v>
      </c>
      <c r="D10" s="18">
        <v>15</v>
      </c>
    </row>
    <row r="11" spans="1:4" ht="18" customHeight="1" x14ac:dyDescent="0.15">
      <c r="A11" s="5">
        <v>5</v>
      </c>
      <c r="B11" s="27">
        <v>2</v>
      </c>
      <c r="C11" s="14">
        <v>1</v>
      </c>
      <c r="D11" s="18">
        <v>3</v>
      </c>
    </row>
    <row r="12" spans="1:4" ht="18" customHeight="1" x14ac:dyDescent="0.15">
      <c r="A12" s="5">
        <v>6</v>
      </c>
      <c r="B12" s="27">
        <v>1</v>
      </c>
      <c r="C12" s="14">
        <v>0</v>
      </c>
      <c r="D12" s="18">
        <v>1</v>
      </c>
    </row>
    <row r="13" spans="1:4" ht="18" customHeight="1" x14ac:dyDescent="0.15">
      <c r="A13" s="5">
        <v>7</v>
      </c>
      <c r="B13" s="27">
        <v>2</v>
      </c>
      <c r="C13" s="14">
        <v>3</v>
      </c>
      <c r="D13" s="18">
        <v>5</v>
      </c>
    </row>
    <row r="14" spans="1:4" ht="18" customHeight="1" x14ac:dyDescent="0.15">
      <c r="A14" s="5">
        <v>8</v>
      </c>
      <c r="B14" s="27">
        <v>4</v>
      </c>
      <c r="C14" s="14">
        <v>2</v>
      </c>
      <c r="D14" s="18">
        <v>6</v>
      </c>
    </row>
    <row r="15" spans="1:4" ht="18" customHeight="1" x14ac:dyDescent="0.15">
      <c r="A15" s="5">
        <v>9</v>
      </c>
      <c r="B15" s="27">
        <v>4</v>
      </c>
      <c r="C15" s="14">
        <v>1</v>
      </c>
      <c r="D15" s="18">
        <v>5</v>
      </c>
    </row>
    <row r="16" spans="1:4" ht="18" customHeight="1" x14ac:dyDescent="0.15">
      <c r="A16" s="5" t="s">
        <v>11</v>
      </c>
      <c r="B16" s="22">
        <v>13</v>
      </c>
      <c r="C16" s="14">
        <v>7</v>
      </c>
      <c r="D16" s="18">
        <v>20</v>
      </c>
    </row>
    <row r="17" spans="1:4" ht="18" customHeight="1" x14ac:dyDescent="0.15">
      <c r="A17" s="5">
        <v>10</v>
      </c>
      <c r="B17" s="22">
        <v>2</v>
      </c>
      <c r="C17" s="14">
        <v>7</v>
      </c>
      <c r="D17" s="18">
        <v>9</v>
      </c>
    </row>
    <row r="18" spans="1:4" ht="18" customHeight="1" x14ac:dyDescent="0.15">
      <c r="A18" s="5">
        <v>11</v>
      </c>
      <c r="B18" s="22">
        <v>5</v>
      </c>
      <c r="C18" s="14">
        <v>9</v>
      </c>
      <c r="D18" s="18">
        <v>14</v>
      </c>
    </row>
    <row r="19" spans="1:4" ht="18" customHeight="1" x14ac:dyDescent="0.15">
      <c r="A19" s="5">
        <v>12</v>
      </c>
      <c r="B19" s="22">
        <v>3</v>
      </c>
      <c r="C19" s="14">
        <v>4</v>
      </c>
      <c r="D19" s="18">
        <v>7</v>
      </c>
    </row>
    <row r="20" spans="1:4" ht="18" customHeight="1" x14ac:dyDescent="0.15">
      <c r="A20" s="5">
        <v>13</v>
      </c>
      <c r="B20" s="22">
        <v>5</v>
      </c>
      <c r="C20" s="14">
        <v>3</v>
      </c>
      <c r="D20" s="18">
        <v>8</v>
      </c>
    </row>
    <row r="21" spans="1:4" ht="18" customHeight="1" x14ac:dyDescent="0.15">
      <c r="A21" s="5">
        <v>14</v>
      </c>
      <c r="B21" s="22">
        <v>2</v>
      </c>
      <c r="C21" s="14">
        <v>6</v>
      </c>
      <c r="D21" s="18">
        <v>8</v>
      </c>
    </row>
    <row r="22" spans="1:4" ht="18" customHeight="1" x14ac:dyDescent="0.15">
      <c r="A22" s="5" t="s">
        <v>12</v>
      </c>
      <c r="B22" s="22">
        <v>17</v>
      </c>
      <c r="C22" s="14">
        <v>29</v>
      </c>
      <c r="D22" s="18">
        <v>46</v>
      </c>
    </row>
    <row r="23" spans="1:4" ht="18" customHeight="1" x14ac:dyDescent="0.15">
      <c r="A23" s="5" t="s">
        <v>6</v>
      </c>
      <c r="B23" s="22">
        <v>41</v>
      </c>
      <c r="C23" s="14">
        <v>40</v>
      </c>
      <c r="D23" s="18">
        <v>81</v>
      </c>
    </row>
    <row r="24" spans="1:4" ht="18" customHeight="1" x14ac:dyDescent="0.15">
      <c r="A24" s="5">
        <v>15</v>
      </c>
      <c r="B24" s="22">
        <v>2</v>
      </c>
      <c r="C24" s="14">
        <v>3</v>
      </c>
      <c r="D24" s="18">
        <v>5</v>
      </c>
    </row>
    <row r="25" spans="1:4" ht="18" customHeight="1" x14ac:dyDescent="0.15">
      <c r="A25" s="5">
        <v>16</v>
      </c>
      <c r="B25" s="22">
        <v>4</v>
      </c>
      <c r="C25" s="14">
        <v>5</v>
      </c>
      <c r="D25" s="18">
        <v>9</v>
      </c>
    </row>
    <row r="26" spans="1:4" ht="18" customHeight="1" x14ac:dyDescent="0.15">
      <c r="A26" s="5">
        <v>17</v>
      </c>
      <c r="B26" s="22">
        <v>8</v>
      </c>
      <c r="C26" s="14">
        <v>10</v>
      </c>
      <c r="D26" s="18">
        <v>18</v>
      </c>
    </row>
    <row r="27" spans="1:4" ht="18" customHeight="1" x14ac:dyDescent="0.15">
      <c r="A27" s="5">
        <v>18</v>
      </c>
      <c r="B27" s="22">
        <v>2</v>
      </c>
      <c r="C27" s="14">
        <v>3</v>
      </c>
      <c r="D27" s="18">
        <v>5</v>
      </c>
    </row>
    <row r="28" spans="1:4" ht="18" customHeight="1" x14ac:dyDescent="0.15">
      <c r="A28" s="5">
        <v>19</v>
      </c>
      <c r="B28" s="22">
        <v>7</v>
      </c>
      <c r="C28" s="14">
        <v>4</v>
      </c>
      <c r="D28" s="18">
        <v>11</v>
      </c>
    </row>
    <row r="29" spans="1:4" ht="18" customHeight="1" x14ac:dyDescent="0.15">
      <c r="A29" s="5" t="s">
        <v>14</v>
      </c>
      <c r="B29" s="22">
        <v>23</v>
      </c>
      <c r="C29" s="14">
        <v>25</v>
      </c>
      <c r="D29" s="18">
        <v>48</v>
      </c>
    </row>
    <row r="30" spans="1:4" ht="18" customHeight="1" x14ac:dyDescent="0.15">
      <c r="A30" s="5">
        <v>20</v>
      </c>
      <c r="B30" s="22">
        <v>4</v>
      </c>
      <c r="C30" s="14">
        <v>6</v>
      </c>
      <c r="D30" s="18">
        <v>10</v>
      </c>
    </row>
    <row r="31" spans="1:4" ht="18" customHeight="1" x14ac:dyDescent="0.15">
      <c r="A31" s="5">
        <v>21</v>
      </c>
      <c r="B31" s="22">
        <v>6</v>
      </c>
      <c r="C31" s="14">
        <v>4</v>
      </c>
      <c r="D31" s="18">
        <v>10</v>
      </c>
    </row>
    <row r="32" spans="1:4" ht="18" customHeight="1" x14ac:dyDescent="0.15">
      <c r="A32" s="5">
        <v>22</v>
      </c>
      <c r="B32" s="22">
        <v>5</v>
      </c>
      <c r="C32" s="14">
        <v>6</v>
      </c>
      <c r="D32" s="18">
        <v>11</v>
      </c>
    </row>
    <row r="33" spans="1:4" ht="18" customHeight="1" x14ac:dyDescent="0.15">
      <c r="A33" s="5">
        <v>23</v>
      </c>
      <c r="B33" s="22">
        <v>2</v>
      </c>
      <c r="C33" s="14">
        <v>9</v>
      </c>
      <c r="D33" s="18">
        <v>11</v>
      </c>
    </row>
    <row r="34" spans="1:4" ht="18" customHeight="1" x14ac:dyDescent="0.15">
      <c r="A34" s="5">
        <v>24</v>
      </c>
      <c r="B34" s="22">
        <v>3</v>
      </c>
      <c r="C34" s="14">
        <v>7</v>
      </c>
      <c r="D34" s="18">
        <v>10</v>
      </c>
    </row>
    <row r="35" spans="1:4" ht="18" customHeight="1" x14ac:dyDescent="0.15">
      <c r="A35" s="5" t="s">
        <v>9</v>
      </c>
      <c r="B35" s="22">
        <v>20</v>
      </c>
      <c r="C35" s="14">
        <v>32</v>
      </c>
      <c r="D35" s="18">
        <v>52</v>
      </c>
    </row>
    <row r="36" spans="1:4" ht="18" customHeight="1" x14ac:dyDescent="0.15">
      <c r="A36" s="5">
        <v>25</v>
      </c>
      <c r="B36" s="22">
        <v>2</v>
      </c>
      <c r="C36" s="14">
        <v>7</v>
      </c>
      <c r="D36" s="18">
        <v>9</v>
      </c>
    </row>
    <row r="37" spans="1:4" ht="18" customHeight="1" x14ac:dyDescent="0.15">
      <c r="A37" s="5">
        <v>26</v>
      </c>
      <c r="B37" s="22">
        <v>2</v>
      </c>
      <c r="C37" s="14">
        <v>3</v>
      </c>
      <c r="D37" s="18">
        <v>5</v>
      </c>
    </row>
    <row r="38" spans="1:4" ht="18" customHeight="1" x14ac:dyDescent="0.15">
      <c r="A38" s="5">
        <v>27</v>
      </c>
      <c r="B38" s="22">
        <v>5</v>
      </c>
      <c r="C38" s="14">
        <v>7</v>
      </c>
      <c r="D38" s="18">
        <v>12</v>
      </c>
    </row>
    <row r="39" spans="1:4" ht="18" customHeight="1" x14ac:dyDescent="0.15">
      <c r="A39" s="5">
        <v>28</v>
      </c>
      <c r="B39" s="22">
        <v>5</v>
      </c>
      <c r="C39" s="14">
        <v>2</v>
      </c>
      <c r="D39" s="18">
        <v>7</v>
      </c>
    </row>
    <row r="40" spans="1:4" ht="18" customHeight="1" x14ac:dyDescent="0.15">
      <c r="A40" s="5">
        <v>29</v>
      </c>
      <c r="B40" s="22">
        <v>4</v>
      </c>
      <c r="C40" s="14">
        <v>7</v>
      </c>
      <c r="D40" s="18">
        <v>11</v>
      </c>
    </row>
    <row r="41" spans="1:4" ht="18" customHeight="1" x14ac:dyDescent="0.15">
      <c r="A41" s="5" t="s">
        <v>2</v>
      </c>
      <c r="B41" s="22">
        <v>18</v>
      </c>
      <c r="C41" s="14">
        <v>26</v>
      </c>
      <c r="D41" s="18">
        <v>44</v>
      </c>
    </row>
    <row r="42" spans="1:4" ht="18" customHeight="1" x14ac:dyDescent="0.15">
      <c r="A42" s="5">
        <v>30</v>
      </c>
      <c r="B42" s="22">
        <v>4</v>
      </c>
      <c r="C42" s="14">
        <v>1</v>
      </c>
      <c r="D42" s="18">
        <v>5</v>
      </c>
    </row>
    <row r="43" spans="1:4" ht="18" customHeight="1" x14ac:dyDescent="0.15">
      <c r="A43" s="5">
        <v>31</v>
      </c>
      <c r="B43" s="22">
        <v>6</v>
      </c>
      <c r="C43" s="14">
        <v>0</v>
      </c>
      <c r="D43" s="18">
        <v>6</v>
      </c>
    </row>
    <row r="44" spans="1:4" ht="18" customHeight="1" x14ac:dyDescent="0.15">
      <c r="A44" s="5">
        <v>32</v>
      </c>
      <c r="B44" s="22">
        <v>1</v>
      </c>
      <c r="C44" s="14">
        <v>3</v>
      </c>
      <c r="D44" s="18">
        <v>4</v>
      </c>
    </row>
    <row r="45" spans="1:4" ht="18" customHeight="1" x14ac:dyDescent="0.15">
      <c r="A45" s="5">
        <v>33</v>
      </c>
      <c r="B45" s="22">
        <v>4</v>
      </c>
      <c r="C45" s="14">
        <v>3</v>
      </c>
      <c r="D45" s="18">
        <v>7</v>
      </c>
    </row>
    <row r="46" spans="1:4" ht="18" customHeight="1" x14ac:dyDescent="0.15">
      <c r="A46" s="5">
        <v>34</v>
      </c>
      <c r="B46" s="22">
        <v>5</v>
      </c>
      <c r="C46" s="14">
        <v>2</v>
      </c>
      <c r="D46" s="18">
        <v>7</v>
      </c>
    </row>
    <row r="47" spans="1:4" ht="18" customHeight="1" x14ac:dyDescent="0.15">
      <c r="A47" s="5" t="s">
        <v>15</v>
      </c>
      <c r="B47" s="22">
        <v>20</v>
      </c>
      <c r="C47" s="14">
        <v>9</v>
      </c>
      <c r="D47" s="18">
        <v>29</v>
      </c>
    </row>
    <row r="48" spans="1:4" ht="18" customHeight="1" x14ac:dyDescent="0.15">
      <c r="A48" s="5">
        <v>35</v>
      </c>
      <c r="B48" s="22">
        <v>4</v>
      </c>
      <c r="C48" s="14">
        <v>3</v>
      </c>
      <c r="D48" s="18">
        <v>7</v>
      </c>
    </row>
    <row r="49" spans="1:4" ht="18" customHeight="1" x14ac:dyDescent="0.15">
      <c r="A49" s="5">
        <v>36</v>
      </c>
      <c r="B49" s="22">
        <v>8</v>
      </c>
      <c r="C49" s="14">
        <v>2</v>
      </c>
      <c r="D49" s="18">
        <v>10</v>
      </c>
    </row>
    <row r="50" spans="1:4" ht="18" customHeight="1" x14ac:dyDescent="0.15">
      <c r="A50" s="5">
        <v>37</v>
      </c>
      <c r="B50" s="22">
        <v>6</v>
      </c>
      <c r="C50" s="14">
        <v>5</v>
      </c>
      <c r="D50" s="18">
        <v>11</v>
      </c>
    </row>
    <row r="51" spans="1:4" ht="18" customHeight="1" x14ac:dyDescent="0.15">
      <c r="A51" s="5">
        <v>38</v>
      </c>
      <c r="B51" s="22">
        <v>4</v>
      </c>
      <c r="C51" s="14">
        <v>4</v>
      </c>
      <c r="D51" s="18">
        <v>8</v>
      </c>
    </row>
    <row r="52" spans="1:4" ht="18" customHeight="1" x14ac:dyDescent="0.15">
      <c r="A52" s="5">
        <v>39</v>
      </c>
      <c r="B52" s="22">
        <v>5</v>
      </c>
      <c r="C52" s="14">
        <v>4</v>
      </c>
      <c r="D52" s="18">
        <v>9</v>
      </c>
    </row>
    <row r="53" spans="1:4" ht="18" customHeight="1" x14ac:dyDescent="0.15">
      <c r="A53" s="5" t="s">
        <v>18</v>
      </c>
      <c r="B53" s="22">
        <v>27</v>
      </c>
      <c r="C53" s="14">
        <v>18</v>
      </c>
      <c r="D53" s="18">
        <v>45</v>
      </c>
    </row>
    <row r="54" spans="1:4" ht="18" customHeight="1" x14ac:dyDescent="0.15">
      <c r="A54" s="5">
        <v>40</v>
      </c>
      <c r="B54" s="22">
        <v>4</v>
      </c>
      <c r="C54" s="14">
        <v>12</v>
      </c>
      <c r="D54" s="18">
        <v>16</v>
      </c>
    </row>
    <row r="55" spans="1:4" ht="18" customHeight="1" x14ac:dyDescent="0.15">
      <c r="A55" s="5">
        <v>41</v>
      </c>
      <c r="B55" s="22">
        <v>2</v>
      </c>
      <c r="C55" s="14">
        <v>5</v>
      </c>
      <c r="D55" s="18">
        <v>7</v>
      </c>
    </row>
    <row r="56" spans="1:4" ht="18" customHeight="1" x14ac:dyDescent="0.15">
      <c r="A56" s="5">
        <v>42</v>
      </c>
      <c r="B56" s="22">
        <v>6</v>
      </c>
      <c r="C56" s="14">
        <v>3</v>
      </c>
      <c r="D56" s="18">
        <v>9</v>
      </c>
    </row>
    <row r="57" spans="1:4" ht="18" customHeight="1" x14ac:dyDescent="0.15">
      <c r="A57" s="5">
        <v>43</v>
      </c>
      <c r="B57" s="22">
        <v>6</v>
      </c>
      <c r="C57" s="14">
        <v>6</v>
      </c>
      <c r="D57" s="18">
        <v>12</v>
      </c>
    </row>
    <row r="58" spans="1:4" ht="18" customHeight="1" x14ac:dyDescent="0.15">
      <c r="A58" s="5">
        <v>44</v>
      </c>
      <c r="B58" s="22">
        <v>7</v>
      </c>
      <c r="C58" s="14">
        <v>9</v>
      </c>
      <c r="D58" s="18">
        <v>16</v>
      </c>
    </row>
    <row r="59" spans="1:4" ht="18" customHeight="1" x14ac:dyDescent="0.15">
      <c r="A59" s="5" t="s">
        <v>21</v>
      </c>
      <c r="B59" s="22">
        <v>25</v>
      </c>
      <c r="C59" s="14">
        <v>35</v>
      </c>
      <c r="D59" s="18">
        <v>60</v>
      </c>
    </row>
    <row r="60" spans="1:4" ht="18" customHeight="1" x14ac:dyDescent="0.15">
      <c r="A60" s="5">
        <v>45</v>
      </c>
      <c r="B60" s="22">
        <v>9</v>
      </c>
      <c r="C60" s="14">
        <v>6</v>
      </c>
      <c r="D60" s="18">
        <v>15</v>
      </c>
    </row>
    <row r="61" spans="1:4" ht="18" customHeight="1" x14ac:dyDescent="0.15">
      <c r="A61" s="5">
        <v>46</v>
      </c>
      <c r="B61" s="22">
        <v>4</v>
      </c>
      <c r="C61" s="14">
        <v>6</v>
      </c>
      <c r="D61" s="18">
        <v>10</v>
      </c>
    </row>
    <row r="62" spans="1:4" ht="18" customHeight="1" x14ac:dyDescent="0.15">
      <c r="A62" s="5">
        <v>47</v>
      </c>
      <c r="B62" s="22">
        <v>7</v>
      </c>
      <c r="C62" s="14">
        <v>7</v>
      </c>
      <c r="D62" s="18">
        <v>14</v>
      </c>
    </row>
    <row r="63" spans="1:4" ht="18" customHeight="1" x14ac:dyDescent="0.15">
      <c r="A63" s="5">
        <v>48</v>
      </c>
      <c r="B63" s="22">
        <v>4</v>
      </c>
      <c r="C63" s="14">
        <v>5</v>
      </c>
      <c r="D63" s="18">
        <v>9</v>
      </c>
    </row>
    <row r="64" spans="1:4" ht="18" customHeight="1" x14ac:dyDescent="0.15">
      <c r="A64" s="5">
        <v>49</v>
      </c>
      <c r="B64" s="22">
        <v>9</v>
      </c>
      <c r="C64" s="14">
        <v>11</v>
      </c>
      <c r="D64" s="18">
        <v>20</v>
      </c>
    </row>
    <row r="65" spans="1:4" ht="18" customHeight="1" x14ac:dyDescent="0.15">
      <c r="A65" s="5" t="s">
        <v>17</v>
      </c>
      <c r="B65" s="22">
        <v>33</v>
      </c>
      <c r="C65" s="14">
        <v>35</v>
      </c>
      <c r="D65" s="18">
        <v>68</v>
      </c>
    </row>
    <row r="66" spans="1:4" ht="18" customHeight="1" x14ac:dyDescent="0.15">
      <c r="A66" s="5">
        <v>50</v>
      </c>
      <c r="B66" s="22">
        <v>9</v>
      </c>
      <c r="C66" s="14">
        <v>9</v>
      </c>
      <c r="D66" s="18">
        <v>18</v>
      </c>
    </row>
    <row r="67" spans="1:4" ht="18" customHeight="1" x14ac:dyDescent="0.15">
      <c r="A67" s="5">
        <v>51</v>
      </c>
      <c r="B67" s="22">
        <v>12</v>
      </c>
      <c r="C67" s="14">
        <v>9</v>
      </c>
      <c r="D67" s="18">
        <v>21</v>
      </c>
    </row>
    <row r="68" spans="1:4" ht="18" customHeight="1" x14ac:dyDescent="0.15">
      <c r="A68" s="5">
        <v>52</v>
      </c>
      <c r="B68" s="22">
        <v>9</v>
      </c>
      <c r="C68" s="14">
        <v>4</v>
      </c>
      <c r="D68" s="18">
        <v>13</v>
      </c>
    </row>
    <row r="69" spans="1:4" ht="18" customHeight="1" x14ac:dyDescent="0.15">
      <c r="A69" s="5">
        <v>53</v>
      </c>
      <c r="B69" s="22">
        <v>10</v>
      </c>
      <c r="C69" s="14">
        <v>9</v>
      </c>
      <c r="D69" s="18">
        <v>19</v>
      </c>
    </row>
    <row r="70" spans="1:4" ht="18" customHeight="1" x14ac:dyDescent="0.15">
      <c r="A70" s="5">
        <v>54</v>
      </c>
      <c r="B70" s="22">
        <v>7</v>
      </c>
      <c r="C70" s="14">
        <v>10</v>
      </c>
      <c r="D70" s="18">
        <v>17</v>
      </c>
    </row>
    <row r="71" spans="1:4" ht="18" customHeight="1" x14ac:dyDescent="0.15">
      <c r="A71" s="5" t="s">
        <v>22</v>
      </c>
      <c r="B71" s="22">
        <v>47</v>
      </c>
      <c r="C71" s="14">
        <v>41</v>
      </c>
      <c r="D71" s="18">
        <v>88</v>
      </c>
    </row>
    <row r="72" spans="1:4" ht="18" customHeight="1" x14ac:dyDescent="0.15">
      <c r="A72" s="5">
        <v>55</v>
      </c>
      <c r="B72" s="22">
        <v>10</v>
      </c>
      <c r="C72" s="14">
        <v>10</v>
      </c>
      <c r="D72" s="18">
        <v>20</v>
      </c>
    </row>
    <row r="73" spans="1:4" ht="18" customHeight="1" x14ac:dyDescent="0.15">
      <c r="A73" s="5">
        <v>56</v>
      </c>
      <c r="B73" s="22">
        <v>4</v>
      </c>
      <c r="C73" s="14">
        <v>6</v>
      </c>
      <c r="D73" s="18">
        <v>10</v>
      </c>
    </row>
    <row r="74" spans="1:4" ht="18" customHeight="1" x14ac:dyDescent="0.15">
      <c r="A74" s="5">
        <v>57</v>
      </c>
      <c r="B74" s="22">
        <v>5</v>
      </c>
      <c r="C74" s="14">
        <v>9</v>
      </c>
      <c r="D74" s="18">
        <v>14</v>
      </c>
    </row>
    <row r="75" spans="1:4" ht="18" customHeight="1" x14ac:dyDescent="0.15">
      <c r="A75" s="5">
        <v>58</v>
      </c>
      <c r="B75" s="22">
        <v>7</v>
      </c>
      <c r="C75" s="14">
        <v>7</v>
      </c>
      <c r="D75" s="18">
        <v>14</v>
      </c>
    </row>
    <row r="76" spans="1:4" ht="18" customHeight="1" x14ac:dyDescent="0.15">
      <c r="A76" s="5">
        <v>59</v>
      </c>
      <c r="B76" s="22">
        <v>5</v>
      </c>
      <c r="C76" s="14">
        <v>3</v>
      </c>
      <c r="D76" s="18">
        <v>8</v>
      </c>
    </row>
    <row r="77" spans="1:4" ht="18" customHeight="1" x14ac:dyDescent="0.15">
      <c r="A77" s="5" t="s">
        <v>27</v>
      </c>
      <c r="B77" s="22">
        <v>31</v>
      </c>
      <c r="C77" s="14">
        <v>35</v>
      </c>
      <c r="D77" s="18">
        <v>66</v>
      </c>
    </row>
    <row r="78" spans="1:4" ht="18" customHeight="1" x14ac:dyDescent="0.15">
      <c r="A78" s="5">
        <v>60</v>
      </c>
      <c r="B78" s="22">
        <v>4</v>
      </c>
      <c r="C78" s="14">
        <v>10</v>
      </c>
      <c r="D78" s="18">
        <v>14</v>
      </c>
    </row>
    <row r="79" spans="1:4" ht="18" customHeight="1" x14ac:dyDescent="0.15">
      <c r="A79" s="5">
        <v>61</v>
      </c>
      <c r="B79" s="22">
        <v>12</v>
      </c>
      <c r="C79" s="14">
        <v>7</v>
      </c>
      <c r="D79" s="18">
        <v>19</v>
      </c>
    </row>
    <row r="80" spans="1:4" ht="18" customHeight="1" x14ac:dyDescent="0.15">
      <c r="A80" s="5">
        <v>62</v>
      </c>
      <c r="B80" s="22">
        <v>9</v>
      </c>
      <c r="C80" s="14">
        <v>5</v>
      </c>
      <c r="D80" s="18">
        <v>14</v>
      </c>
    </row>
    <row r="81" spans="1:4" ht="18" customHeight="1" x14ac:dyDescent="0.15">
      <c r="A81" s="5">
        <v>63</v>
      </c>
      <c r="B81" s="22">
        <v>6</v>
      </c>
      <c r="C81" s="14">
        <v>4</v>
      </c>
      <c r="D81" s="18">
        <v>10</v>
      </c>
    </row>
    <row r="82" spans="1:4" ht="18" customHeight="1" x14ac:dyDescent="0.15">
      <c r="A82" s="5">
        <v>64</v>
      </c>
      <c r="B82" s="22">
        <v>4</v>
      </c>
      <c r="C82" s="14">
        <v>8</v>
      </c>
      <c r="D82" s="18">
        <v>12</v>
      </c>
    </row>
    <row r="83" spans="1:4" ht="18" customHeight="1" x14ac:dyDescent="0.15">
      <c r="A83" s="5" t="s">
        <v>28</v>
      </c>
      <c r="B83" s="22">
        <v>35</v>
      </c>
      <c r="C83" s="14">
        <v>34</v>
      </c>
      <c r="D83" s="18">
        <v>69</v>
      </c>
    </row>
    <row r="84" spans="1:4" ht="18" customHeight="1" x14ac:dyDescent="0.15">
      <c r="A84" s="5" t="s">
        <v>31</v>
      </c>
      <c r="B84" s="22">
        <v>279</v>
      </c>
      <c r="C84" s="14">
        <v>290</v>
      </c>
      <c r="D84" s="18">
        <v>569</v>
      </c>
    </row>
    <row r="85" spans="1:4" ht="18" customHeight="1" x14ac:dyDescent="0.15">
      <c r="A85" s="5">
        <v>65</v>
      </c>
      <c r="B85" s="22">
        <v>7</v>
      </c>
      <c r="C85" s="14">
        <v>5</v>
      </c>
      <c r="D85" s="18">
        <v>12</v>
      </c>
    </row>
    <row r="86" spans="1:4" ht="18" customHeight="1" x14ac:dyDescent="0.15">
      <c r="A86" s="5">
        <v>66</v>
      </c>
      <c r="B86" s="22">
        <v>11</v>
      </c>
      <c r="C86" s="14">
        <v>13</v>
      </c>
      <c r="D86" s="18">
        <v>24</v>
      </c>
    </row>
    <row r="87" spans="1:4" ht="18" customHeight="1" x14ac:dyDescent="0.15">
      <c r="A87" s="5">
        <v>67</v>
      </c>
      <c r="B87" s="22">
        <v>9</v>
      </c>
      <c r="C87" s="14">
        <v>14</v>
      </c>
      <c r="D87" s="18">
        <v>23</v>
      </c>
    </row>
    <row r="88" spans="1:4" ht="18" customHeight="1" x14ac:dyDescent="0.15">
      <c r="A88" s="5">
        <v>68</v>
      </c>
      <c r="B88" s="22">
        <v>10</v>
      </c>
      <c r="C88" s="14">
        <v>10</v>
      </c>
      <c r="D88" s="18">
        <v>20</v>
      </c>
    </row>
    <row r="89" spans="1:4" ht="18" customHeight="1" x14ac:dyDescent="0.15">
      <c r="A89" s="5">
        <v>69</v>
      </c>
      <c r="B89" s="22">
        <v>7</v>
      </c>
      <c r="C89" s="14">
        <v>6</v>
      </c>
      <c r="D89" s="18">
        <v>13</v>
      </c>
    </row>
    <row r="90" spans="1:4" ht="18" customHeight="1" x14ac:dyDescent="0.15">
      <c r="A90" s="5" t="s">
        <v>20</v>
      </c>
      <c r="B90" s="22">
        <v>44</v>
      </c>
      <c r="C90" s="14">
        <v>48</v>
      </c>
      <c r="D90" s="18">
        <v>92</v>
      </c>
    </row>
    <row r="91" spans="1:4" ht="18" customHeight="1" x14ac:dyDescent="0.15">
      <c r="A91" s="5">
        <v>70</v>
      </c>
      <c r="B91" s="22">
        <v>14</v>
      </c>
      <c r="C91" s="14">
        <v>9</v>
      </c>
      <c r="D91" s="18">
        <v>23</v>
      </c>
    </row>
    <row r="92" spans="1:4" ht="18" customHeight="1" x14ac:dyDescent="0.15">
      <c r="A92" s="5">
        <v>71</v>
      </c>
      <c r="B92" s="22">
        <v>15</v>
      </c>
      <c r="C92" s="14">
        <v>9</v>
      </c>
      <c r="D92" s="18">
        <v>24</v>
      </c>
    </row>
    <row r="93" spans="1:4" ht="18" customHeight="1" x14ac:dyDescent="0.15">
      <c r="A93" s="5">
        <v>72</v>
      </c>
      <c r="B93" s="22">
        <v>12</v>
      </c>
      <c r="C93" s="14">
        <v>11</v>
      </c>
      <c r="D93" s="18">
        <v>23</v>
      </c>
    </row>
    <row r="94" spans="1:4" ht="18" customHeight="1" x14ac:dyDescent="0.15">
      <c r="A94" s="5">
        <v>73</v>
      </c>
      <c r="B94" s="22">
        <v>8</v>
      </c>
      <c r="C94" s="14">
        <v>13</v>
      </c>
      <c r="D94" s="18">
        <v>21</v>
      </c>
    </row>
    <row r="95" spans="1:4" ht="18" customHeight="1" x14ac:dyDescent="0.15">
      <c r="A95" s="5">
        <v>74</v>
      </c>
      <c r="B95" s="22">
        <v>15</v>
      </c>
      <c r="C95" s="14">
        <v>6</v>
      </c>
      <c r="D95" s="18">
        <v>21</v>
      </c>
    </row>
    <row r="96" spans="1:4" ht="18" customHeight="1" x14ac:dyDescent="0.15">
      <c r="A96" s="5" t="s">
        <v>33</v>
      </c>
      <c r="B96" s="22">
        <v>64</v>
      </c>
      <c r="C96" s="14">
        <v>48</v>
      </c>
      <c r="D96" s="18">
        <v>112</v>
      </c>
    </row>
    <row r="97" spans="1:4" ht="18" customHeight="1" x14ac:dyDescent="0.15">
      <c r="A97" s="5">
        <v>75</v>
      </c>
      <c r="B97" s="22">
        <v>8</v>
      </c>
      <c r="C97" s="14">
        <v>7</v>
      </c>
      <c r="D97" s="18">
        <v>15</v>
      </c>
    </row>
    <row r="98" spans="1:4" ht="18" customHeight="1" x14ac:dyDescent="0.15">
      <c r="A98" s="5">
        <v>76</v>
      </c>
      <c r="B98" s="22">
        <v>6</v>
      </c>
      <c r="C98" s="14">
        <v>15</v>
      </c>
      <c r="D98" s="18">
        <v>21</v>
      </c>
    </row>
    <row r="99" spans="1:4" ht="18" customHeight="1" x14ac:dyDescent="0.15">
      <c r="A99" s="5">
        <v>77</v>
      </c>
      <c r="B99" s="22">
        <v>13</v>
      </c>
      <c r="C99" s="14">
        <v>9</v>
      </c>
      <c r="D99" s="18">
        <v>22</v>
      </c>
    </row>
    <row r="100" spans="1:4" ht="18" customHeight="1" x14ac:dyDescent="0.15">
      <c r="A100" s="5">
        <v>78</v>
      </c>
      <c r="B100" s="22">
        <v>10</v>
      </c>
      <c r="C100" s="14">
        <v>13</v>
      </c>
      <c r="D100" s="18">
        <v>23</v>
      </c>
    </row>
    <row r="101" spans="1:4" ht="18" customHeight="1" x14ac:dyDescent="0.15">
      <c r="A101" s="5">
        <v>79</v>
      </c>
      <c r="B101" s="22">
        <v>5</v>
      </c>
      <c r="C101" s="14">
        <v>8</v>
      </c>
      <c r="D101" s="18">
        <v>13</v>
      </c>
    </row>
    <row r="102" spans="1:4" ht="18" customHeight="1" x14ac:dyDescent="0.15">
      <c r="A102" s="5" t="s">
        <v>0</v>
      </c>
      <c r="B102" s="22">
        <v>42</v>
      </c>
      <c r="C102" s="14">
        <v>52</v>
      </c>
      <c r="D102" s="18">
        <v>94</v>
      </c>
    </row>
    <row r="103" spans="1:4" ht="18" customHeight="1" x14ac:dyDescent="0.15">
      <c r="A103" s="5">
        <v>80</v>
      </c>
      <c r="B103" s="22">
        <v>4</v>
      </c>
      <c r="C103" s="14">
        <v>6</v>
      </c>
      <c r="D103" s="18">
        <v>10</v>
      </c>
    </row>
    <row r="104" spans="1:4" ht="18" customHeight="1" x14ac:dyDescent="0.15">
      <c r="A104" s="5">
        <v>81</v>
      </c>
      <c r="B104" s="22">
        <v>5</v>
      </c>
      <c r="C104" s="14">
        <v>9</v>
      </c>
      <c r="D104" s="18">
        <v>14</v>
      </c>
    </row>
    <row r="105" spans="1:4" ht="18" customHeight="1" x14ac:dyDescent="0.15">
      <c r="A105" s="5">
        <v>82</v>
      </c>
      <c r="B105" s="22">
        <v>2</v>
      </c>
      <c r="C105" s="14">
        <v>8</v>
      </c>
      <c r="D105" s="18">
        <v>10</v>
      </c>
    </row>
    <row r="106" spans="1:4" ht="18" customHeight="1" x14ac:dyDescent="0.15">
      <c r="A106" s="5">
        <v>83</v>
      </c>
      <c r="B106" s="22">
        <v>2</v>
      </c>
      <c r="C106" s="14">
        <v>4</v>
      </c>
      <c r="D106" s="18">
        <v>6</v>
      </c>
    </row>
    <row r="107" spans="1:4" ht="18" customHeight="1" x14ac:dyDescent="0.15">
      <c r="A107" s="5">
        <v>84</v>
      </c>
      <c r="B107" s="22">
        <v>7</v>
      </c>
      <c r="C107" s="14">
        <v>6</v>
      </c>
      <c r="D107" s="18">
        <v>13</v>
      </c>
    </row>
    <row r="108" spans="1:4" ht="18" customHeight="1" x14ac:dyDescent="0.15">
      <c r="A108" s="5" t="s">
        <v>35</v>
      </c>
      <c r="B108" s="22">
        <v>20</v>
      </c>
      <c r="C108" s="14">
        <v>33</v>
      </c>
      <c r="D108" s="18">
        <v>53</v>
      </c>
    </row>
    <row r="109" spans="1:4" ht="18" customHeight="1" x14ac:dyDescent="0.15">
      <c r="A109" s="5">
        <v>85</v>
      </c>
      <c r="B109" s="22">
        <v>6</v>
      </c>
      <c r="C109" s="14">
        <v>8</v>
      </c>
      <c r="D109" s="18">
        <v>14</v>
      </c>
    </row>
    <row r="110" spans="1:4" ht="18" customHeight="1" x14ac:dyDescent="0.15">
      <c r="A110" s="5">
        <v>86</v>
      </c>
      <c r="B110" s="22">
        <v>2</v>
      </c>
      <c r="C110" s="14">
        <v>4</v>
      </c>
      <c r="D110" s="18">
        <v>6</v>
      </c>
    </row>
    <row r="111" spans="1:4" ht="18" customHeight="1" x14ac:dyDescent="0.15">
      <c r="A111" s="5">
        <v>87</v>
      </c>
      <c r="B111" s="22">
        <v>2</v>
      </c>
      <c r="C111" s="14">
        <v>8</v>
      </c>
      <c r="D111" s="18">
        <v>10</v>
      </c>
    </row>
    <row r="112" spans="1:4" ht="18" customHeight="1" x14ac:dyDescent="0.15">
      <c r="A112" s="5">
        <v>88</v>
      </c>
      <c r="B112" s="22">
        <v>8</v>
      </c>
      <c r="C112" s="14">
        <v>4</v>
      </c>
      <c r="D112" s="18">
        <v>12</v>
      </c>
    </row>
    <row r="113" spans="1:4" ht="18" customHeight="1" x14ac:dyDescent="0.15">
      <c r="A113" s="5">
        <v>89</v>
      </c>
      <c r="B113" s="22">
        <v>4</v>
      </c>
      <c r="C113" s="14">
        <v>5</v>
      </c>
      <c r="D113" s="18">
        <v>9</v>
      </c>
    </row>
    <row r="114" spans="1:4" ht="18" customHeight="1" x14ac:dyDescent="0.15">
      <c r="A114" s="5" t="s">
        <v>37</v>
      </c>
      <c r="B114" s="22">
        <v>22</v>
      </c>
      <c r="C114" s="14">
        <v>29</v>
      </c>
      <c r="D114" s="18">
        <v>51</v>
      </c>
    </row>
    <row r="115" spans="1:4" ht="18" customHeight="1" x14ac:dyDescent="0.15">
      <c r="A115" s="5">
        <v>90</v>
      </c>
      <c r="B115" s="22">
        <v>2</v>
      </c>
      <c r="C115" s="14">
        <v>5</v>
      </c>
      <c r="D115" s="18">
        <v>7</v>
      </c>
    </row>
    <row r="116" spans="1:4" ht="18" customHeight="1" x14ac:dyDescent="0.15">
      <c r="A116" s="5">
        <v>91</v>
      </c>
      <c r="B116" s="22">
        <v>0</v>
      </c>
      <c r="C116" s="14">
        <v>5</v>
      </c>
      <c r="D116" s="18">
        <v>5</v>
      </c>
    </row>
    <row r="117" spans="1:4" ht="18" customHeight="1" x14ac:dyDescent="0.15">
      <c r="A117" s="5">
        <v>92</v>
      </c>
      <c r="B117" s="22">
        <v>1</v>
      </c>
      <c r="C117" s="14">
        <v>4</v>
      </c>
      <c r="D117" s="18">
        <v>5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1</v>
      </c>
      <c r="C119" s="14">
        <v>7</v>
      </c>
      <c r="D119" s="18">
        <v>8</v>
      </c>
    </row>
    <row r="120" spans="1:4" ht="18" customHeight="1" x14ac:dyDescent="0.15">
      <c r="A120" s="5" t="s">
        <v>39</v>
      </c>
      <c r="B120" s="22">
        <v>4</v>
      </c>
      <c r="C120" s="14">
        <v>26</v>
      </c>
      <c r="D120" s="18">
        <v>30</v>
      </c>
    </row>
    <row r="121" spans="1:4" ht="18" customHeight="1" x14ac:dyDescent="0.15">
      <c r="A121" s="5">
        <v>95</v>
      </c>
      <c r="B121" s="22">
        <v>0</v>
      </c>
      <c r="C121" s="14">
        <v>1</v>
      </c>
      <c r="D121" s="18">
        <v>1</v>
      </c>
    </row>
    <row r="122" spans="1:4" ht="18" customHeight="1" x14ac:dyDescent="0.15">
      <c r="A122" s="5">
        <v>96</v>
      </c>
      <c r="B122" s="22">
        <v>1</v>
      </c>
      <c r="C122" s="14">
        <v>2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2</v>
      </c>
      <c r="C126" s="14">
        <v>8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198</v>
      </c>
      <c r="C130" s="14">
        <v>248</v>
      </c>
      <c r="D130" s="18">
        <v>446</v>
      </c>
    </row>
    <row r="131" spans="1:4" ht="18" customHeight="1" x14ac:dyDescent="0.15">
      <c r="A131" s="7" t="s">
        <v>45</v>
      </c>
      <c r="B131" s="23">
        <v>518</v>
      </c>
      <c r="C131" s="15">
        <v>578</v>
      </c>
      <c r="D131" s="19">
        <v>109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9</v>
      </c>
      <c r="C5" s="13">
        <v>10</v>
      </c>
      <c r="D5" s="17">
        <v>29</v>
      </c>
    </row>
    <row r="6" spans="1:4" ht="18" customHeight="1" x14ac:dyDescent="0.15">
      <c r="A6" s="5">
        <v>1</v>
      </c>
      <c r="B6" s="22">
        <v>9</v>
      </c>
      <c r="C6" s="14">
        <v>12</v>
      </c>
      <c r="D6" s="18">
        <v>21</v>
      </c>
    </row>
    <row r="7" spans="1:4" ht="18" customHeight="1" x14ac:dyDescent="0.15">
      <c r="A7" s="5">
        <v>2</v>
      </c>
      <c r="B7" s="22">
        <v>9</v>
      </c>
      <c r="C7" s="14">
        <v>17</v>
      </c>
      <c r="D7" s="18">
        <v>26</v>
      </c>
    </row>
    <row r="8" spans="1:4" ht="18" customHeight="1" x14ac:dyDescent="0.15">
      <c r="A8" s="5">
        <v>3</v>
      </c>
      <c r="B8" s="22">
        <v>13</v>
      </c>
      <c r="C8" s="14">
        <v>9</v>
      </c>
      <c r="D8" s="18">
        <v>22</v>
      </c>
    </row>
    <row r="9" spans="1:4" ht="18" customHeight="1" x14ac:dyDescent="0.15">
      <c r="A9" s="5">
        <v>4</v>
      </c>
      <c r="B9" s="22">
        <v>18</v>
      </c>
      <c r="C9" s="14">
        <v>11</v>
      </c>
      <c r="D9" s="18">
        <v>29</v>
      </c>
    </row>
    <row r="10" spans="1:4" ht="18" customHeight="1" x14ac:dyDescent="0.15">
      <c r="A10" s="5" t="s">
        <v>7</v>
      </c>
      <c r="B10" s="22">
        <v>68</v>
      </c>
      <c r="C10" s="14">
        <v>59</v>
      </c>
      <c r="D10" s="18">
        <v>127</v>
      </c>
    </row>
    <row r="11" spans="1:4" ht="18" customHeight="1" x14ac:dyDescent="0.15">
      <c r="A11" s="5">
        <v>5</v>
      </c>
      <c r="B11" s="22">
        <v>21</v>
      </c>
      <c r="C11" s="14">
        <v>10</v>
      </c>
      <c r="D11" s="18">
        <v>31</v>
      </c>
    </row>
    <row r="12" spans="1:4" ht="18" customHeight="1" x14ac:dyDescent="0.15">
      <c r="A12" s="5">
        <v>6</v>
      </c>
      <c r="B12" s="22">
        <v>17</v>
      </c>
      <c r="C12" s="14">
        <v>12</v>
      </c>
      <c r="D12" s="18">
        <v>29</v>
      </c>
    </row>
    <row r="13" spans="1:4" ht="18" customHeight="1" x14ac:dyDescent="0.15">
      <c r="A13" s="5">
        <v>7</v>
      </c>
      <c r="B13" s="22">
        <v>14</v>
      </c>
      <c r="C13" s="14">
        <v>15</v>
      </c>
      <c r="D13" s="18">
        <v>29</v>
      </c>
    </row>
    <row r="14" spans="1:4" ht="18" customHeight="1" x14ac:dyDescent="0.15">
      <c r="A14" s="5">
        <v>8</v>
      </c>
      <c r="B14" s="22">
        <v>18</v>
      </c>
      <c r="C14" s="14">
        <v>19</v>
      </c>
      <c r="D14" s="18">
        <v>37</v>
      </c>
    </row>
    <row r="15" spans="1:4" ht="18" customHeight="1" x14ac:dyDescent="0.15">
      <c r="A15" s="5">
        <v>9</v>
      </c>
      <c r="B15" s="22">
        <v>11</v>
      </c>
      <c r="C15" s="14">
        <v>20</v>
      </c>
      <c r="D15" s="18">
        <v>31</v>
      </c>
    </row>
    <row r="16" spans="1:4" ht="18" customHeight="1" x14ac:dyDescent="0.15">
      <c r="A16" s="5" t="s">
        <v>11</v>
      </c>
      <c r="B16" s="22">
        <v>81</v>
      </c>
      <c r="C16" s="14">
        <v>76</v>
      </c>
      <c r="D16" s="18">
        <v>157</v>
      </c>
    </row>
    <row r="17" spans="1:4" ht="18" customHeight="1" x14ac:dyDescent="0.15">
      <c r="A17" s="5">
        <v>10</v>
      </c>
      <c r="B17" s="22">
        <v>18</v>
      </c>
      <c r="C17" s="14">
        <v>10</v>
      </c>
      <c r="D17" s="18">
        <v>28</v>
      </c>
    </row>
    <row r="18" spans="1:4" ht="18" customHeight="1" x14ac:dyDescent="0.15">
      <c r="A18" s="5">
        <v>11</v>
      </c>
      <c r="B18" s="22">
        <v>19</v>
      </c>
      <c r="C18" s="14">
        <v>21</v>
      </c>
      <c r="D18" s="18">
        <v>40</v>
      </c>
    </row>
    <row r="19" spans="1:4" ht="18" customHeight="1" x14ac:dyDescent="0.15">
      <c r="A19" s="5">
        <v>12</v>
      </c>
      <c r="B19" s="22">
        <v>12</v>
      </c>
      <c r="C19" s="14">
        <v>17</v>
      </c>
      <c r="D19" s="18">
        <v>29</v>
      </c>
    </row>
    <row r="20" spans="1:4" ht="18" customHeight="1" x14ac:dyDescent="0.15">
      <c r="A20" s="5">
        <v>13</v>
      </c>
      <c r="B20" s="22">
        <v>17</v>
      </c>
      <c r="C20" s="14">
        <v>16</v>
      </c>
      <c r="D20" s="18">
        <v>33</v>
      </c>
    </row>
    <row r="21" spans="1:4" ht="18" customHeight="1" x14ac:dyDescent="0.15">
      <c r="A21" s="5">
        <v>14</v>
      </c>
      <c r="B21" s="22">
        <v>17</v>
      </c>
      <c r="C21" s="14">
        <v>26</v>
      </c>
      <c r="D21" s="18">
        <v>43</v>
      </c>
    </row>
    <row r="22" spans="1:4" ht="18" customHeight="1" x14ac:dyDescent="0.15">
      <c r="A22" s="5" t="s">
        <v>12</v>
      </c>
      <c r="B22" s="22">
        <v>83</v>
      </c>
      <c r="C22" s="14">
        <v>90</v>
      </c>
      <c r="D22" s="18">
        <v>173</v>
      </c>
    </row>
    <row r="23" spans="1:4" ht="18" customHeight="1" x14ac:dyDescent="0.15">
      <c r="A23" s="5" t="s">
        <v>6</v>
      </c>
      <c r="B23" s="22">
        <v>232</v>
      </c>
      <c r="C23" s="14">
        <v>225</v>
      </c>
      <c r="D23" s="18">
        <v>457</v>
      </c>
    </row>
    <row r="24" spans="1:4" ht="18" customHeight="1" x14ac:dyDescent="0.15">
      <c r="A24" s="5">
        <v>15</v>
      </c>
      <c r="B24" s="22">
        <v>18</v>
      </c>
      <c r="C24" s="14">
        <v>12</v>
      </c>
      <c r="D24" s="18">
        <v>30</v>
      </c>
    </row>
    <row r="25" spans="1:4" ht="18" customHeight="1" x14ac:dyDescent="0.15">
      <c r="A25" s="5">
        <v>16</v>
      </c>
      <c r="B25" s="22">
        <v>24</v>
      </c>
      <c r="C25" s="14">
        <v>17</v>
      </c>
      <c r="D25" s="18">
        <v>41</v>
      </c>
    </row>
    <row r="26" spans="1:4" ht="18" customHeight="1" x14ac:dyDescent="0.15">
      <c r="A26" s="5">
        <v>17</v>
      </c>
      <c r="B26" s="22">
        <v>13</v>
      </c>
      <c r="C26" s="14">
        <v>19</v>
      </c>
      <c r="D26" s="18">
        <v>32</v>
      </c>
    </row>
    <row r="27" spans="1:4" ht="18" customHeight="1" x14ac:dyDescent="0.15">
      <c r="A27" s="5">
        <v>18</v>
      </c>
      <c r="B27" s="22">
        <v>14</v>
      </c>
      <c r="C27" s="14">
        <v>22</v>
      </c>
      <c r="D27" s="18">
        <v>36</v>
      </c>
    </row>
    <row r="28" spans="1:4" ht="18" customHeight="1" x14ac:dyDescent="0.15">
      <c r="A28" s="5">
        <v>19</v>
      </c>
      <c r="B28" s="22">
        <v>19</v>
      </c>
      <c r="C28" s="14">
        <v>15</v>
      </c>
      <c r="D28" s="18">
        <v>34</v>
      </c>
    </row>
    <row r="29" spans="1:4" ht="18" customHeight="1" x14ac:dyDescent="0.15">
      <c r="A29" s="5" t="s">
        <v>14</v>
      </c>
      <c r="B29" s="22">
        <v>88</v>
      </c>
      <c r="C29" s="14">
        <v>85</v>
      </c>
      <c r="D29" s="18">
        <v>173</v>
      </c>
    </row>
    <row r="30" spans="1:4" ht="18" customHeight="1" x14ac:dyDescent="0.15">
      <c r="A30" s="5">
        <v>20</v>
      </c>
      <c r="B30" s="22">
        <v>23</v>
      </c>
      <c r="C30" s="14">
        <v>19</v>
      </c>
      <c r="D30" s="18">
        <v>42</v>
      </c>
    </row>
    <row r="31" spans="1:4" ht="18" customHeight="1" x14ac:dyDescent="0.15">
      <c r="A31" s="5">
        <v>21</v>
      </c>
      <c r="B31" s="22">
        <v>23</v>
      </c>
      <c r="C31" s="14">
        <v>13</v>
      </c>
      <c r="D31" s="18">
        <v>36</v>
      </c>
    </row>
    <row r="32" spans="1:4" ht="18" customHeight="1" x14ac:dyDescent="0.15">
      <c r="A32" s="5">
        <v>22</v>
      </c>
      <c r="B32" s="22">
        <v>21</v>
      </c>
      <c r="C32" s="14">
        <v>24</v>
      </c>
      <c r="D32" s="18">
        <v>45</v>
      </c>
    </row>
    <row r="33" spans="1:4" ht="18" customHeight="1" x14ac:dyDescent="0.15">
      <c r="A33" s="5">
        <v>23</v>
      </c>
      <c r="B33" s="22">
        <v>32</v>
      </c>
      <c r="C33" s="14">
        <v>23</v>
      </c>
      <c r="D33" s="18">
        <v>55</v>
      </c>
    </row>
    <row r="34" spans="1:4" ht="18" customHeight="1" x14ac:dyDescent="0.15">
      <c r="A34" s="5">
        <v>24</v>
      </c>
      <c r="B34" s="22">
        <v>39</v>
      </c>
      <c r="C34" s="14">
        <v>19</v>
      </c>
      <c r="D34" s="18">
        <v>58</v>
      </c>
    </row>
    <row r="35" spans="1:4" ht="18" customHeight="1" x14ac:dyDescent="0.15">
      <c r="A35" s="5" t="s">
        <v>9</v>
      </c>
      <c r="B35" s="22">
        <v>138</v>
      </c>
      <c r="C35" s="14">
        <v>98</v>
      </c>
      <c r="D35" s="18">
        <v>236</v>
      </c>
    </row>
    <row r="36" spans="1:4" ht="18" customHeight="1" x14ac:dyDescent="0.15">
      <c r="A36" s="5">
        <v>25</v>
      </c>
      <c r="B36" s="22">
        <v>31</v>
      </c>
      <c r="C36" s="14">
        <v>20</v>
      </c>
      <c r="D36" s="18">
        <v>51</v>
      </c>
    </row>
    <row r="37" spans="1:4" ht="18" customHeight="1" x14ac:dyDescent="0.15">
      <c r="A37" s="5">
        <v>26</v>
      </c>
      <c r="B37" s="22">
        <v>23</v>
      </c>
      <c r="C37" s="14">
        <v>30</v>
      </c>
      <c r="D37" s="18">
        <v>53</v>
      </c>
    </row>
    <row r="38" spans="1:4" ht="18" customHeight="1" x14ac:dyDescent="0.15">
      <c r="A38" s="5">
        <v>27</v>
      </c>
      <c r="B38" s="22">
        <v>37</v>
      </c>
      <c r="C38" s="14">
        <v>18</v>
      </c>
      <c r="D38" s="18">
        <v>55</v>
      </c>
    </row>
    <row r="39" spans="1:4" ht="18" customHeight="1" x14ac:dyDescent="0.15">
      <c r="A39" s="5">
        <v>28</v>
      </c>
      <c r="B39" s="22">
        <v>34</v>
      </c>
      <c r="C39" s="14">
        <v>22</v>
      </c>
      <c r="D39" s="18">
        <v>56</v>
      </c>
    </row>
    <row r="40" spans="1:4" ht="18" customHeight="1" x14ac:dyDescent="0.15">
      <c r="A40" s="5">
        <v>29</v>
      </c>
      <c r="B40" s="22">
        <v>39</v>
      </c>
      <c r="C40" s="14">
        <v>21</v>
      </c>
      <c r="D40" s="18">
        <v>60</v>
      </c>
    </row>
    <row r="41" spans="1:4" ht="18" customHeight="1" x14ac:dyDescent="0.15">
      <c r="A41" s="5" t="s">
        <v>2</v>
      </c>
      <c r="B41" s="22">
        <v>164</v>
      </c>
      <c r="C41" s="14">
        <v>111</v>
      </c>
      <c r="D41" s="18">
        <v>275</v>
      </c>
    </row>
    <row r="42" spans="1:4" ht="18" customHeight="1" x14ac:dyDescent="0.15">
      <c r="A42" s="5">
        <v>30</v>
      </c>
      <c r="B42" s="22">
        <v>27</v>
      </c>
      <c r="C42" s="14">
        <v>21</v>
      </c>
      <c r="D42" s="18">
        <v>48</v>
      </c>
    </row>
    <row r="43" spans="1:4" ht="18" customHeight="1" x14ac:dyDescent="0.15">
      <c r="A43" s="5">
        <v>31</v>
      </c>
      <c r="B43" s="22">
        <v>29</v>
      </c>
      <c r="C43" s="14">
        <v>20</v>
      </c>
      <c r="D43" s="18">
        <v>49</v>
      </c>
    </row>
    <row r="44" spans="1:4" ht="18" customHeight="1" x14ac:dyDescent="0.15">
      <c r="A44" s="5">
        <v>32</v>
      </c>
      <c r="B44" s="22">
        <v>31</v>
      </c>
      <c r="C44" s="14">
        <v>17</v>
      </c>
      <c r="D44" s="18">
        <v>48</v>
      </c>
    </row>
    <row r="45" spans="1:4" ht="18" customHeight="1" x14ac:dyDescent="0.15">
      <c r="A45" s="5">
        <v>33</v>
      </c>
      <c r="B45" s="22">
        <v>19</v>
      </c>
      <c r="C45" s="14">
        <v>24</v>
      </c>
      <c r="D45" s="18">
        <v>43</v>
      </c>
    </row>
    <row r="46" spans="1:4" ht="18" customHeight="1" x14ac:dyDescent="0.15">
      <c r="A46" s="5">
        <v>34</v>
      </c>
      <c r="B46" s="22">
        <v>24</v>
      </c>
      <c r="C46" s="14">
        <v>26</v>
      </c>
      <c r="D46" s="18">
        <v>50</v>
      </c>
    </row>
    <row r="47" spans="1:4" ht="18" customHeight="1" x14ac:dyDescent="0.15">
      <c r="A47" s="5" t="s">
        <v>15</v>
      </c>
      <c r="B47" s="22">
        <v>130</v>
      </c>
      <c r="C47" s="14">
        <v>108</v>
      </c>
      <c r="D47" s="18">
        <v>238</v>
      </c>
    </row>
    <row r="48" spans="1:4" ht="18" customHeight="1" x14ac:dyDescent="0.15">
      <c r="A48" s="5">
        <v>35</v>
      </c>
      <c r="B48" s="22">
        <v>28</v>
      </c>
      <c r="C48" s="14">
        <v>25</v>
      </c>
      <c r="D48" s="18">
        <v>53</v>
      </c>
    </row>
    <row r="49" spans="1:4" ht="18" customHeight="1" x14ac:dyDescent="0.15">
      <c r="A49" s="5">
        <v>36</v>
      </c>
      <c r="B49" s="22">
        <v>28</v>
      </c>
      <c r="C49" s="14">
        <v>23</v>
      </c>
      <c r="D49" s="18">
        <v>51</v>
      </c>
    </row>
    <row r="50" spans="1:4" ht="18" customHeight="1" x14ac:dyDescent="0.15">
      <c r="A50" s="5">
        <v>37</v>
      </c>
      <c r="B50" s="22">
        <v>33</v>
      </c>
      <c r="C50" s="14">
        <v>19</v>
      </c>
      <c r="D50" s="18">
        <v>52</v>
      </c>
    </row>
    <row r="51" spans="1:4" ht="18" customHeight="1" x14ac:dyDescent="0.15">
      <c r="A51" s="5">
        <v>38</v>
      </c>
      <c r="B51" s="22">
        <v>24</v>
      </c>
      <c r="C51" s="14">
        <v>28</v>
      </c>
      <c r="D51" s="18">
        <v>52</v>
      </c>
    </row>
    <row r="52" spans="1:4" ht="18" customHeight="1" x14ac:dyDescent="0.15">
      <c r="A52" s="5">
        <v>39</v>
      </c>
      <c r="B52" s="22">
        <v>33</v>
      </c>
      <c r="C52" s="14">
        <v>38</v>
      </c>
      <c r="D52" s="18">
        <v>71</v>
      </c>
    </row>
    <row r="53" spans="1:4" ht="18" customHeight="1" x14ac:dyDescent="0.15">
      <c r="A53" s="5" t="s">
        <v>18</v>
      </c>
      <c r="B53" s="22">
        <v>146</v>
      </c>
      <c r="C53" s="14">
        <v>133</v>
      </c>
      <c r="D53" s="18">
        <v>279</v>
      </c>
    </row>
    <row r="54" spans="1:4" ht="18" customHeight="1" x14ac:dyDescent="0.15">
      <c r="A54" s="5">
        <v>40</v>
      </c>
      <c r="B54" s="22">
        <v>27</v>
      </c>
      <c r="C54" s="14">
        <v>21</v>
      </c>
      <c r="D54" s="18">
        <v>48</v>
      </c>
    </row>
    <row r="55" spans="1:4" ht="18" customHeight="1" x14ac:dyDescent="0.15">
      <c r="A55" s="5">
        <v>41</v>
      </c>
      <c r="B55" s="22">
        <v>23</v>
      </c>
      <c r="C55" s="14">
        <v>26</v>
      </c>
      <c r="D55" s="18">
        <v>49</v>
      </c>
    </row>
    <row r="56" spans="1:4" ht="18" customHeight="1" x14ac:dyDescent="0.15">
      <c r="A56" s="5">
        <v>42</v>
      </c>
      <c r="B56" s="22">
        <v>33</v>
      </c>
      <c r="C56" s="14">
        <v>22</v>
      </c>
      <c r="D56" s="18">
        <v>55</v>
      </c>
    </row>
    <row r="57" spans="1:4" ht="18" customHeight="1" x14ac:dyDescent="0.15">
      <c r="A57" s="5">
        <v>43</v>
      </c>
      <c r="B57" s="22">
        <v>33</v>
      </c>
      <c r="C57" s="14">
        <v>28</v>
      </c>
      <c r="D57" s="18">
        <v>61</v>
      </c>
    </row>
    <row r="58" spans="1:4" ht="18" customHeight="1" x14ac:dyDescent="0.15">
      <c r="A58" s="5">
        <v>44</v>
      </c>
      <c r="B58" s="22">
        <v>34</v>
      </c>
      <c r="C58" s="14">
        <v>35</v>
      </c>
      <c r="D58" s="18">
        <v>69</v>
      </c>
    </row>
    <row r="59" spans="1:4" ht="18" customHeight="1" x14ac:dyDescent="0.15">
      <c r="A59" s="5" t="s">
        <v>21</v>
      </c>
      <c r="B59" s="22">
        <v>150</v>
      </c>
      <c r="C59" s="14">
        <v>132</v>
      </c>
      <c r="D59" s="18">
        <v>282</v>
      </c>
    </row>
    <row r="60" spans="1:4" ht="18" customHeight="1" x14ac:dyDescent="0.15">
      <c r="A60" s="5">
        <v>45</v>
      </c>
      <c r="B60" s="22">
        <v>30</v>
      </c>
      <c r="C60" s="14">
        <v>29</v>
      </c>
      <c r="D60" s="18">
        <v>59</v>
      </c>
    </row>
    <row r="61" spans="1:4" ht="18" customHeight="1" x14ac:dyDescent="0.15">
      <c r="A61" s="5">
        <v>46</v>
      </c>
      <c r="B61" s="22">
        <v>41</v>
      </c>
      <c r="C61" s="14">
        <v>35</v>
      </c>
      <c r="D61" s="18">
        <v>76</v>
      </c>
    </row>
    <row r="62" spans="1:4" ht="18" customHeight="1" x14ac:dyDescent="0.15">
      <c r="A62" s="5">
        <v>47</v>
      </c>
      <c r="B62" s="22">
        <v>41</v>
      </c>
      <c r="C62" s="14">
        <v>43</v>
      </c>
      <c r="D62" s="18">
        <v>84</v>
      </c>
    </row>
    <row r="63" spans="1:4" ht="18" customHeight="1" x14ac:dyDescent="0.15">
      <c r="A63" s="5">
        <v>48</v>
      </c>
      <c r="B63" s="22">
        <v>39</v>
      </c>
      <c r="C63" s="14">
        <v>29</v>
      </c>
      <c r="D63" s="18">
        <v>68</v>
      </c>
    </row>
    <row r="64" spans="1:4" ht="18" customHeight="1" x14ac:dyDescent="0.15">
      <c r="A64" s="5">
        <v>49</v>
      </c>
      <c r="B64" s="22">
        <v>38</v>
      </c>
      <c r="C64" s="14">
        <v>41</v>
      </c>
      <c r="D64" s="18">
        <v>79</v>
      </c>
    </row>
    <row r="65" spans="1:4" ht="18" customHeight="1" x14ac:dyDescent="0.15">
      <c r="A65" s="5" t="s">
        <v>17</v>
      </c>
      <c r="B65" s="22">
        <v>189</v>
      </c>
      <c r="C65" s="14">
        <v>177</v>
      </c>
      <c r="D65" s="18">
        <v>366</v>
      </c>
    </row>
    <row r="66" spans="1:4" ht="18" customHeight="1" x14ac:dyDescent="0.15">
      <c r="A66" s="5">
        <v>50</v>
      </c>
      <c r="B66" s="22">
        <v>42</v>
      </c>
      <c r="C66" s="14">
        <v>32</v>
      </c>
      <c r="D66" s="18">
        <v>74</v>
      </c>
    </row>
    <row r="67" spans="1:4" ht="18" customHeight="1" x14ac:dyDescent="0.15">
      <c r="A67" s="5">
        <v>51</v>
      </c>
      <c r="B67" s="22">
        <v>37</v>
      </c>
      <c r="C67" s="14">
        <v>43</v>
      </c>
      <c r="D67" s="18">
        <v>80</v>
      </c>
    </row>
    <row r="68" spans="1:4" ht="18" customHeight="1" x14ac:dyDescent="0.15">
      <c r="A68" s="5">
        <v>52</v>
      </c>
      <c r="B68" s="22">
        <v>42</v>
      </c>
      <c r="C68" s="14">
        <v>41</v>
      </c>
      <c r="D68" s="18">
        <v>83</v>
      </c>
    </row>
    <row r="69" spans="1:4" ht="18" customHeight="1" x14ac:dyDescent="0.15">
      <c r="A69" s="5">
        <v>53</v>
      </c>
      <c r="B69" s="22">
        <v>46</v>
      </c>
      <c r="C69" s="14">
        <v>47</v>
      </c>
      <c r="D69" s="18">
        <v>93</v>
      </c>
    </row>
    <row r="70" spans="1:4" ht="18" customHeight="1" x14ac:dyDescent="0.15">
      <c r="A70" s="5">
        <v>54</v>
      </c>
      <c r="B70" s="22">
        <v>57</v>
      </c>
      <c r="C70" s="14">
        <v>43</v>
      </c>
      <c r="D70" s="18">
        <v>100</v>
      </c>
    </row>
    <row r="71" spans="1:4" ht="18" customHeight="1" x14ac:dyDescent="0.15">
      <c r="A71" s="5" t="s">
        <v>22</v>
      </c>
      <c r="B71" s="22">
        <v>224</v>
      </c>
      <c r="C71" s="14">
        <v>206</v>
      </c>
      <c r="D71" s="18">
        <v>430</v>
      </c>
    </row>
    <row r="72" spans="1:4" ht="18" customHeight="1" x14ac:dyDescent="0.15">
      <c r="A72" s="5">
        <v>55</v>
      </c>
      <c r="B72" s="22">
        <v>48</v>
      </c>
      <c r="C72" s="14">
        <v>38</v>
      </c>
      <c r="D72" s="18">
        <v>86</v>
      </c>
    </row>
    <row r="73" spans="1:4" ht="18" customHeight="1" x14ac:dyDescent="0.15">
      <c r="A73" s="5">
        <v>56</v>
      </c>
      <c r="B73" s="22">
        <v>51</v>
      </c>
      <c r="C73" s="14">
        <v>47</v>
      </c>
      <c r="D73" s="18">
        <v>98</v>
      </c>
    </row>
    <row r="74" spans="1:4" ht="18" customHeight="1" x14ac:dyDescent="0.15">
      <c r="A74" s="5">
        <v>57</v>
      </c>
      <c r="B74" s="22">
        <v>47</v>
      </c>
      <c r="C74" s="14">
        <v>32</v>
      </c>
      <c r="D74" s="18">
        <v>79</v>
      </c>
    </row>
    <row r="75" spans="1:4" ht="18" customHeight="1" x14ac:dyDescent="0.15">
      <c r="A75" s="5">
        <v>58</v>
      </c>
      <c r="B75" s="22">
        <v>55</v>
      </c>
      <c r="C75" s="14">
        <v>52</v>
      </c>
      <c r="D75" s="18">
        <v>107</v>
      </c>
    </row>
    <row r="76" spans="1:4" ht="18" customHeight="1" x14ac:dyDescent="0.15">
      <c r="A76" s="5">
        <v>59</v>
      </c>
      <c r="B76" s="22">
        <v>28</v>
      </c>
      <c r="C76" s="14">
        <v>35</v>
      </c>
      <c r="D76" s="18">
        <v>63</v>
      </c>
    </row>
    <row r="77" spans="1:4" ht="18" customHeight="1" x14ac:dyDescent="0.15">
      <c r="A77" s="5" t="s">
        <v>27</v>
      </c>
      <c r="B77" s="22">
        <v>229</v>
      </c>
      <c r="C77" s="14">
        <v>204</v>
      </c>
      <c r="D77" s="18">
        <v>433</v>
      </c>
    </row>
    <row r="78" spans="1:4" ht="18" customHeight="1" x14ac:dyDescent="0.15">
      <c r="A78" s="5">
        <v>60</v>
      </c>
      <c r="B78" s="22">
        <v>41</v>
      </c>
      <c r="C78" s="14">
        <v>63</v>
      </c>
      <c r="D78" s="18">
        <v>104</v>
      </c>
    </row>
    <row r="79" spans="1:4" ht="18" customHeight="1" x14ac:dyDescent="0.15">
      <c r="A79" s="5">
        <v>61</v>
      </c>
      <c r="B79" s="22">
        <v>42</v>
      </c>
      <c r="C79" s="14">
        <v>40</v>
      </c>
      <c r="D79" s="18">
        <v>82</v>
      </c>
    </row>
    <row r="80" spans="1:4" ht="18" customHeight="1" x14ac:dyDescent="0.15">
      <c r="A80" s="5">
        <v>62</v>
      </c>
      <c r="B80" s="22">
        <v>45</v>
      </c>
      <c r="C80" s="14">
        <v>41</v>
      </c>
      <c r="D80" s="18">
        <v>86</v>
      </c>
    </row>
    <row r="81" spans="1:4" ht="18" customHeight="1" x14ac:dyDescent="0.15">
      <c r="A81" s="5">
        <v>63</v>
      </c>
      <c r="B81" s="22">
        <v>45</v>
      </c>
      <c r="C81" s="14">
        <v>38</v>
      </c>
      <c r="D81" s="18">
        <v>83</v>
      </c>
    </row>
    <row r="82" spans="1:4" ht="18" customHeight="1" x14ac:dyDescent="0.15">
      <c r="A82" s="5">
        <v>64</v>
      </c>
      <c r="B82" s="22">
        <v>37</v>
      </c>
      <c r="C82" s="14">
        <v>39</v>
      </c>
      <c r="D82" s="18">
        <v>76</v>
      </c>
    </row>
    <row r="83" spans="1:4" ht="18" customHeight="1" x14ac:dyDescent="0.15">
      <c r="A83" s="5" t="s">
        <v>28</v>
      </c>
      <c r="B83" s="22">
        <v>210</v>
      </c>
      <c r="C83" s="14">
        <v>221</v>
      </c>
      <c r="D83" s="18">
        <v>431</v>
      </c>
    </row>
    <row r="84" spans="1:4" ht="18" customHeight="1" x14ac:dyDescent="0.15">
      <c r="A84" s="5" t="s">
        <v>31</v>
      </c>
      <c r="B84" s="22">
        <v>1668</v>
      </c>
      <c r="C84" s="14">
        <v>1475</v>
      </c>
      <c r="D84" s="18">
        <v>3143</v>
      </c>
    </row>
    <row r="85" spans="1:4" ht="18" customHeight="1" x14ac:dyDescent="0.15">
      <c r="A85" s="5">
        <v>65</v>
      </c>
      <c r="B85" s="22">
        <v>30</v>
      </c>
      <c r="C85" s="14">
        <v>38</v>
      </c>
      <c r="D85" s="18">
        <v>68</v>
      </c>
    </row>
    <row r="86" spans="1:4" ht="18" customHeight="1" x14ac:dyDescent="0.15">
      <c r="A86" s="5">
        <v>66</v>
      </c>
      <c r="B86" s="22">
        <v>47</v>
      </c>
      <c r="C86" s="14">
        <v>40</v>
      </c>
      <c r="D86" s="18">
        <v>87</v>
      </c>
    </row>
    <row r="87" spans="1:4" ht="18" customHeight="1" x14ac:dyDescent="0.15">
      <c r="A87" s="5">
        <v>67</v>
      </c>
      <c r="B87" s="22">
        <v>36</v>
      </c>
      <c r="C87" s="14">
        <v>45</v>
      </c>
      <c r="D87" s="18">
        <v>81</v>
      </c>
    </row>
    <row r="88" spans="1:4" ht="18" customHeight="1" x14ac:dyDescent="0.15">
      <c r="A88" s="5">
        <v>68</v>
      </c>
      <c r="B88" s="22">
        <v>35</v>
      </c>
      <c r="C88" s="14">
        <v>32</v>
      </c>
      <c r="D88" s="18">
        <v>67</v>
      </c>
    </row>
    <row r="89" spans="1:4" ht="18" customHeight="1" x14ac:dyDescent="0.15">
      <c r="A89" s="5">
        <v>69</v>
      </c>
      <c r="B89" s="22">
        <v>41</v>
      </c>
      <c r="C89" s="14">
        <v>44</v>
      </c>
      <c r="D89" s="18">
        <v>85</v>
      </c>
    </row>
    <row r="90" spans="1:4" ht="18" customHeight="1" x14ac:dyDescent="0.15">
      <c r="A90" s="5" t="s">
        <v>20</v>
      </c>
      <c r="B90" s="22">
        <v>189</v>
      </c>
      <c r="C90" s="14">
        <v>199</v>
      </c>
      <c r="D90" s="18">
        <v>388</v>
      </c>
    </row>
    <row r="91" spans="1:4" ht="18" customHeight="1" x14ac:dyDescent="0.15">
      <c r="A91" s="5">
        <v>70</v>
      </c>
      <c r="B91" s="22">
        <v>41</v>
      </c>
      <c r="C91" s="14">
        <v>35</v>
      </c>
      <c r="D91" s="18">
        <v>76</v>
      </c>
    </row>
    <row r="92" spans="1:4" ht="18" customHeight="1" x14ac:dyDescent="0.15">
      <c r="A92" s="5">
        <v>71</v>
      </c>
      <c r="B92" s="22">
        <v>24</v>
      </c>
      <c r="C92" s="14">
        <v>42</v>
      </c>
      <c r="D92" s="18">
        <v>66</v>
      </c>
    </row>
    <row r="93" spans="1:4" ht="18" customHeight="1" x14ac:dyDescent="0.15">
      <c r="A93" s="5">
        <v>72</v>
      </c>
      <c r="B93" s="22">
        <v>26</v>
      </c>
      <c r="C93" s="14">
        <v>36</v>
      </c>
      <c r="D93" s="18">
        <v>62</v>
      </c>
    </row>
    <row r="94" spans="1:4" ht="18" customHeight="1" x14ac:dyDescent="0.15">
      <c r="A94" s="5">
        <v>73</v>
      </c>
      <c r="B94" s="22">
        <v>41</v>
      </c>
      <c r="C94" s="14">
        <v>42</v>
      </c>
      <c r="D94" s="18">
        <v>83</v>
      </c>
    </row>
    <row r="95" spans="1:4" ht="18" customHeight="1" x14ac:dyDescent="0.15">
      <c r="A95" s="5">
        <v>74</v>
      </c>
      <c r="B95" s="22">
        <v>33</v>
      </c>
      <c r="C95" s="14">
        <v>45</v>
      </c>
      <c r="D95" s="18">
        <v>78</v>
      </c>
    </row>
    <row r="96" spans="1:4" ht="18" customHeight="1" x14ac:dyDescent="0.15">
      <c r="A96" s="5" t="s">
        <v>33</v>
      </c>
      <c r="B96" s="22">
        <v>165</v>
      </c>
      <c r="C96" s="14">
        <v>200</v>
      </c>
      <c r="D96" s="18">
        <v>365</v>
      </c>
    </row>
    <row r="97" spans="1:4" ht="18" customHeight="1" x14ac:dyDescent="0.15">
      <c r="A97" s="5">
        <v>75</v>
      </c>
      <c r="B97" s="22">
        <v>36</v>
      </c>
      <c r="C97" s="14">
        <v>45</v>
      </c>
      <c r="D97" s="18">
        <v>81</v>
      </c>
    </row>
    <row r="98" spans="1:4" ht="18" customHeight="1" x14ac:dyDescent="0.15">
      <c r="A98" s="5">
        <v>76</v>
      </c>
      <c r="B98" s="22">
        <v>50</v>
      </c>
      <c r="C98" s="14">
        <v>50</v>
      </c>
      <c r="D98" s="18">
        <v>100</v>
      </c>
    </row>
    <row r="99" spans="1:4" ht="18" customHeight="1" x14ac:dyDescent="0.15">
      <c r="A99" s="5">
        <v>77</v>
      </c>
      <c r="B99" s="22">
        <v>54</v>
      </c>
      <c r="C99" s="14">
        <v>58</v>
      </c>
      <c r="D99" s="18">
        <v>112</v>
      </c>
    </row>
    <row r="100" spans="1:4" ht="18" customHeight="1" x14ac:dyDescent="0.15">
      <c r="A100" s="5">
        <v>78</v>
      </c>
      <c r="B100" s="22">
        <v>52</v>
      </c>
      <c r="C100" s="14">
        <v>65</v>
      </c>
      <c r="D100" s="18">
        <v>117</v>
      </c>
    </row>
    <row r="101" spans="1:4" ht="18" customHeight="1" x14ac:dyDescent="0.15">
      <c r="A101" s="5">
        <v>79</v>
      </c>
      <c r="B101" s="22">
        <v>23</v>
      </c>
      <c r="C101" s="14">
        <v>46</v>
      </c>
      <c r="D101" s="18">
        <v>69</v>
      </c>
    </row>
    <row r="102" spans="1:4" ht="18" customHeight="1" x14ac:dyDescent="0.15">
      <c r="A102" s="5" t="s">
        <v>0</v>
      </c>
      <c r="B102" s="22">
        <v>215</v>
      </c>
      <c r="C102" s="14">
        <v>264</v>
      </c>
      <c r="D102" s="18">
        <v>479</v>
      </c>
    </row>
    <row r="103" spans="1:4" ht="18" customHeight="1" x14ac:dyDescent="0.15">
      <c r="A103" s="5">
        <v>80</v>
      </c>
      <c r="B103" s="22">
        <v>28</v>
      </c>
      <c r="C103" s="14">
        <v>36</v>
      </c>
      <c r="D103" s="18">
        <v>64</v>
      </c>
    </row>
    <row r="104" spans="1:4" ht="18" customHeight="1" x14ac:dyDescent="0.15">
      <c r="A104" s="5">
        <v>81</v>
      </c>
      <c r="B104" s="22">
        <v>32</v>
      </c>
      <c r="C104" s="14">
        <v>48</v>
      </c>
      <c r="D104" s="18">
        <v>80</v>
      </c>
    </row>
    <row r="105" spans="1:4" ht="18" customHeight="1" x14ac:dyDescent="0.15">
      <c r="A105" s="5">
        <v>82</v>
      </c>
      <c r="B105" s="22">
        <v>21</v>
      </c>
      <c r="C105" s="14">
        <v>52</v>
      </c>
      <c r="D105" s="18">
        <v>73</v>
      </c>
    </row>
    <row r="106" spans="1:4" ht="18" customHeight="1" x14ac:dyDescent="0.15">
      <c r="A106" s="5">
        <v>83</v>
      </c>
      <c r="B106" s="22">
        <v>33</v>
      </c>
      <c r="C106" s="14">
        <v>45</v>
      </c>
      <c r="D106" s="18">
        <v>78</v>
      </c>
    </row>
    <row r="107" spans="1:4" ht="18" customHeight="1" x14ac:dyDescent="0.15">
      <c r="A107" s="5">
        <v>84</v>
      </c>
      <c r="B107" s="22">
        <v>29</v>
      </c>
      <c r="C107" s="14">
        <v>48</v>
      </c>
      <c r="D107" s="18">
        <v>77</v>
      </c>
    </row>
    <row r="108" spans="1:4" ht="18" customHeight="1" x14ac:dyDescent="0.15">
      <c r="A108" s="5" t="s">
        <v>35</v>
      </c>
      <c r="B108" s="22">
        <v>143</v>
      </c>
      <c r="C108" s="14">
        <v>229</v>
      </c>
      <c r="D108" s="18">
        <v>372</v>
      </c>
    </row>
    <row r="109" spans="1:4" ht="18" customHeight="1" x14ac:dyDescent="0.15">
      <c r="A109" s="5">
        <v>85</v>
      </c>
      <c r="B109" s="22">
        <v>28</v>
      </c>
      <c r="C109" s="14">
        <v>40</v>
      </c>
      <c r="D109" s="18">
        <v>68</v>
      </c>
    </row>
    <row r="110" spans="1:4" ht="18" customHeight="1" x14ac:dyDescent="0.15">
      <c r="A110" s="5">
        <v>86</v>
      </c>
      <c r="B110" s="22">
        <v>21</v>
      </c>
      <c r="C110" s="14">
        <v>28</v>
      </c>
      <c r="D110" s="18">
        <v>49</v>
      </c>
    </row>
    <row r="111" spans="1:4" ht="18" customHeight="1" x14ac:dyDescent="0.15">
      <c r="A111" s="5">
        <v>87</v>
      </c>
      <c r="B111" s="22">
        <v>11</v>
      </c>
      <c r="C111" s="14">
        <v>34</v>
      </c>
      <c r="D111" s="18">
        <v>45</v>
      </c>
    </row>
    <row r="112" spans="1:4" ht="18" customHeight="1" x14ac:dyDescent="0.15">
      <c r="A112" s="5">
        <v>88</v>
      </c>
      <c r="B112" s="22">
        <v>18</v>
      </c>
      <c r="C112" s="14">
        <v>25</v>
      </c>
      <c r="D112" s="18">
        <v>43</v>
      </c>
    </row>
    <row r="113" spans="1:4" ht="18" customHeight="1" x14ac:dyDescent="0.15">
      <c r="A113" s="5">
        <v>89</v>
      </c>
      <c r="B113" s="22">
        <v>11</v>
      </c>
      <c r="C113" s="14">
        <v>35</v>
      </c>
      <c r="D113" s="18">
        <v>46</v>
      </c>
    </row>
    <row r="114" spans="1:4" ht="18" customHeight="1" x14ac:dyDescent="0.15">
      <c r="A114" s="5" t="s">
        <v>37</v>
      </c>
      <c r="B114" s="22">
        <v>89</v>
      </c>
      <c r="C114" s="14">
        <v>162</v>
      </c>
      <c r="D114" s="18">
        <v>251</v>
      </c>
    </row>
    <row r="115" spans="1:4" ht="18" customHeight="1" x14ac:dyDescent="0.15">
      <c r="A115" s="5">
        <v>90</v>
      </c>
      <c r="B115" s="22">
        <v>18</v>
      </c>
      <c r="C115" s="14">
        <v>28</v>
      </c>
      <c r="D115" s="18">
        <v>46</v>
      </c>
    </row>
    <row r="116" spans="1:4" ht="18" customHeight="1" x14ac:dyDescent="0.15">
      <c r="A116" s="5">
        <v>91</v>
      </c>
      <c r="B116" s="22">
        <v>10</v>
      </c>
      <c r="C116" s="14">
        <v>26</v>
      </c>
      <c r="D116" s="18">
        <v>36</v>
      </c>
    </row>
    <row r="117" spans="1:4" ht="18" customHeight="1" x14ac:dyDescent="0.15">
      <c r="A117" s="5">
        <v>92</v>
      </c>
      <c r="B117" s="22">
        <v>7</v>
      </c>
      <c r="C117" s="14">
        <v>35</v>
      </c>
      <c r="D117" s="18">
        <v>42</v>
      </c>
    </row>
    <row r="118" spans="1:4" ht="18" customHeight="1" x14ac:dyDescent="0.15">
      <c r="A118" s="5">
        <v>93</v>
      </c>
      <c r="B118" s="22">
        <v>4</v>
      </c>
      <c r="C118" s="14">
        <v>13</v>
      </c>
      <c r="D118" s="18">
        <v>17</v>
      </c>
    </row>
    <row r="119" spans="1:4" ht="18" customHeight="1" x14ac:dyDescent="0.15">
      <c r="A119" s="5">
        <v>94</v>
      </c>
      <c r="B119" s="22">
        <v>3</v>
      </c>
      <c r="C119" s="14">
        <v>17</v>
      </c>
      <c r="D119" s="18">
        <v>20</v>
      </c>
    </row>
    <row r="120" spans="1:4" ht="18" customHeight="1" x14ac:dyDescent="0.15">
      <c r="A120" s="5" t="s">
        <v>39</v>
      </c>
      <c r="B120" s="22">
        <v>42</v>
      </c>
      <c r="C120" s="14">
        <v>119</v>
      </c>
      <c r="D120" s="18">
        <v>161</v>
      </c>
    </row>
    <row r="121" spans="1:4" ht="18" customHeight="1" x14ac:dyDescent="0.15">
      <c r="A121" s="5">
        <v>95</v>
      </c>
      <c r="B121" s="22">
        <v>3</v>
      </c>
      <c r="C121" s="14">
        <v>16</v>
      </c>
      <c r="D121" s="18">
        <v>19</v>
      </c>
    </row>
    <row r="122" spans="1:4" ht="18" customHeight="1" x14ac:dyDescent="0.15">
      <c r="A122" s="5">
        <v>96</v>
      </c>
      <c r="B122" s="22">
        <v>1</v>
      </c>
      <c r="C122" s="14">
        <v>14</v>
      </c>
      <c r="D122" s="18">
        <v>15</v>
      </c>
    </row>
    <row r="123" spans="1:4" ht="18" customHeight="1" x14ac:dyDescent="0.15">
      <c r="A123" s="5">
        <v>97</v>
      </c>
      <c r="B123" s="22">
        <v>3</v>
      </c>
      <c r="C123" s="14">
        <v>4</v>
      </c>
      <c r="D123" s="18">
        <v>7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0</v>
      </c>
      <c r="C125" s="14">
        <v>7</v>
      </c>
      <c r="D125" s="18">
        <v>7</v>
      </c>
    </row>
    <row r="126" spans="1:4" ht="18" customHeight="1" x14ac:dyDescent="0.15">
      <c r="A126" s="5" t="s">
        <v>40</v>
      </c>
      <c r="B126" s="22">
        <v>8</v>
      </c>
      <c r="C126" s="14">
        <v>44</v>
      </c>
      <c r="D126" s="18">
        <v>52</v>
      </c>
    </row>
    <row r="127" spans="1:4" ht="18" customHeight="1" x14ac:dyDescent="0.15">
      <c r="A127" s="5">
        <v>100</v>
      </c>
      <c r="B127" s="22">
        <v>1</v>
      </c>
      <c r="C127" s="14">
        <v>3</v>
      </c>
      <c r="D127" s="18">
        <v>4</v>
      </c>
    </row>
    <row r="128" spans="1:4" ht="18" customHeight="1" x14ac:dyDescent="0.15">
      <c r="A128" s="6" t="s">
        <v>43</v>
      </c>
      <c r="B128" s="22">
        <v>1</v>
      </c>
      <c r="C128" s="14">
        <v>4</v>
      </c>
      <c r="D128" s="18">
        <v>5</v>
      </c>
    </row>
    <row r="129" spans="1:4" ht="18" customHeight="1" x14ac:dyDescent="0.15">
      <c r="A129" s="5" t="s">
        <v>44</v>
      </c>
      <c r="B129" s="22">
        <v>2</v>
      </c>
      <c r="C129" s="14">
        <v>7</v>
      </c>
      <c r="D129" s="18">
        <v>9</v>
      </c>
    </row>
    <row r="130" spans="1:4" ht="18" customHeight="1" x14ac:dyDescent="0.15">
      <c r="A130" s="5" t="s">
        <v>46</v>
      </c>
      <c r="B130" s="22">
        <v>853</v>
      </c>
      <c r="C130" s="14">
        <v>1224</v>
      </c>
      <c r="D130" s="18">
        <v>2077</v>
      </c>
    </row>
    <row r="131" spans="1:4" ht="18" customHeight="1" x14ac:dyDescent="0.15">
      <c r="A131" s="7" t="s">
        <v>45</v>
      </c>
      <c r="B131" s="23">
        <v>2753</v>
      </c>
      <c r="C131" s="15">
        <v>2924</v>
      </c>
      <c r="D131" s="19">
        <v>567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8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2</v>
      </c>
      <c r="C13" s="14">
        <v>0</v>
      </c>
      <c r="D13" s="18">
        <v>2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2</v>
      </c>
      <c r="C16" s="14">
        <v>1</v>
      </c>
      <c r="D16" s="18">
        <v>3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1</v>
      </c>
      <c r="D18" s="18">
        <v>1</v>
      </c>
    </row>
    <row r="19" spans="1:4" ht="18" customHeight="1" x14ac:dyDescent="0.15">
      <c r="A19" s="5">
        <v>12</v>
      </c>
      <c r="B19" s="22">
        <v>1</v>
      </c>
      <c r="C19" s="14">
        <v>0</v>
      </c>
      <c r="D19" s="18">
        <v>1</v>
      </c>
    </row>
    <row r="20" spans="1:4" ht="18" customHeight="1" x14ac:dyDescent="0.15">
      <c r="A20" s="5">
        <v>13</v>
      </c>
      <c r="B20" s="22">
        <v>1</v>
      </c>
      <c r="C20" s="14">
        <v>0</v>
      </c>
      <c r="D20" s="18">
        <v>1</v>
      </c>
    </row>
    <row r="21" spans="1:4" ht="18" customHeight="1" x14ac:dyDescent="0.15">
      <c r="A21" s="5">
        <v>14</v>
      </c>
      <c r="B21" s="22">
        <v>3</v>
      </c>
      <c r="C21" s="14">
        <v>2</v>
      </c>
      <c r="D21" s="18">
        <v>5</v>
      </c>
    </row>
    <row r="22" spans="1:4" ht="18" customHeight="1" x14ac:dyDescent="0.15">
      <c r="A22" s="5" t="s">
        <v>12</v>
      </c>
      <c r="B22" s="22">
        <v>5</v>
      </c>
      <c r="C22" s="14">
        <v>4</v>
      </c>
      <c r="D22" s="18">
        <v>9</v>
      </c>
    </row>
    <row r="23" spans="1:4" ht="18" customHeight="1" x14ac:dyDescent="0.15">
      <c r="A23" s="5" t="s">
        <v>6</v>
      </c>
      <c r="B23" s="22">
        <v>7</v>
      </c>
      <c r="C23" s="14">
        <v>5</v>
      </c>
      <c r="D23" s="18">
        <v>12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0</v>
      </c>
      <c r="C25" s="14">
        <v>1</v>
      </c>
      <c r="D25" s="18">
        <v>1</v>
      </c>
    </row>
    <row r="26" spans="1:4" ht="18" customHeight="1" x14ac:dyDescent="0.15">
      <c r="A26" s="5">
        <v>17</v>
      </c>
      <c r="B26" s="22">
        <v>2</v>
      </c>
      <c r="C26" s="14">
        <v>2</v>
      </c>
      <c r="D26" s="18">
        <v>4</v>
      </c>
    </row>
    <row r="27" spans="1:4" ht="18" customHeight="1" x14ac:dyDescent="0.15">
      <c r="A27" s="5">
        <v>18</v>
      </c>
      <c r="B27" s="22">
        <v>2</v>
      </c>
      <c r="C27" s="14">
        <v>2</v>
      </c>
      <c r="D27" s="18">
        <v>4</v>
      </c>
    </row>
    <row r="28" spans="1:4" ht="18" customHeight="1" x14ac:dyDescent="0.15">
      <c r="A28" s="5">
        <v>19</v>
      </c>
      <c r="B28" s="22">
        <v>1</v>
      </c>
      <c r="C28" s="14">
        <v>2</v>
      </c>
      <c r="D28" s="18">
        <v>3</v>
      </c>
    </row>
    <row r="29" spans="1:4" ht="18" customHeight="1" x14ac:dyDescent="0.15">
      <c r="A29" s="5" t="s">
        <v>14</v>
      </c>
      <c r="B29" s="22">
        <v>6</v>
      </c>
      <c r="C29" s="14">
        <v>7</v>
      </c>
      <c r="D29" s="18">
        <v>13</v>
      </c>
    </row>
    <row r="30" spans="1:4" ht="18" customHeight="1" x14ac:dyDescent="0.15">
      <c r="A30" s="5">
        <v>20</v>
      </c>
      <c r="B30" s="22">
        <v>1</v>
      </c>
      <c r="C30" s="14">
        <v>3</v>
      </c>
      <c r="D30" s="18">
        <v>4</v>
      </c>
    </row>
    <row r="31" spans="1:4" ht="18" customHeight="1" x14ac:dyDescent="0.15">
      <c r="A31" s="5">
        <v>21</v>
      </c>
      <c r="B31" s="22">
        <v>4</v>
      </c>
      <c r="C31" s="14">
        <v>0</v>
      </c>
      <c r="D31" s="18">
        <v>4</v>
      </c>
    </row>
    <row r="32" spans="1:4" ht="18" customHeight="1" x14ac:dyDescent="0.15">
      <c r="A32" s="5">
        <v>22</v>
      </c>
      <c r="B32" s="22">
        <v>2</v>
      </c>
      <c r="C32" s="14">
        <v>1</v>
      </c>
      <c r="D32" s="18">
        <v>3</v>
      </c>
    </row>
    <row r="33" spans="1:4" ht="18" customHeight="1" x14ac:dyDescent="0.15">
      <c r="A33" s="5">
        <v>23</v>
      </c>
      <c r="B33" s="22">
        <v>1</v>
      </c>
      <c r="C33" s="14">
        <v>1</v>
      </c>
      <c r="D33" s="18">
        <v>2</v>
      </c>
    </row>
    <row r="34" spans="1:4" ht="18" customHeight="1" x14ac:dyDescent="0.15">
      <c r="A34" s="5">
        <v>24</v>
      </c>
      <c r="B34" s="22">
        <v>2</v>
      </c>
      <c r="C34" s="14">
        <v>1</v>
      </c>
      <c r="D34" s="18">
        <v>3</v>
      </c>
    </row>
    <row r="35" spans="1:4" ht="18" customHeight="1" x14ac:dyDescent="0.15">
      <c r="A35" s="5" t="s">
        <v>9</v>
      </c>
      <c r="B35" s="22">
        <v>10</v>
      </c>
      <c r="C35" s="14">
        <v>6</v>
      </c>
      <c r="D35" s="18">
        <v>16</v>
      </c>
    </row>
    <row r="36" spans="1:4" ht="18" customHeight="1" x14ac:dyDescent="0.15">
      <c r="A36" s="5">
        <v>25</v>
      </c>
      <c r="B36" s="22">
        <v>1</v>
      </c>
      <c r="C36" s="14">
        <v>0</v>
      </c>
      <c r="D36" s="18">
        <v>1</v>
      </c>
    </row>
    <row r="37" spans="1:4" ht="18" customHeight="1" x14ac:dyDescent="0.15">
      <c r="A37" s="5">
        <v>26</v>
      </c>
      <c r="B37" s="22">
        <v>1</v>
      </c>
      <c r="C37" s="14">
        <v>2</v>
      </c>
      <c r="D37" s="18">
        <v>3</v>
      </c>
    </row>
    <row r="38" spans="1:4" ht="18" customHeight="1" x14ac:dyDescent="0.15">
      <c r="A38" s="5">
        <v>27</v>
      </c>
      <c r="B38" s="22">
        <v>5</v>
      </c>
      <c r="C38" s="14">
        <v>2</v>
      </c>
      <c r="D38" s="18">
        <v>7</v>
      </c>
    </row>
    <row r="39" spans="1:4" ht="18" customHeight="1" x14ac:dyDescent="0.15">
      <c r="A39" s="5">
        <v>28</v>
      </c>
      <c r="B39" s="22">
        <v>0</v>
      </c>
      <c r="C39" s="14">
        <v>1</v>
      </c>
      <c r="D39" s="18">
        <v>1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7</v>
      </c>
      <c r="C41" s="14">
        <v>5</v>
      </c>
      <c r="D41" s="18">
        <v>12</v>
      </c>
    </row>
    <row r="42" spans="1:4" ht="18" customHeight="1" x14ac:dyDescent="0.15">
      <c r="A42" s="5">
        <v>30</v>
      </c>
      <c r="B42" s="22">
        <v>0</v>
      </c>
      <c r="C42" s="14">
        <v>2</v>
      </c>
      <c r="D42" s="18">
        <v>2</v>
      </c>
    </row>
    <row r="43" spans="1:4" ht="18" customHeight="1" x14ac:dyDescent="0.15">
      <c r="A43" s="5">
        <v>31</v>
      </c>
      <c r="B43" s="22">
        <v>0</v>
      </c>
      <c r="C43" s="14">
        <v>2</v>
      </c>
      <c r="D43" s="18">
        <v>2</v>
      </c>
    </row>
    <row r="44" spans="1:4" ht="18" customHeight="1" x14ac:dyDescent="0.15">
      <c r="A44" s="5">
        <v>32</v>
      </c>
      <c r="B44" s="22">
        <v>3</v>
      </c>
      <c r="C44" s="14">
        <v>0</v>
      </c>
      <c r="D44" s="18">
        <v>3</v>
      </c>
    </row>
    <row r="45" spans="1:4" ht="18" customHeight="1" x14ac:dyDescent="0.15">
      <c r="A45" s="5">
        <v>33</v>
      </c>
      <c r="B45" s="22">
        <v>1</v>
      </c>
      <c r="C45" s="14">
        <v>1</v>
      </c>
      <c r="D45" s="18">
        <v>2</v>
      </c>
    </row>
    <row r="46" spans="1:4" ht="18" customHeight="1" x14ac:dyDescent="0.15">
      <c r="A46" s="5">
        <v>34</v>
      </c>
      <c r="B46" s="22">
        <v>2</v>
      </c>
      <c r="C46" s="14">
        <v>1</v>
      </c>
      <c r="D46" s="18">
        <v>3</v>
      </c>
    </row>
    <row r="47" spans="1:4" ht="18" customHeight="1" x14ac:dyDescent="0.15">
      <c r="A47" s="5" t="s">
        <v>15</v>
      </c>
      <c r="B47" s="22">
        <v>6</v>
      </c>
      <c r="C47" s="14">
        <v>6</v>
      </c>
      <c r="D47" s="18">
        <v>12</v>
      </c>
    </row>
    <row r="48" spans="1:4" ht="18" customHeight="1" x14ac:dyDescent="0.15">
      <c r="A48" s="5">
        <v>35</v>
      </c>
      <c r="B48" s="22">
        <v>1</v>
      </c>
      <c r="C48" s="14">
        <v>0</v>
      </c>
      <c r="D48" s="18">
        <v>1</v>
      </c>
    </row>
    <row r="49" spans="1:4" ht="18" customHeight="1" x14ac:dyDescent="0.15">
      <c r="A49" s="5">
        <v>36</v>
      </c>
      <c r="B49" s="22">
        <v>1</v>
      </c>
      <c r="C49" s="14">
        <v>1</v>
      </c>
      <c r="D49" s="18">
        <v>2</v>
      </c>
    </row>
    <row r="50" spans="1:4" ht="18" customHeight="1" x14ac:dyDescent="0.15">
      <c r="A50" s="5">
        <v>37</v>
      </c>
      <c r="B50" s="22">
        <v>3</v>
      </c>
      <c r="C50" s="14">
        <v>0</v>
      </c>
      <c r="D50" s="18">
        <v>3</v>
      </c>
    </row>
    <row r="51" spans="1:4" ht="18" customHeight="1" x14ac:dyDescent="0.15">
      <c r="A51" s="5">
        <v>38</v>
      </c>
      <c r="B51" s="22">
        <v>0</v>
      </c>
      <c r="C51" s="14">
        <v>2</v>
      </c>
      <c r="D51" s="18">
        <v>2</v>
      </c>
    </row>
    <row r="52" spans="1:4" ht="18" customHeight="1" x14ac:dyDescent="0.15">
      <c r="A52" s="5">
        <v>39</v>
      </c>
      <c r="B52" s="22">
        <v>3</v>
      </c>
      <c r="C52" s="14">
        <v>2</v>
      </c>
      <c r="D52" s="18">
        <v>5</v>
      </c>
    </row>
    <row r="53" spans="1:4" ht="18" customHeight="1" x14ac:dyDescent="0.15">
      <c r="A53" s="5" t="s">
        <v>18</v>
      </c>
      <c r="B53" s="22">
        <v>8</v>
      </c>
      <c r="C53" s="14">
        <v>5</v>
      </c>
      <c r="D53" s="18">
        <v>13</v>
      </c>
    </row>
    <row r="54" spans="1:4" ht="18" customHeight="1" x14ac:dyDescent="0.15">
      <c r="A54" s="5">
        <v>40</v>
      </c>
      <c r="B54" s="22">
        <v>2</v>
      </c>
      <c r="C54" s="14">
        <v>2</v>
      </c>
      <c r="D54" s="18">
        <v>4</v>
      </c>
    </row>
    <row r="55" spans="1:4" ht="18" customHeight="1" x14ac:dyDescent="0.15">
      <c r="A55" s="5">
        <v>41</v>
      </c>
      <c r="B55" s="22">
        <v>4</v>
      </c>
      <c r="C55" s="14">
        <v>0</v>
      </c>
      <c r="D55" s="18">
        <v>4</v>
      </c>
    </row>
    <row r="56" spans="1:4" ht="18" customHeight="1" x14ac:dyDescent="0.15">
      <c r="A56" s="5">
        <v>42</v>
      </c>
      <c r="B56" s="22">
        <v>2</v>
      </c>
      <c r="C56" s="14">
        <v>0</v>
      </c>
      <c r="D56" s="18">
        <v>2</v>
      </c>
    </row>
    <row r="57" spans="1:4" ht="18" customHeight="1" x14ac:dyDescent="0.15">
      <c r="A57" s="5">
        <v>43</v>
      </c>
      <c r="B57" s="22">
        <v>2</v>
      </c>
      <c r="C57" s="14">
        <v>2</v>
      </c>
      <c r="D57" s="18">
        <v>4</v>
      </c>
    </row>
    <row r="58" spans="1:4" ht="18" customHeight="1" x14ac:dyDescent="0.15">
      <c r="A58" s="5">
        <v>44</v>
      </c>
      <c r="B58" s="22">
        <v>2</v>
      </c>
      <c r="C58" s="14">
        <v>0</v>
      </c>
      <c r="D58" s="18">
        <v>2</v>
      </c>
    </row>
    <row r="59" spans="1:4" ht="18" customHeight="1" x14ac:dyDescent="0.15">
      <c r="A59" s="5" t="s">
        <v>21</v>
      </c>
      <c r="B59" s="22">
        <v>12</v>
      </c>
      <c r="C59" s="14">
        <v>4</v>
      </c>
      <c r="D59" s="18">
        <v>16</v>
      </c>
    </row>
    <row r="60" spans="1:4" ht="18" customHeight="1" x14ac:dyDescent="0.15">
      <c r="A60" s="5">
        <v>45</v>
      </c>
      <c r="B60" s="22">
        <v>5</v>
      </c>
      <c r="C60" s="14">
        <v>3</v>
      </c>
      <c r="D60" s="18">
        <v>8</v>
      </c>
    </row>
    <row r="61" spans="1:4" ht="18" customHeight="1" x14ac:dyDescent="0.15">
      <c r="A61" s="5">
        <v>46</v>
      </c>
      <c r="B61" s="22">
        <v>3</v>
      </c>
      <c r="C61" s="14">
        <v>1</v>
      </c>
      <c r="D61" s="18">
        <v>4</v>
      </c>
    </row>
    <row r="62" spans="1:4" ht="18" customHeight="1" x14ac:dyDescent="0.15">
      <c r="A62" s="5">
        <v>47</v>
      </c>
      <c r="B62" s="22">
        <v>3</v>
      </c>
      <c r="C62" s="14">
        <v>4</v>
      </c>
      <c r="D62" s="18">
        <v>7</v>
      </c>
    </row>
    <row r="63" spans="1:4" ht="18" customHeight="1" x14ac:dyDescent="0.15">
      <c r="A63" s="5">
        <v>48</v>
      </c>
      <c r="B63" s="22">
        <v>3</v>
      </c>
      <c r="C63" s="14">
        <v>4</v>
      </c>
      <c r="D63" s="18">
        <v>7</v>
      </c>
    </row>
    <row r="64" spans="1:4" ht="18" customHeight="1" x14ac:dyDescent="0.15">
      <c r="A64" s="5">
        <v>49</v>
      </c>
      <c r="B64" s="22">
        <v>4</v>
      </c>
      <c r="C64" s="14">
        <v>2</v>
      </c>
      <c r="D64" s="18">
        <v>6</v>
      </c>
    </row>
    <row r="65" spans="1:4" ht="18" customHeight="1" x14ac:dyDescent="0.15">
      <c r="A65" s="5" t="s">
        <v>17</v>
      </c>
      <c r="B65" s="22">
        <v>18</v>
      </c>
      <c r="C65" s="14">
        <v>14</v>
      </c>
      <c r="D65" s="18">
        <v>32</v>
      </c>
    </row>
    <row r="66" spans="1:4" ht="18" customHeight="1" x14ac:dyDescent="0.15">
      <c r="A66" s="5">
        <v>50</v>
      </c>
      <c r="B66" s="22">
        <v>6</v>
      </c>
      <c r="C66" s="14">
        <v>3</v>
      </c>
      <c r="D66" s="18">
        <v>9</v>
      </c>
    </row>
    <row r="67" spans="1:4" ht="18" customHeight="1" x14ac:dyDescent="0.15">
      <c r="A67" s="5">
        <v>51</v>
      </c>
      <c r="B67" s="22">
        <v>7</v>
      </c>
      <c r="C67" s="14">
        <v>6</v>
      </c>
      <c r="D67" s="18">
        <v>13</v>
      </c>
    </row>
    <row r="68" spans="1:4" ht="18" customHeight="1" x14ac:dyDescent="0.15">
      <c r="A68" s="5">
        <v>52</v>
      </c>
      <c r="B68" s="22">
        <v>3</v>
      </c>
      <c r="C68" s="14">
        <v>4</v>
      </c>
      <c r="D68" s="18">
        <v>7</v>
      </c>
    </row>
    <row r="69" spans="1:4" ht="18" customHeight="1" x14ac:dyDescent="0.15">
      <c r="A69" s="5">
        <v>53</v>
      </c>
      <c r="B69" s="22">
        <v>6</v>
      </c>
      <c r="C69" s="14">
        <v>1</v>
      </c>
      <c r="D69" s="18">
        <v>7</v>
      </c>
    </row>
    <row r="70" spans="1:4" ht="18" customHeight="1" x14ac:dyDescent="0.15">
      <c r="A70" s="5">
        <v>54</v>
      </c>
      <c r="B70" s="22">
        <v>3</v>
      </c>
      <c r="C70" s="14">
        <v>3</v>
      </c>
      <c r="D70" s="18">
        <v>6</v>
      </c>
    </row>
    <row r="71" spans="1:4" ht="18" customHeight="1" x14ac:dyDescent="0.15">
      <c r="A71" s="5" t="s">
        <v>22</v>
      </c>
      <c r="B71" s="22">
        <v>25</v>
      </c>
      <c r="C71" s="14">
        <v>17</v>
      </c>
      <c r="D71" s="18">
        <v>42</v>
      </c>
    </row>
    <row r="72" spans="1:4" ht="18" customHeight="1" x14ac:dyDescent="0.15">
      <c r="A72" s="5">
        <v>55</v>
      </c>
      <c r="B72" s="22">
        <v>2</v>
      </c>
      <c r="C72" s="14">
        <v>0</v>
      </c>
      <c r="D72" s="18">
        <v>2</v>
      </c>
    </row>
    <row r="73" spans="1:4" ht="18" customHeight="1" x14ac:dyDescent="0.15">
      <c r="A73" s="5">
        <v>56</v>
      </c>
      <c r="B73" s="22">
        <v>6</v>
      </c>
      <c r="C73" s="14">
        <v>3</v>
      </c>
      <c r="D73" s="18">
        <v>9</v>
      </c>
    </row>
    <row r="74" spans="1:4" ht="18" customHeight="1" x14ac:dyDescent="0.15">
      <c r="A74" s="5">
        <v>57</v>
      </c>
      <c r="B74" s="22">
        <v>2</v>
      </c>
      <c r="C74" s="14">
        <v>4</v>
      </c>
      <c r="D74" s="18">
        <v>6</v>
      </c>
    </row>
    <row r="75" spans="1:4" ht="18" customHeight="1" x14ac:dyDescent="0.15">
      <c r="A75" s="5">
        <v>58</v>
      </c>
      <c r="B75" s="22">
        <v>4</v>
      </c>
      <c r="C75" s="14">
        <v>3</v>
      </c>
      <c r="D75" s="18">
        <v>7</v>
      </c>
    </row>
    <row r="76" spans="1:4" ht="18" customHeight="1" x14ac:dyDescent="0.15">
      <c r="A76" s="5">
        <v>59</v>
      </c>
      <c r="B76" s="22">
        <v>0</v>
      </c>
      <c r="C76" s="14">
        <v>3</v>
      </c>
      <c r="D76" s="18">
        <v>3</v>
      </c>
    </row>
    <row r="77" spans="1:4" ht="18" customHeight="1" x14ac:dyDescent="0.15">
      <c r="A77" s="5" t="s">
        <v>27</v>
      </c>
      <c r="B77" s="22">
        <v>14</v>
      </c>
      <c r="C77" s="14">
        <v>13</v>
      </c>
      <c r="D77" s="18">
        <v>27</v>
      </c>
    </row>
    <row r="78" spans="1:4" ht="18" customHeight="1" x14ac:dyDescent="0.15">
      <c r="A78" s="5">
        <v>60</v>
      </c>
      <c r="B78" s="22">
        <v>4</v>
      </c>
      <c r="C78" s="14">
        <v>2</v>
      </c>
      <c r="D78" s="18">
        <v>6</v>
      </c>
    </row>
    <row r="79" spans="1:4" ht="18" customHeight="1" x14ac:dyDescent="0.15">
      <c r="A79" s="5">
        <v>61</v>
      </c>
      <c r="B79" s="22">
        <v>5</v>
      </c>
      <c r="C79" s="14">
        <v>6</v>
      </c>
      <c r="D79" s="18">
        <v>11</v>
      </c>
    </row>
    <row r="80" spans="1:4" ht="18" customHeight="1" x14ac:dyDescent="0.15">
      <c r="A80" s="5">
        <v>62</v>
      </c>
      <c r="B80" s="22">
        <v>3</v>
      </c>
      <c r="C80" s="14">
        <v>4</v>
      </c>
      <c r="D80" s="18">
        <v>7</v>
      </c>
    </row>
    <row r="81" spans="1:4" ht="18" customHeight="1" x14ac:dyDescent="0.15">
      <c r="A81" s="5">
        <v>63</v>
      </c>
      <c r="B81" s="22">
        <v>1</v>
      </c>
      <c r="C81" s="14">
        <v>3</v>
      </c>
      <c r="D81" s="18">
        <v>4</v>
      </c>
    </row>
    <row r="82" spans="1:4" ht="18" customHeight="1" x14ac:dyDescent="0.15">
      <c r="A82" s="5">
        <v>64</v>
      </c>
      <c r="B82" s="22">
        <v>6</v>
      </c>
      <c r="C82" s="14">
        <v>4</v>
      </c>
      <c r="D82" s="18">
        <v>10</v>
      </c>
    </row>
    <row r="83" spans="1:4" ht="18" customHeight="1" x14ac:dyDescent="0.15">
      <c r="A83" s="5" t="s">
        <v>28</v>
      </c>
      <c r="B83" s="22">
        <v>19</v>
      </c>
      <c r="C83" s="14">
        <v>19</v>
      </c>
      <c r="D83" s="18">
        <v>38</v>
      </c>
    </row>
    <row r="84" spans="1:4" ht="18" customHeight="1" x14ac:dyDescent="0.15">
      <c r="A84" s="5" t="s">
        <v>31</v>
      </c>
      <c r="B84" s="22">
        <v>125</v>
      </c>
      <c r="C84" s="14">
        <v>96</v>
      </c>
      <c r="D84" s="18">
        <v>221</v>
      </c>
    </row>
    <row r="85" spans="1:4" ht="18" customHeight="1" x14ac:dyDescent="0.15">
      <c r="A85" s="5">
        <v>65</v>
      </c>
      <c r="B85" s="22">
        <v>5</v>
      </c>
      <c r="C85" s="14">
        <v>7</v>
      </c>
      <c r="D85" s="18">
        <v>12</v>
      </c>
    </row>
    <row r="86" spans="1:4" ht="18" customHeight="1" x14ac:dyDescent="0.15">
      <c r="A86" s="5">
        <v>66</v>
      </c>
      <c r="B86" s="22">
        <v>3</v>
      </c>
      <c r="C86" s="14">
        <v>1</v>
      </c>
      <c r="D86" s="18">
        <v>4</v>
      </c>
    </row>
    <row r="87" spans="1:4" ht="18" customHeight="1" x14ac:dyDescent="0.15">
      <c r="A87" s="5">
        <v>67</v>
      </c>
      <c r="B87" s="22">
        <v>8</v>
      </c>
      <c r="C87" s="14">
        <v>8</v>
      </c>
      <c r="D87" s="18">
        <v>16</v>
      </c>
    </row>
    <row r="88" spans="1:4" ht="18" customHeight="1" x14ac:dyDescent="0.15">
      <c r="A88" s="5">
        <v>68</v>
      </c>
      <c r="B88" s="22">
        <v>9</v>
      </c>
      <c r="C88" s="14">
        <v>4</v>
      </c>
      <c r="D88" s="18">
        <v>13</v>
      </c>
    </row>
    <row r="89" spans="1:4" ht="18" customHeight="1" x14ac:dyDescent="0.15">
      <c r="A89" s="5">
        <v>69</v>
      </c>
      <c r="B89" s="22">
        <v>5</v>
      </c>
      <c r="C89" s="14">
        <v>6</v>
      </c>
      <c r="D89" s="18">
        <v>11</v>
      </c>
    </row>
    <row r="90" spans="1:4" ht="18" customHeight="1" x14ac:dyDescent="0.15">
      <c r="A90" s="5" t="s">
        <v>20</v>
      </c>
      <c r="B90" s="22">
        <v>30</v>
      </c>
      <c r="C90" s="14">
        <v>26</v>
      </c>
      <c r="D90" s="18">
        <v>56</v>
      </c>
    </row>
    <row r="91" spans="1:4" ht="18" customHeight="1" x14ac:dyDescent="0.15">
      <c r="A91" s="5">
        <v>70</v>
      </c>
      <c r="B91" s="22">
        <v>3</v>
      </c>
      <c r="C91" s="14">
        <v>9</v>
      </c>
      <c r="D91" s="18">
        <v>12</v>
      </c>
    </row>
    <row r="92" spans="1:4" ht="18" customHeight="1" x14ac:dyDescent="0.15">
      <c r="A92" s="5">
        <v>71</v>
      </c>
      <c r="B92" s="22">
        <v>9</v>
      </c>
      <c r="C92" s="14">
        <v>10</v>
      </c>
      <c r="D92" s="18">
        <v>19</v>
      </c>
    </row>
    <row r="93" spans="1:4" ht="18" customHeight="1" x14ac:dyDescent="0.15">
      <c r="A93" s="5">
        <v>72</v>
      </c>
      <c r="B93" s="22">
        <v>10</v>
      </c>
      <c r="C93" s="14">
        <v>10</v>
      </c>
      <c r="D93" s="18">
        <v>20</v>
      </c>
    </row>
    <row r="94" spans="1:4" ht="18" customHeight="1" x14ac:dyDescent="0.15">
      <c r="A94" s="5">
        <v>73</v>
      </c>
      <c r="B94" s="22">
        <v>12</v>
      </c>
      <c r="C94" s="14">
        <v>6</v>
      </c>
      <c r="D94" s="18">
        <v>18</v>
      </c>
    </row>
    <row r="95" spans="1:4" ht="18" customHeight="1" x14ac:dyDescent="0.15">
      <c r="A95" s="5">
        <v>74</v>
      </c>
      <c r="B95" s="22">
        <v>8</v>
      </c>
      <c r="C95" s="14">
        <v>5</v>
      </c>
      <c r="D95" s="18">
        <v>13</v>
      </c>
    </row>
    <row r="96" spans="1:4" ht="18" customHeight="1" x14ac:dyDescent="0.15">
      <c r="A96" s="5" t="s">
        <v>33</v>
      </c>
      <c r="B96" s="22">
        <v>42</v>
      </c>
      <c r="C96" s="14">
        <v>40</v>
      </c>
      <c r="D96" s="18">
        <v>82</v>
      </c>
    </row>
    <row r="97" spans="1:4" ht="18" customHeight="1" x14ac:dyDescent="0.15">
      <c r="A97" s="5">
        <v>75</v>
      </c>
      <c r="B97" s="22">
        <v>11</v>
      </c>
      <c r="C97" s="14">
        <v>5</v>
      </c>
      <c r="D97" s="18">
        <v>16</v>
      </c>
    </row>
    <row r="98" spans="1:4" ht="18" customHeight="1" x14ac:dyDescent="0.15">
      <c r="A98" s="5">
        <v>76</v>
      </c>
      <c r="B98" s="22">
        <v>10</v>
      </c>
      <c r="C98" s="14">
        <v>9</v>
      </c>
      <c r="D98" s="18">
        <v>19</v>
      </c>
    </row>
    <row r="99" spans="1:4" ht="18" customHeight="1" x14ac:dyDescent="0.15">
      <c r="A99" s="5">
        <v>77</v>
      </c>
      <c r="B99" s="22">
        <v>3</v>
      </c>
      <c r="C99" s="14">
        <v>9</v>
      </c>
      <c r="D99" s="18">
        <v>12</v>
      </c>
    </row>
    <row r="100" spans="1:4" ht="18" customHeight="1" x14ac:dyDescent="0.15">
      <c r="A100" s="5">
        <v>78</v>
      </c>
      <c r="B100" s="22">
        <v>6</v>
      </c>
      <c r="C100" s="14">
        <v>6</v>
      </c>
      <c r="D100" s="18">
        <v>12</v>
      </c>
    </row>
    <row r="101" spans="1:4" ht="18" customHeight="1" x14ac:dyDescent="0.15">
      <c r="A101" s="5">
        <v>79</v>
      </c>
      <c r="B101" s="22">
        <v>7</v>
      </c>
      <c r="C101" s="14">
        <v>7</v>
      </c>
      <c r="D101" s="18">
        <v>14</v>
      </c>
    </row>
    <row r="102" spans="1:4" ht="18" customHeight="1" x14ac:dyDescent="0.15">
      <c r="A102" s="5" t="s">
        <v>0</v>
      </c>
      <c r="B102" s="22">
        <v>37</v>
      </c>
      <c r="C102" s="14">
        <v>36</v>
      </c>
      <c r="D102" s="18">
        <v>73</v>
      </c>
    </row>
    <row r="103" spans="1:4" ht="18" customHeight="1" x14ac:dyDescent="0.15">
      <c r="A103" s="5">
        <v>80</v>
      </c>
      <c r="B103" s="22">
        <v>2</v>
      </c>
      <c r="C103" s="14">
        <v>4</v>
      </c>
      <c r="D103" s="18">
        <v>6</v>
      </c>
    </row>
    <row r="104" spans="1:4" ht="18" customHeight="1" x14ac:dyDescent="0.15">
      <c r="A104" s="5">
        <v>81</v>
      </c>
      <c r="B104" s="22">
        <v>4</v>
      </c>
      <c r="C104" s="14">
        <v>4</v>
      </c>
      <c r="D104" s="18">
        <v>8</v>
      </c>
    </row>
    <row r="105" spans="1:4" ht="18" customHeight="1" x14ac:dyDescent="0.15">
      <c r="A105" s="5">
        <v>82</v>
      </c>
      <c r="B105" s="22">
        <v>5</v>
      </c>
      <c r="C105" s="14">
        <v>6</v>
      </c>
      <c r="D105" s="18">
        <v>11</v>
      </c>
    </row>
    <row r="106" spans="1:4" ht="18" customHeight="1" x14ac:dyDescent="0.15">
      <c r="A106" s="5">
        <v>83</v>
      </c>
      <c r="B106" s="22">
        <v>4</v>
      </c>
      <c r="C106" s="14">
        <v>1</v>
      </c>
      <c r="D106" s="18">
        <v>5</v>
      </c>
    </row>
    <row r="107" spans="1:4" ht="18" customHeight="1" x14ac:dyDescent="0.15">
      <c r="A107" s="5">
        <v>84</v>
      </c>
      <c r="B107" s="22">
        <v>3</v>
      </c>
      <c r="C107" s="14">
        <v>7</v>
      </c>
      <c r="D107" s="18">
        <v>10</v>
      </c>
    </row>
    <row r="108" spans="1:4" ht="18" customHeight="1" x14ac:dyDescent="0.15">
      <c r="A108" s="5" t="s">
        <v>35</v>
      </c>
      <c r="B108" s="22">
        <v>18</v>
      </c>
      <c r="C108" s="14">
        <v>22</v>
      </c>
      <c r="D108" s="18">
        <v>40</v>
      </c>
    </row>
    <row r="109" spans="1:4" ht="18" customHeight="1" x14ac:dyDescent="0.15">
      <c r="A109" s="5">
        <v>85</v>
      </c>
      <c r="B109" s="22">
        <v>4</v>
      </c>
      <c r="C109" s="14">
        <v>5</v>
      </c>
      <c r="D109" s="18">
        <v>9</v>
      </c>
    </row>
    <row r="110" spans="1:4" ht="18" customHeight="1" x14ac:dyDescent="0.15">
      <c r="A110" s="5">
        <v>86</v>
      </c>
      <c r="B110" s="22">
        <v>4</v>
      </c>
      <c r="C110" s="14">
        <v>3</v>
      </c>
      <c r="D110" s="18">
        <v>7</v>
      </c>
    </row>
    <row r="111" spans="1:4" ht="18" customHeight="1" x14ac:dyDescent="0.15">
      <c r="A111" s="5">
        <v>87</v>
      </c>
      <c r="B111" s="22">
        <v>1</v>
      </c>
      <c r="C111" s="14">
        <v>4</v>
      </c>
      <c r="D111" s="18">
        <v>5</v>
      </c>
    </row>
    <row r="112" spans="1:4" ht="18" customHeight="1" x14ac:dyDescent="0.15">
      <c r="A112" s="5">
        <v>88</v>
      </c>
      <c r="B112" s="22">
        <v>2</v>
      </c>
      <c r="C112" s="14">
        <v>3</v>
      </c>
      <c r="D112" s="18">
        <v>5</v>
      </c>
    </row>
    <row r="113" spans="1:4" ht="18" customHeight="1" x14ac:dyDescent="0.15">
      <c r="A113" s="5">
        <v>89</v>
      </c>
      <c r="B113" s="22">
        <v>1</v>
      </c>
      <c r="C113" s="14">
        <v>2</v>
      </c>
      <c r="D113" s="18">
        <v>3</v>
      </c>
    </row>
    <row r="114" spans="1:4" ht="18" customHeight="1" x14ac:dyDescent="0.15">
      <c r="A114" s="5" t="s">
        <v>37</v>
      </c>
      <c r="B114" s="22">
        <v>12</v>
      </c>
      <c r="C114" s="14">
        <v>17</v>
      </c>
      <c r="D114" s="18">
        <v>29</v>
      </c>
    </row>
    <row r="115" spans="1:4" ht="18" customHeight="1" x14ac:dyDescent="0.15">
      <c r="A115" s="5">
        <v>90</v>
      </c>
      <c r="B115" s="22">
        <v>0</v>
      </c>
      <c r="C115" s="14">
        <v>6</v>
      </c>
      <c r="D115" s="18">
        <v>6</v>
      </c>
    </row>
    <row r="116" spans="1:4" ht="18" customHeight="1" x14ac:dyDescent="0.15">
      <c r="A116" s="5">
        <v>91</v>
      </c>
      <c r="B116" s="22">
        <v>1</v>
      </c>
      <c r="C116" s="14">
        <v>3</v>
      </c>
      <c r="D116" s="18">
        <v>4</v>
      </c>
    </row>
    <row r="117" spans="1:4" ht="18" customHeight="1" x14ac:dyDescent="0.15">
      <c r="A117" s="5">
        <v>92</v>
      </c>
      <c r="B117" s="22">
        <v>1</v>
      </c>
      <c r="C117" s="14">
        <v>1</v>
      </c>
      <c r="D117" s="18">
        <v>2</v>
      </c>
    </row>
    <row r="118" spans="1:4" ht="18" customHeight="1" x14ac:dyDescent="0.15">
      <c r="A118" s="5">
        <v>93</v>
      </c>
      <c r="B118" s="22">
        <v>0</v>
      </c>
      <c r="C118" s="14">
        <v>3</v>
      </c>
      <c r="D118" s="18">
        <v>3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2</v>
      </c>
      <c r="C120" s="14">
        <v>17</v>
      </c>
      <c r="D120" s="18">
        <v>19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4</v>
      </c>
      <c r="D123" s="18">
        <v>4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10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141</v>
      </c>
      <c r="C130" s="14">
        <v>171</v>
      </c>
      <c r="D130" s="18">
        <v>312</v>
      </c>
    </row>
    <row r="131" spans="1:4" ht="18" customHeight="1" x14ac:dyDescent="0.15">
      <c r="A131" s="7" t="s">
        <v>45</v>
      </c>
      <c r="B131" s="23">
        <v>273</v>
      </c>
      <c r="C131" s="15">
        <v>272</v>
      </c>
      <c r="D131" s="19">
        <v>5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8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0</v>
      </c>
      <c r="D16" s="18">
        <v>0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0</v>
      </c>
      <c r="C18" s="14">
        <v>0</v>
      </c>
      <c r="D18" s="18">
        <v>0</v>
      </c>
    </row>
    <row r="19" spans="1:4" ht="18" customHeight="1" x14ac:dyDescent="0.15">
      <c r="A19" s="5">
        <v>12</v>
      </c>
      <c r="B19" s="22">
        <v>0</v>
      </c>
      <c r="C19" s="14">
        <v>1</v>
      </c>
      <c r="D19" s="18">
        <v>1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1</v>
      </c>
      <c r="D21" s="18">
        <v>1</v>
      </c>
    </row>
    <row r="22" spans="1:4" ht="18" customHeight="1" x14ac:dyDescent="0.15">
      <c r="A22" s="5" t="s">
        <v>12</v>
      </c>
      <c r="B22" s="22">
        <v>0</v>
      </c>
      <c r="C22" s="14">
        <v>3</v>
      </c>
      <c r="D22" s="18">
        <v>3</v>
      </c>
    </row>
    <row r="23" spans="1:4" ht="18" customHeight="1" x14ac:dyDescent="0.15">
      <c r="A23" s="5" t="s">
        <v>6</v>
      </c>
      <c r="B23" s="22">
        <v>0</v>
      </c>
      <c r="C23" s="14">
        <v>3</v>
      </c>
      <c r="D23" s="18">
        <v>3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0</v>
      </c>
      <c r="C29" s="14">
        <v>0</v>
      </c>
      <c r="D29" s="18">
        <v>0</v>
      </c>
    </row>
    <row r="30" spans="1:4" ht="18" customHeight="1" x14ac:dyDescent="0.15">
      <c r="A30" s="5">
        <v>20</v>
      </c>
      <c r="B30" s="22">
        <v>1</v>
      </c>
      <c r="C30" s="14">
        <v>0</v>
      </c>
      <c r="D30" s="18">
        <v>1</v>
      </c>
    </row>
    <row r="31" spans="1:4" ht="18" customHeight="1" x14ac:dyDescent="0.15">
      <c r="A31" s="5">
        <v>21</v>
      </c>
      <c r="B31" s="22">
        <v>0</v>
      </c>
      <c r="C31" s="14">
        <v>0</v>
      </c>
      <c r="D31" s="18">
        <v>0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1</v>
      </c>
      <c r="D34" s="18">
        <v>1</v>
      </c>
    </row>
    <row r="35" spans="1:4" ht="18" customHeight="1" x14ac:dyDescent="0.15">
      <c r="A35" s="5" t="s">
        <v>9</v>
      </c>
      <c r="B35" s="22">
        <v>1</v>
      </c>
      <c r="C35" s="14">
        <v>1</v>
      </c>
      <c r="D35" s="18">
        <v>2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0</v>
      </c>
      <c r="C41" s="14">
        <v>0</v>
      </c>
      <c r="D41" s="18">
        <v>0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0</v>
      </c>
      <c r="C44" s="14">
        <v>0</v>
      </c>
      <c r="D44" s="18">
        <v>0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0</v>
      </c>
      <c r="C46" s="14">
        <v>1</v>
      </c>
      <c r="D46" s="18">
        <v>1</v>
      </c>
    </row>
    <row r="47" spans="1:4" ht="18" customHeight="1" x14ac:dyDescent="0.15">
      <c r="A47" s="5" t="s">
        <v>15</v>
      </c>
      <c r="B47" s="22">
        <v>2</v>
      </c>
      <c r="C47" s="14">
        <v>1</v>
      </c>
      <c r="D47" s="18">
        <v>3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0</v>
      </c>
      <c r="C50" s="14">
        <v>0</v>
      </c>
      <c r="D50" s="18">
        <v>0</v>
      </c>
    </row>
    <row r="51" spans="1:4" ht="18" customHeight="1" x14ac:dyDescent="0.15">
      <c r="A51" s="5">
        <v>38</v>
      </c>
      <c r="B51" s="22">
        <v>1</v>
      </c>
      <c r="C51" s="14">
        <v>0</v>
      </c>
      <c r="D51" s="18">
        <v>1</v>
      </c>
    </row>
    <row r="52" spans="1:4" ht="18" customHeight="1" x14ac:dyDescent="0.15">
      <c r="A52" s="5">
        <v>39</v>
      </c>
      <c r="B52" s="22">
        <v>1</v>
      </c>
      <c r="C52" s="14">
        <v>1</v>
      </c>
      <c r="D52" s="18">
        <v>2</v>
      </c>
    </row>
    <row r="53" spans="1:4" ht="18" customHeight="1" x14ac:dyDescent="0.15">
      <c r="A53" s="5" t="s">
        <v>18</v>
      </c>
      <c r="B53" s="22">
        <v>2</v>
      </c>
      <c r="C53" s="14">
        <v>2</v>
      </c>
      <c r="D53" s="18">
        <v>4</v>
      </c>
    </row>
    <row r="54" spans="1:4" ht="18" customHeight="1" x14ac:dyDescent="0.15">
      <c r="A54" s="5">
        <v>40</v>
      </c>
      <c r="B54" s="22">
        <v>2</v>
      </c>
      <c r="C54" s="14">
        <v>0</v>
      </c>
      <c r="D54" s="18">
        <v>2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0</v>
      </c>
      <c r="C56" s="14">
        <v>1</v>
      </c>
      <c r="D56" s="18">
        <v>1</v>
      </c>
    </row>
    <row r="57" spans="1:4" ht="18" customHeight="1" x14ac:dyDescent="0.15">
      <c r="A57" s="5">
        <v>43</v>
      </c>
      <c r="B57" s="22">
        <v>1</v>
      </c>
      <c r="C57" s="14">
        <v>0</v>
      </c>
      <c r="D57" s="18">
        <v>1</v>
      </c>
    </row>
    <row r="58" spans="1:4" ht="18" customHeight="1" x14ac:dyDescent="0.15">
      <c r="A58" s="5">
        <v>44</v>
      </c>
      <c r="B58" s="22">
        <v>0</v>
      </c>
      <c r="C58" s="14">
        <v>1</v>
      </c>
      <c r="D58" s="18">
        <v>1</v>
      </c>
    </row>
    <row r="59" spans="1:4" ht="18" customHeight="1" x14ac:dyDescent="0.15">
      <c r="A59" s="5" t="s">
        <v>21</v>
      </c>
      <c r="B59" s="22">
        <v>3</v>
      </c>
      <c r="C59" s="14">
        <v>2</v>
      </c>
      <c r="D59" s="18">
        <v>5</v>
      </c>
    </row>
    <row r="60" spans="1:4" ht="18" customHeight="1" x14ac:dyDescent="0.15">
      <c r="A60" s="5">
        <v>45</v>
      </c>
      <c r="B60" s="22">
        <v>1</v>
      </c>
      <c r="C60" s="14">
        <v>0</v>
      </c>
      <c r="D60" s="18">
        <v>1</v>
      </c>
    </row>
    <row r="61" spans="1:4" ht="18" customHeight="1" x14ac:dyDescent="0.15">
      <c r="A61" s="5">
        <v>46</v>
      </c>
      <c r="B61" s="22">
        <v>1</v>
      </c>
      <c r="C61" s="14">
        <v>0</v>
      </c>
      <c r="D61" s="18">
        <v>1</v>
      </c>
    </row>
    <row r="62" spans="1:4" ht="18" customHeight="1" x14ac:dyDescent="0.15">
      <c r="A62" s="5">
        <v>47</v>
      </c>
      <c r="B62" s="22">
        <v>1</v>
      </c>
      <c r="C62" s="14">
        <v>0</v>
      </c>
      <c r="D62" s="18">
        <v>1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0</v>
      </c>
      <c r="C64" s="14">
        <v>1</v>
      </c>
      <c r="D64" s="18">
        <v>1</v>
      </c>
    </row>
    <row r="65" spans="1:4" ht="18" customHeight="1" x14ac:dyDescent="0.15">
      <c r="A65" s="5" t="s">
        <v>17</v>
      </c>
      <c r="B65" s="22">
        <v>3</v>
      </c>
      <c r="C65" s="14">
        <v>1</v>
      </c>
      <c r="D65" s="18">
        <v>4</v>
      </c>
    </row>
    <row r="66" spans="1:4" ht="18" customHeight="1" x14ac:dyDescent="0.15">
      <c r="A66" s="5">
        <v>50</v>
      </c>
      <c r="B66" s="22">
        <v>0</v>
      </c>
      <c r="C66" s="14">
        <v>0</v>
      </c>
      <c r="D66" s="18">
        <v>0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0</v>
      </c>
      <c r="C68" s="14">
        <v>0</v>
      </c>
      <c r="D68" s="18">
        <v>0</v>
      </c>
    </row>
    <row r="69" spans="1:4" ht="18" customHeight="1" x14ac:dyDescent="0.15">
      <c r="A69" s="5">
        <v>53</v>
      </c>
      <c r="B69" s="22">
        <v>0</v>
      </c>
      <c r="C69" s="14">
        <v>0</v>
      </c>
      <c r="D69" s="18">
        <v>0</v>
      </c>
    </row>
    <row r="70" spans="1:4" ht="18" customHeight="1" x14ac:dyDescent="0.15">
      <c r="A70" s="5">
        <v>54</v>
      </c>
      <c r="B70" s="22">
        <v>0</v>
      </c>
      <c r="C70" s="14">
        <v>0</v>
      </c>
      <c r="D70" s="18">
        <v>0</v>
      </c>
    </row>
    <row r="71" spans="1:4" ht="18" customHeight="1" x14ac:dyDescent="0.15">
      <c r="A71" s="5" t="s">
        <v>22</v>
      </c>
      <c r="B71" s="22">
        <v>0</v>
      </c>
      <c r="C71" s="14">
        <v>0</v>
      </c>
      <c r="D71" s="18">
        <v>0</v>
      </c>
    </row>
    <row r="72" spans="1:4" ht="18" customHeight="1" x14ac:dyDescent="0.15">
      <c r="A72" s="5">
        <v>55</v>
      </c>
      <c r="B72" s="22">
        <v>0</v>
      </c>
      <c r="C72" s="14">
        <v>1</v>
      </c>
      <c r="D72" s="18">
        <v>1</v>
      </c>
    </row>
    <row r="73" spans="1:4" ht="18" customHeight="1" x14ac:dyDescent="0.15">
      <c r="A73" s="5">
        <v>56</v>
      </c>
      <c r="B73" s="22">
        <v>0</v>
      </c>
      <c r="C73" s="14">
        <v>0</v>
      </c>
      <c r="D73" s="18">
        <v>0</v>
      </c>
    </row>
    <row r="74" spans="1:4" ht="18" customHeight="1" x14ac:dyDescent="0.15">
      <c r="A74" s="5">
        <v>57</v>
      </c>
      <c r="B74" s="22">
        <v>0</v>
      </c>
      <c r="C74" s="14">
        <v>1</v>
      </c>
      <c r="D74" s="18">
        <v>1</v>
      </c>
    </row>
    <row r="75" spans="1:4" ht="18" customHeight="1" x14ac:dyDescent="0.15">
      <c r="A75" s="5">
        <v>58</v>
      </c>
      <c r="B75" s="22">
        <v>1</v>
      </c>
      <c r="C75" s="14">
        <v>0</v>
      </c>
      <c r="D75" s="18">
        <v>1</v>
      </c>
    </row>
    <row r="76" spans="1:4" ht="18" customHeight="1" x14ac:dyDescent="0.15">
      <c r="A76" s="5">
        <v>59</v>
      </c>
      <c r="B76" s="22">
        <v>1</v>
      </c>
      <c r="C76" s="14">
        <v>1</v>
      </c>
      <c r="D76" s="18">
        <v>2</v>
      </c>
    </row>
    <row r="77" spans="1:4" ht="18" customHeight="1" x14ac:dyDescent="0.15">
      <c r="A77" s="5" t="s">
        <v>27</v>
      </c>
      <c r="B77" s="22">
        <v>2</v>
      </c>
      <c r="C77" s="14">
        <v>3</v>
      </c>
      <c r="D77" s="18">
        <v>5</v>
      </c>
    </row>
    <row r="78" spans="1:4" ht="18" customHeight="1" x14ac:dyDescent="0.15">
      <c r="A78" s="5">
        <v>60</v>
      </c>
      <c r="B78" s="22">
        <v>1</v>
      </c>
      <c r="C78" s="14">
        <v>2</v>
      </c>
      <c r="D78" s="18">
        <v>3</v>
      </c>
    </row>
    <row r="79" spans="1:4" ht="18" customHeight="1" x14ac:dyDescent="0.15">
      <c r="A79" s="5">
        <v>61</v>
      </c>
      <c r="B79" s="22">
        <v>0</v>
      </c>
      <c r="C79" s="14">
        <v>1</v>
      </c>
      <c r="D79" s="18">
        <v>1</v>
      </c>
    </row>
    <row r="80" spans="1:4" ht="18" customHeight="1" x14ac:dyDescent="0.15">
      <c r="A80" s="5">
        <v>62</v>
      </c>
      <c r="B80" s="22">
        <v>1</v>
      </c>
      <c r="C80" s="14">
        <v>1</v>
      </c>
      <c r="D80" s="18">
        <v>2</v>
      </c>
    </row>
    <row r="81" spans="1:4" ht="18" customHeight="1" x14ac:dyDescent="0.15">
      <c r="A81" s="5">
        <v>63</v>
      </c>
      <c r="B81" s="22">
        <v>1</v>
      </c>
      <c r="C81" s="14">
        <v>0</v>
      </c>
      <c r="D81" s="18">
        <v>1</v>
      </c>
    </row>
    <row r="82" spans="1:4" ht="18" customHeight="1" x14ac:dyDescent="0.15">
      <c r="A82" s="5">
        <v>64</v>
      </c>
      <c r="B82" s="22">
        <v>2</v>
      </c>
      <c r="C82" s="14">
        <v>1</v>
      </c>
      <c r="D82" s="18">
        <v>3</v>
      </c>
    </row>
    <row r="83" spans="1:4" ht="18" customHeight="1" x14ac:dyDescent="0.15">
      <c r="A83" s="5" t="s">
        <v>28</v>
      </c>
      <c r="B83" s="22">
        <v>5</v>
      </c>
      <c r="C83" s="14">
        <v>5</v>
      </c>
      <c r="D83" s="18">
        <v>10</v>
      </c>
    </row>
    <row r="84" spans="1:4" ht="18" customHeight="1" x14ac:dyDescent="0.15">
      <c r="A84" s="5" t="s">
        <v>31</v>
      </c>
      <c r="B84" s="22">
        <v>18</v>
      </c>
      <c r="C84" s="14">
        <v>15</v>
      </c>
      <c r="D84" s="18">
        <v>33</v>
      </c>
    </row>
    <row r="85" spans="1:4" ht="18" customHeight="1" x14ac:dyDescent="0.15">
      <c r="A85" s="5">
        <v>65</v>
      </c>
      <c r="B85" s="22">
        <v>1</v>
      </c>
      <c r="C85" s="14">
        <v>1</v>
      </c>
      <c r="D85" s="18">
        <v>2</v>
      </c>
    </row>
    <row r="86" spans="1:4" ht="18" customHeight="1" x14ac:dyDescent="0.15">
      <c r="A86" s="5">
        <v>66</v>
      </c>
      <c r="B86" s="22">
        <v>2</v>
      </c>
      <c r="C86" s="14">
        <v>0</v>
      </c>
      <c r="D86" s="18">
        <v>2</v>
      </c>
    </row>
    <row r="87" spans="1:4" ht="18" customHeight="1" x14ac:dyDescent="0.15">
      <c r="A87" s="5">
        <v>67</v>
      </c>
      <c r="B87" s="22">
        <v>1</v>
      </c>
      <c r="C87" s="14">
        <v>1</v>
      </c>
      <c r="D87" s="18">
        <v>2</v>
      </c>
    </row>
    <row r="88" spans="1:4" ht="18" customHeight="1" x14ac:dyDescent="0.15">
      <c r="A88" s="5">
        <v>68</v>
      </c>
      <c r="B88" s="22">
        <v>1</v>
      </c>
      <c r="C88" s="14">
        <v>1</v>
      </c>
      <c r="D88" s="18">
        <v>2</v>
      </c>
    </row>
    <row r="89" spans="1:4" ht="18" customHeight="1" x14ac:dyDescent="0.15">
      <c r="A89" s="5">
        <v>69</v>
      </c>
      <c r="B89" s="22">
        <v>1</v>
      </c>
      <c r="C89" s="14">
        <v>6</v>
      </c>
      <c r="D89" s="18">
        <v>7</v>
      </c>
    </row>
    <row r="90" spans="1:4" ht="18" customHeight="1" x14ac:dyDescent="0.15">
      <c r="A90" s="5" t="s">
        <v>20</v>
      </c>
      <c r="B90" s="22">
        <v>6</v>
      </c>
      <c r="C90" s="14">
        <v>9</v>
      </c>
      <c r="D90" s="18">
        <v>15</v>
      </c>
    </row>
    <row r="91" spans="1:4" ht="18" customHeight="1" x14ac:dyDescent="0.15">
      <c r="A91" s="5">
        <v>70</v>
      </c>
      <c r="B91" s="22">
        <v>0</v>
      </c>
      <c r="C91" s="14">
        <v>4</v>
      </c>
      <c r="D91" s="18">
        <v>4</v>
      </c>
    </row>
    <row r="92" spans="1:4" ht="18" customHeight="1" x14ac:dyDescent="0.15">
      <c r="A92" s="5">
        <v>71</v>
      </c>
      <c r="B92" s="22">
        <v>1</v>
      </c>
      <c r="C92" s="14">
        <v>1</v>
      </c>
      <c r="D92" s="18">
        <v>2</v>
      </c>
    </row>
    <row r="93" spans="1:4" ht="18" customHeight="1" x14ac:dyDescent="0.15">
      <c r="A93" s="5">
        <v>72</v>
      </c>
      <c r="B93" s="22">
        <v>1</v>
      </c>
      <c r="C93" s="14">
        <v>0</v>
      </c>
      <c r="D93" s="18">
        <v>1</v>
      </c>
    </row>
    <row r="94" spans="1:4" ht="18" customHeight="1" x14ac:dyDescent="0.15">
      <c r="A94" s="5">
        <v>73</v>
      </c>
      <c r="B94" s="22">
        <v>1</v>
      </c>
      <c r="C94" s="14">
        <v>1</v>
      </c>
      <c r="D94" s="18">
        <v>2</v>
      </c>
    </row>
    <row r="95" spans="1:4" ht="18" customHeight="1" x14ac:dyDescent="0.15">
      <c r="A95" s="5">
        <v>74</v>
      </c>
      <c r="B95" s="22">
        <v>3</v>
      </c>
      <c r="C95" s="14">
        <v>1</v>
      </c>
      <c r="D95" s="18">
        <v>4</v>
      </c>
    </row>
    <row r="96" spans="1:4" ht="18" customHeight="1" x14ac:dyDescent="0.15">
      <c r="A96" s="5" t="s">
        <v>33</v>
      </c>
      <c r="B96" s="22">
        <v>6</v>
      </c>
      <c r="C96" s="14">
        <v>7</v>
      </c>
      <c r="D96" s="18">
        <v>13</v>
      </c>
    </row>
    <row r="97" spans="1:4" ht="18" customHeight="1" x14ac:dyDescent="0.15">
      <c r="A97" s="5">
        <v>75</v>
      </c>
      <c r="B97" s="22">
        <v>1</v>
      </c>
      <c r="C97" s="14">
        <v>0</v>
      </c>
      <c r="D97" s="18">
        <v>1</v>
      </c>
    </row>
    <row r="98" spans="1:4" ht="18" customHeight="1" x14ac:dyDescent="0.15">
      <c r="A98" s="5">
        <v>76</v>
      </c>
      <c r="B98" s="22">
        <v>5</v>
      </c>
      <c r="C98" s="14">
        <v>0</v>
      </c>
      <c r="D98" s="18">
        <v>5</v>
      </c>
    </row>
    <row r="99" spans="1:4" ht="18" customHeight="1" x14ac:dyDescent="0.15">
      <c r="A99" s="5">
        <v>77</v>
      </c>
      <c r="B99" s="22">
        <v>3</v>
      </c>
      <c r="C99" s="14">
        <v>1</v>
      </c>
      <c r="D99" s="18">
        <v>4</v>
      </c>
    </row>
    <row r="100" spans="1:4" ht="18" customHeight="1" x14ac:dyDescent="0.15">
      <c r="A100" s="5">
        <v>78</v>
      </c>
      <c r="B100" s="22">
        <v>2</v>
      </c>
      <c r="C100" s="14">
        <v>4</v>
      </c>
      <c r="D100" s="18">
        <v>6</v>
      </c>
    </row>
    <row r="101" spans="1:4" ht="18" customHeight="1" x14ac:dyDescent="0.15">
      <c r="A101" s="5">
        <v>79</v>
      </c>
      <c r="B101" s="22">
        <v>0</v>
      </c>
      <c r="C101" s="14">
        <v>1</v>
      </c>
      <c r="D101" s="18">
        <v>1</v>
      </c>
    </row>
    <row r="102" spans="1:4" ht="18" customHeight="1" x14ac:dyDescent="0.15">
      <c r="A102" s="5" t="s">
        <v>0</v>
      </c>
      <c r="B102" s="22">
        <v>11</v>
      </c>
      <c r="C102" s="14">
        <v>6</v>
      </c>
      <c r="D102" s="18">
        <v>17</v>
      </c>
    </row>
    <row r="103" spans="1:4" ht="18" customHeight="1" x14ac:dyDescent="0.15">
      <c r="A103" s="5">
        <v>80</v>
      </c>
      <c r="B103" s="22">
        <v>1</v>
      </c>
      <c r="C103" s="14">
        <v>0</v>
      </c>
      <c r="D103" s="18">
        <v>1</v>
      </c>
    </row>
    <row r="104" spans="1:4" ht="18" customHeight="1" x14ac:dyDescent="0.15">
      <c r="A104" s="5">
        <v>81</v>
      </c>
      <c r="B104" s="22">
        <v>2</v>
      </c>
      <c r="C104" s="14">
        <v>1</v>
      </c>
      <c r="D104" s="18">
        <v>3</v>
      </c>
    </row>
    <row r="105" spans="1:4" ht="18" customHeight="1" x14ac:dyDescent="0.15">
      <c r="A105" s="5">
        <v>82</v>
      </c>
      <c r="B105" s="22">
        <v>0</v>
      </c>
      <c r="C105" s="14">
        <v>0</v>
      </c>
      <c r="D105" s="18">
        <v>0</v>
      </c>
    </row>
    <row r="106" spans="1:4" ht="18" customHeight="1" x14ac:dyDescent="0.15">
      <c r="A106" s="5">
        <v>83</v>
      </c>
      <c r="B106" s="22">
        <v>0</v>
      </c>
      <c r="C106" s="14">
        <v>2</v>
      </c>
      <c r="D106" s="18">
        <v>2</v>
      </c>
    </row>
    <row r="107" spans="1:4" ht="18" customHeight="1" x14ac:dyDescent="0.15">
      <c r="A107" s="5">
        <v>84</v>
      </c>
      <c r="B107" s="22">
        <v>0</v>
      </c>
      <c r="C107" s="14">
        <v>2</v>
      </c>
      <c r="D107" s="18">
        <v>2</v>
      </c>
    </row>
    <row r="108" spans="1:4" ht="18" customHeight="1" x14ac:dyDescent="0.15">
      <c r="A108" s="5" t="s">
        <v>35</v>
      </c>
      <c r="B108" s="22">
        <v>3</v>
      </c>
      <c r="C108" s="14">
        <v>5</v>
      </c>
      <c r="D108" s="18">
        <v>8</v>
      </c>
    </row>
    <row r="109" spans="1:4" ht="18" customHeight="1" x14ac:dyDescent="0.15">
      <c r="A109" s="5">
        <v>85</v>
      </c>
      <c r="B109" s="22">
        <v>0</v>
      </c>
      <c r="C109" s="14">
        <v>1</v>
      </c>
      <c r="D109" s="18">
        <v>1</v>
      </c>
    </row>
    <row r="110" spans="1:4" ht="18" customHeight="1" x14ac:dyDescent="0.15">
      <c r="A110" s="5">
        <v>86</v>
      </c>
      <c r="B110" s="22">
        <v>1</v>
      </c>
      <c r="C110" s="14">
        <v>4</v>
      </c>
      <c r="D110" s="18">
        <v>5</v>
      </c>
    </row>
    <row r="111" spans="1:4" ht="18" customHeight="1" x14ac:dyDescent="0.15">
      <c r="A111" s="5">
        <v>87</v>
      </c>
      <c r="B111" s="22">
        <v>1</v>
      </c>
      <c r="C111" s="14">
        <v>1</v>
      </c>
      <c r="D111" s="18">
        <v>2</v>
      </c>
    </row>
    <row r="112" spans="1:4" ht="18" customHeight="1" x14ac:dyDescent="0.15">
      <c r="A112" s="5">
        <v>88</v>
      </c>
      <c r="B112" s="22">
        <v>2</v>
      </c>
      <c r="C112" s="14">
        <v>4</v>
      </c>
      <c r="D112" s="18">
        <v>6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6</v>
      </c>
      <c r="C114" s="14">
        <v>12</v>
      </c>
      <c r="D114" s="18">
        <v>18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0</v>
      </c>
      <c r="D116" s="18">
        <v>0</v>
      </c>
    </row>
    <row r="117" spans="1:4" ht="18" customHeight="1" x14ac:dyDescent="0.15">
      <c r="A117" s="5">
        <v>92</v>
      </c>
      <c r="B117" s="22">
        <v>0</v>
      </c>
      <c r="C117" s="14">
        <v>2</v>
      </c>
      <c r="D117" s="18">
        <v>2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1</v>
      </c>
      <c r="C119" s="14">
        <v>0</v>
      </c>
      <c r="D119" s="18">
        <v>1</v>
      </c>
    </row>
    <row r="120" spans="1:4" ht="18" customHeight="1" x14ac:dyDescent="0.15">
      <c r="A120" s="5" t="s">
        <v>39</v>
      </c>
      <c r="B120" s="22">
        <v>2</v>
      </c>
      <c r="C120" s="14">
        <v>4</v>
      </c>
      <c r="D120" s="18">
        <v>6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3</v>
      </c>
      <c r="D126" s="18">
        <v>3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34</v>
      </c>
      <c r="C130" s="14">
        <v>46</v>
      </c>
      <c r="D130" s="18">
        <v>80</v>
      </c>
    </row>
    <row r="131" spans="1:4" ht="18" customHeight="1" x14ac:dyDescent="0.15">
      <c r="A131" s="7" t="s">
        <v>45</v>
      </c>
      <c r="B131" s="23">
        <v>52</v>
      </c>
      <c r="C131" s="15">
        <v>64</v>
      </c>
      <c r="D131" s="19">
        <v>1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8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0</v>
      </c>
      <c r="D8" s="18">
        <v>0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0</v>
      </c>
      <c r="D10" s="18">
        <v>0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0</v>
      </c>
      <c r="D14" s="18">
        <v>0</v>
      </c>
    </row>
    <row r="15" spans="1:4" ht="18" customHeight="1" x14ac:dyDescent="0.15">
      <c r="A15" s="5">
        <v>9</v>
      </c>
      <c r="B15" s="27">
        <v>0</v>
      </c>
      <c r="C15" s="14">
        <v>0</v>
      </c>
      <c r="D15" s="18">
        <v>0</v>
      </c>
    </row>
    <row r="16" spans="1:4" ht="18" customHeight="1" x14ac:dyDescent="0.15">
      <c r="A16" s="5" t="s">
        <v>11</v>
      </c>
      <c r="B16" s="22">
        <v>0</v>
      </c>
      <c r="C16" s="14">
        <v>0</v>
      </c>
      <c r="D16" s="18">
        <v>0</v>
      </c>
    </row>
    <row r="17" spans="1:4" ht="18" customHeight="1" x14ac:dyDescent="0.15">
      <c r="A17" s="5">
        <v>10</v>
      </c>
      <c r="B17" s="22">
        <v>1</v>
      </c>
      <c r="C17" s="14">
        <v>0</v>
      </c>
      <c r="D17" s="18">
        <v>1</v>
      </c>
    </row>
    <row r="18" spans="1:4" ht="18" customHeight="1" x14ac:dyDescent="0.15">
      <c r="A18" s="5">
        <v>11</v>
      </c>
      <c r="B18" s="22">
        <v>1</v>
      </c>
      <c r="C18" s="14">
        <v>0</v>
      </c>
      <c r="D18" s="18">
        <v>1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1</v>
      </c>
      <c r="C21" s="14">
        <v>0</v>
      </c>
      <c r="D21" s="18">
        <v>1</v>
      </c>
    </row>
    <row r="22" spans="1:4" ht="18" customHeight="1" x14ac:dyDescent="0.15">
      <c r="A22" s="5" t="s">
        <v>12</v>
      </c>
      <c r="B22" s="22">
        <v>3</v>
      </c>
      <c r="C22" s="14">
        <v>0</v>
      </c>
      <c r="D22" s="18">
        <v>3</v>
      </c>
    </row>
    <row r="23" spans="1:4" ht="18" customHeight="1" x14ac:dyDescent="0.15">
      <c r="A23" s="5" t="s">
        <v>6</v>
      </c>
      <c r="B23" s="22">
        <v>3</v>
      </c>
      <c r="C23" s="14">
        <v>0</v>
      </c>
      <c r="D23" s="18">
        <v>3</v>
      </c>
    </row>
    <row r="24" spans="1:4" ht="18" customHeight="1" x14ac:dyDescent="0.15">
      <c r="A24" s="5">
        <v>15</v>
      </c>
      <c r="B24" s="22">
        <v>0</v>
      </c>
      <c r="C24" s="14">
        <v>0</v>
      </c>
      <c r="D24" s="18">
        <v>0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0</v>
      </c>
      <c r="C26" s="14">
        <v>0</v>
      </c>
      <c r="D26" s="18">
        <v>0</v>
      </c>
    </row>
    <row r="27" spans="1:4" ht="18" customHeight="1" x14ac:dyDescent="0.15">
      <c r="A27" s="5">
        <v>18</v>
      </c>
      <c r="B27" s="22">
        <v>0</v>
      </c>
      <c r="C27" s="14">
        <v>0</v>
      </c>
      <c r="D27" s="18">
        <v>0</v>
      </c>
    </row>
    <row r="28" spans="1:4" ht="18" customHeight="1" x14ac:dyDescent="0.15">
      <c r="A28" s="5">
        <v>19</v>
      </c>
      <c r="B28" s="22">
        <v>0</v>
      </c>
      <c r="C28" s="14">
        <v>0</v>
      </c>
      <c r="D28" s="18">
        <v>0</v>
      </c>
    </row>
    <row r="29" spans="1:4" ht="18" customHeight="1" x14ac:dyDescent="0.15">
      <c r="A29" s="5" t="s">
        <v>14</v>
      </c>
      <c r="B29" s="22">
        <v>0</v>
      </c>
      <c r="C29" s="14">
        <v>0</v>
      </c>
      <c r="D29" s="18">
        <v>0</v>
      </c>
    </row>
    <row r="30" spans="1:4" ht="18" customHeight="1" x14ac:dyDescent="0.15">
      <c r="A30" s="5">
        <v>20</v>
      </c>
      <c r="B30" s="22">
        <v>0</v>
      </c>
      <c r="C30" s="14">
        <v>0</v>
      </c>
      <c r="D30" s="18">
        <v>0</v>
      </c>
    </row>
    <row r="31" spans="1:4" ht="18" customHeight="1" x14ac:dyDescent="0.15">
      <c r="A31" s="5">
        <v>21</v>
      </c>
      <c r="B31" s="22">
        <v>0</v>
      </c>
      <c r="C31" s="14">
        <v>0</v>
      </c>
      <c r="D31" s="18">
        <v>0</v>
      </c>
    </row>
    <row r="32" spans="1:4" ht="18" customHeight="1" x14ac:dyDescent="0.15">
      <c r="A32" s="5">
        <v>22</v>
      </c>
      <c r="B32" s="22">
        <v>0</v>
      </c>
      <c r="C32" s="14">
        <v>0</v>
      </c>
      <c r="D32" s="18">
        <v>0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0</v>
      </c>
      <c r="C35" s="14">
        <v>0</v>
      </c>
      <c r="D35" s="18">
        <v>0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0</v>
      </c>
      <c r="C41" s="14">
        <v>0</v>
      </c>
      <c r="D41" s="18">
        <v>0</v>
      </c>
    </row>
    <row r="42" spans="1:4" ht="18" customHeight="1" x14ac:dyDescent="0.15">
      <c r="A42" s="5">
        <v>30</v>
      </c>
      <c r="B42" s="22">
        <v>0</v>
      </c>
      <c r="C42" s="14">
        <v>0</v>
      </c>
      <c r="D42" s="18">
        <v>0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0</v>
      </c>
      <c r="C44" s="14">
        <v>0</v>
      </c>
      <c r="D44" s="18">
        <v>0</v>
      </c>
    </row>
    <row r="45" spans="1:4" ht="18" customHeight="1" x14ac:dyDescent="0.15">
      <c r="A45" s="5">
        <v>33</v>
      </c>
      <c r="B45" s="22">
        <v>0</v>
      </c>
      <c r="C45" s="14">
        <v>0</v>
      </c>
      <c r="D45" s="18">
        <v>0</v>
      </c>
    </row>
    <row r="46" spans="1:4" ht="18" customHeight="1" x14ac:dyDescent="0.15">
      <c r="A46" s="5">
        <v>34</v>
      </c>
      <c r="B46" s="22">
        <v>1</v>
      </c>
      <c r="C46" s="14">
        <v>0</v>
      </c>
      <c r="D46" s="18">
        <v>1</v>
      </c>
    </row>
    <row r="47" spans="1:4" ht="18" customHeight="1" x14ac:dyDescent="0.15">
      <c r="A47" s="5" t="s">
        <v>15</v>
      </c>
      <c r="B47" s="22">
        <v>1</v>
      </c>
      <c r="C47" s="14">
        <v>0</v>
      </c>
      <c r="D47" s="18">
        <v>1</v>
      </c>
    </row>
    <row r="48" spans="1:4" ht="18" customHeight="1" x14ac:dyDescent="0.15">
      <c r="A48" s="5">
        <v>35</v>
      </c>
      <c r="B48" s="22">
        <v>0</v>
      </c>
      <c r="C48" s="14">
        <v>0</v>
      </c>
      <c r="D48" s="18">
        <v>0</v>
      </c>
    </row>
    <row r="49" spans="1:4" ht="18" customHeight="1" x14ac:dyDescent="0.15">
      <c r="A49" s="5">
        <v>36</v>
      </c>
      <c r="B49" s="22">
        <v>0</v>
      </c>
      <c r="C49" s="14">
        <v>0</v>
      </c>
      <c r="D49" s="18">
        <v>0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0</v>
      </c>
      <c r="C51" s="14">
        <v>0</v>
      </c>
      <c r="D51" s="18">
        <v>0</v>
      </c>
    </row>
    <row r="52" spans="1:4" ht="18" customHeight="1" x14ac:dyDescent="0.15">
      <c r="A52" s="5">
        <v>39</v>
      </c>
      <c r="B52" s="22">
        <v>0</v>
      </c>
      <c r="C52" s="14">
        <v>0</v>
      </c>
      <c r="D52" s="18">
        <v>0</v>
      </c>
    </row>
    <row r="53" spans="1:4" ht="18" customHeight="1" x14ac:dyDescent="0.15">
      <c r="A53" s="5" t="s">
        <v>18</v>
      </c>
      <c r="B53" s="22">
        <v>1</v>
      </c>
      <c r="C53" s="14">
        <v>0</v>
      </c>
      <c r="D53" s="18">
        <v>1</v>
      </c>
    </row>
    <row r="54" spans="1:4" ht="18" customHeight="1" x14ac:dyDescent="0.15">
      <c r="A54" s="5">
        <v>40</v>
      </c>
      <c r="B54" s="22">
        <v>0</v>
      </c>
      <c r="C54" s="14">
        <v>0</v>
      </c>
      <c r="D54" s="18">
        <v>0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0</v>
      </c>
      <c r="C56" s="14">
        <v>0</v>
      </c>
      <c r="D56" s="18">
        <v>0</v>
      </c>
    </row>
    <row r="57" spans="1:4" ht="18" customHeight="1" x14ac:dyDescent="0.15">
      <c r="A57" s="5">
        <v>43</v>
      </c>
      <c r="B57" s="22">
        <v>2</v>
      </c>
      <c r="C57" s="14">
        <v>0</v>
      </c>
      <c r="D57" s="18">
        <v>2</v>
      </c>
    </row>
    <row r="58" spans="1:4" ht="18" customHeight="1" x14ac:dyDescent="0.15">
      <c r="A58" s="5">
        <v>44</v>
      </c>
      <c r="B58" s="22">
        <v>0</v>
      </c>
      <c r="C58" s="14">
        <v>0</v>
      </c>
      <c r="D58" s="18">
        <v>0</v>
      </c>
    </row>
    <row r="59" spans="1:4" ht="18" customHeight="1" x14ac:dyDescent="0.15">
      <c r="A59" s="5" t="s">
        <v>21</v>
      </c>
      <c r="B59" s="22">
        <v>2</v>
      </c>
      <c r="C59" s="14">
        <v>0</v>
      </c>
      <c r="D59" s="18">
        <v>2</v>
      </c>
    </row>
    <row r="60" spans="1:4" ht="18" customHeight="1" x14ac:dyDescent="0.15">
      <c r="A60" s="5">
        <v>45</v>
      </c>
      <c r="B60" s="22">
        <v>0</v>
      </c>
      <c r="C60" s="14">
        <v>0</v>
      </c>
      <c r="D60" s="18">
        <v>0</v>
      </c>
    </row>
    <row r="61" spans="1:4" ht="18" customHeight="1" x14ac:dyDescent="0.15">
      <c r="A61" s="5">
        <v>46</v>
      </c>
      <c r="B61" s="22">
        <v>0</v>
      </c>
      <c r="C61" s="14">
        <v>0</v>
      </c>
      <c r="D61" s="18">
        <v>0</v>
      </c>
    </row>
    <row r="62" spans="1:4" ht="18" customHeight="1" x14ac:dyDescent="0.15">
      <c r="A62" s="5">
        <v>47</v>
      </c>
      <c r="B62" s="22">
        <v>0</v>
      </c>
      <c r="C62" s="14">
        <v>0</v>
      </c>
      <c r="D62" s="18">
        <v>0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0</v>
      </c>
      <c r="C64" s="14">
        <v>0</v>
      </c>
      <c r="D64" s="18">
        <v>0</v>
      </c>
    </row>
    <row r="65" spans="1:4" ht="18" customHeight="1" x14ac:dyDescent="0.15">
      <c r="A65" s="5" t="s">
        <v>17</v>
      </c>
      <c r="B65" s="22">
        <v>0</v>
      </c>
      <c r="C65" s="14">
        <v>0</v>
      </c>
      <c r="D65" s="18">
        <v>0</v>
      </c>
    </row>
    <row r="66" spans="1:4" ht="18" customHeight="1" x14ac:dyDescent="0.15">
      <c r="A66" s="5">
        <v>50</v>
      </c>
      <c r="B66" s="22">
        <v>0</v>
      </c>
      <c r="C66" s="14">
        <v>1</v>
      </c>
      <c r="D66" s="18">
        <v>1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1</v>
      </c>
      <c r="C68" s="14">
        <v>0</v>
      </c>
      <c r="D68" s="18">
        <v>1</v>
      </c>
    </row>
    <row r="69" spans="1:4" ht="18" customHeight="1" x14ac:dyDescent="0.15">
      <c r="A69" s="5">
        <v>53</v>
      </c>
      <c r="B69" s="22">
        <v>0</v>
      </c>
      <c r="C69" s="14">
        <v>0</v>
      </c>
      <c r="D69" s="18">
        <v>0</v>
      </c>
    </row>
    <row r="70" spans="1:4" ht="18" customHeight="1" x14ac:dyDescent="0.15">
      <c r="A70" s="5">
        <v>54</v>
      </c>
      <c r="B70" s="22">
        <v>1</v>
      </c>
      <c r="C70" s="14">
        <v>0</v>
      </c>
      <c r="D70" s="18">
        <v>1</v>
      </c>
    </row>
    <row r="71" spans="1:4" ht="18" customHeight="1" x14ac:dyDescent="0.15">
      <c r="A71" s="5" t="s">
        <v>22</v>
      </c>
      <c r="B71" s="22">
        <v>2</v>
      </c>
      <c r="C71" s="14">
        <v>1</v>
      </c>
      <c r="D71" s="18">
        <v>3</v>
      </c>
    </row>
    <row r="72" spans="1:4" ht="18" customHeight="1" x14ac:dyDescent="0.15">
      <c r="A72" s="5">
        <v>55</v>
      </c>
      <c r="B72" s="22">
        <v>1</v>
      </c>
      <c r="C72" s="14">
        <v>0</v>
      </c>
      <c r="D72" s="18">
        <v>1</v>
      </c>
    </row>
    <row r="73" spans="1:4" ht="18" customHeight="1" x14ac:dyDescent="0.15">
      <c r="A73" s="5">
        <v>56</v>
      </c>
      <c r="B73" s="22">
        <v>0</v>
      </c>
      <c r="C73" s="14">
        <v>0</v>
      </c>
      <c r="D73" s="18">
        <v>0</v>
      </c>
    </row>
    <row r="74" spans="1:4" ht="18" customHeight="1" x14ac:dyDescent="0.15">
      <c r="A74" s="5">
        <v>57</v>
      </c>
      <c r="B74" s="22">
        <v>0</v>
      </c>
      <c r="C74" s="14">
        <v>0</v>
      </c>
      <c r="D74" s="18">
        <v>0</v>
      </c>
    </row>
    <row r="75" spans="1:4" ht="18" customHeight="1" x14ac:dyDescent="0.15">
      <c r="A75" s="5">
        <v>58</v>
      </c>
      <c r="B75" s="22">
        <v>0</v>
      </c>
      <c r="C75" s="14">
        <v>1</v>
      </c>
      <c r="D75" s="18">
        <v>1</v>
      </c>
    </row>
    <row r="76" spans="1:4" ht="18" customHeight="1" x14ac:dyDescent="0.15">
      <c r="A76" s="5">
        <v>59</v>
      </c>
      <c r="B76" s="22">
        <v>0</v>
      </c>
      <c r="C76" s="14">
        <v>0</v>
      </c>
      <c r="D76" s="18">
        <v>0</v>
      </c>
    </row>
    <row r="77" spans="1:4" ht="18" customHeight="1" x14ac:dyDescent="0.15">
      <c r="A77" s="5" t="s">
        <v>27</v>
      </c>
      <c r="B77" s="22">
        <v>1</v>
      </c>
      <c r="C77" s="14">
        <v>1</v>
      </c>
      <c r="D77" s="18">
        <v>2</v>
      </c>
    </row>
    <row r="78" spans="1:4" ht="18" customHeight="1" x14ac:dyDescent="0.15">
      <c r="A78" s="5">
        <v>60</v>
      </c>
      <c r="B78" s="22">
        <v>0</v>
      </c>
      <c r="C78" s="14">
        <v>1</v>
      </c>
      <c r="D78" s="18">
        <v>1</v>
      </c>
    </row>
    <row r="79" spans="1:4" ht="18" customHeight="1" x14ac:dyDescent="0.15">
      <c r="A79" s="5">
        <v>61</v>
      </c>
      <c r="B79" s="22">
        <v>0</v>
      </c>
      <c r="C79" s="14">
        <v>0</v>
      </c>
      <c r="D79" s="18">
        <v>0</v>
      </c>
    </row>
    <row r="80" spans="1:4" ht="18" customHeight="1" x14ac:dyDescent="0.15">
      <c r="A80" s="5">
        <v>62</v>
      </c>
      <c r="B80" s="22">
        <v>0</v>
      </c>
      <c r="C80" s="14">
        <v>0</v>
      </c>
      <c r="D80" s="18">
        <v>0</v>
      </c>
    </row>
    <row r="81" spans="1:4" ht="18" customHeight="1" x14ac:dyDescent="0.15">
      <c r="A81" s="5">
        <v>63</v>
      </c>
      <c r="B81" s="22">
        <v>0</v>
      </c>
      <c r="C81" s="14">
        <v>0</v>
      </c>
      <c r="D81" s="18">
        <v>0</v>
      </c>
    </row>
    <row r="82" spans="1:4" ht="18" customHeight="1" x14ac:dyDescent="0.15">
      <c r="A82" s="5">
        <v>64</v>
      </c>
      <c r="B82" s="22">
        <v>0</v>
      </c>
      <c r="C82" s="14">
        <v>0</v>
      </c>
      <c r="D82" s="18">
        <v>0</v>
      </c>
    </row>
    <row r="83" spans="1:4" ht="18" customHeight="1" x14ac:dyDescent="0.15">
      <c r="A83" s="5" t="s">
        <v>28</v>
      </c>
      <c r="B83" s="22">
        <v>0</v>
      </c>
      <c r="C83" s="14">
        <v>1</v>
      </c>
      <c r="D83" s="18">
        <v>1</v>
      </c>
    </row>
    <row r="84" spans="1:4" ht="18" customHeight="1" x14ac:dyDescent="0.15">
      <c r="A84" s="5" t="s">
        <v>31</v>
      </c>
      <c r="B84" s="22">
        <v>7</v>
      </c>
      <c r="C84" s="14">
        <v>3</v>
      </c>
      <c r="D84" s="18">
        <v>10</v>
      </c>
    </row>
    <row r="85" spans="1:4" ht="18" customHeight="1" x14ac:dyDescent="0.15">
      <c r="A85" s="5">
        <v>65</v>
      </c>
      <c r="B85" s="22">
        <v>1</v>
      </c>
      <c r="C85" s="14">
        <v>0</v>
      </c>
      <c r="D85" s="18">
        <v>1</v>
      </c>
    </row>
    <row r="86" spans="1:4" ht="18" customHeight="1" x14ac:dyDescent="0.15">
      <c r="A86" s="5">
        <v>66</v>
      </c>
      <c r="B86" s="22">
        <v>0</v>
      </c>
      <c r="C86" s="14">
        <v>0</v>
      </c>
      <c r="D86" s="18">
        <v>0</v>
      </c>
    </row>
    <row r="87" spans="1:4" ht="18" customHeight="1" x14ac:dyDescent="0.15">
      <c r="A87" s="5">
        <v>67</v>
      </c>
      <c r="B87" s="22">
        <v>0</v>
      </c>
      <c r="C87" s="14">
        <v>2</v>
      </c>
      <c r="D87" s="18">
        <v>2</v>
      </c>
    </row>
    <row r="88" spans="1:4" ht="18" customHeight="1" x14ac:dyDescent="0.15">
      <c r="A88" s="5">
        <v>68</v>
      </c>
      <c r="B88" s="22">
        <v>1</v>
      </c>
      <c r="C88" s="14">
        <v>0</v>
      </c>
      <c r="D88" s="18">
        <v>1</v>
      </c>
    </row>
    <row r="89" spans="1:4" ht="18" customHeight="1" x14ac:dyDescent="0.15">
      <c r="A89" s="5">
        <v>69</v>
      </c>
      <c r="B89" s="22">
        <v>1</v>
      </c>
      <c r="C89" s="14">
        <v>0</v>
      </c>
      <c r="D89" s="18">
        <v>1</v>
      </c>
    </row>
    <row r="90" spans="1:4" ht="18" customHeight="1" x14ac:dyDescent="0.15">
      <c r="A90" s="5" t="s">
        <v>20</v>
      </c>
      <c r="B90" s="22">
        <v>3</v>
      </c>
      <c r="C90" s="14">
        <v>2</v>
      </c>
      <c r="D90" s="18">
        <v>5</v>
      </c>
    </row>
    <row r="91" spans="1:4" ht="18" customHeight="1" x14ac:dyDescent="0.15">
      <c r="A91" s="5">
        <v>70</v>
      </c>
      <c r="B91" s="22">
        <v>1</v>
      </c>
      <c r="C91" s="14">
        <v>0</v>
      </c>
      <c r="D91" s="18">
        <v>1</v>
      </c>
    </row>
    <row r="92" spans="1:4" ht="18" customHeight="1" x14ac:dyDescent="0.15">
      <c r="A92" s="5">
        <v>71</v>
      </c>
      <c r="B92" s="22">
        <v>0</v>
      </c>
      <c r="C92" s="14">
        <v>0</v>
      </c>
      <c r="D92" s="18">
        <v>0</v>
      </c>
    </row>
    <row r="93" spans="1:4" ht="18" customHeight="1" x14ac:dyDescent="0.15">
      <c r="A93" s="5">
        <v>72</v>
      </c>
      <c r="B93" s="22">
        <v>2</v>
      </c>
      <c r="C93" s="14">
        <v>0</v>
      </c>
      <c r="D93" s="18">
        <v>2</v>
      </c>
    </row>
    <row r="94" spans="1:4" ht="18" customHeight="1" x14ac:dyDescent="0.15">
      <c r="A94" s="5">
        <v>73</v>
      </c>
      <c r="B94" s="22">
        <v>0</v>
      </c>
      <c r="C94" s="14">
        <v>0</v>
      </c>
      <c r="D94" s="18">
        <v>0</v>
      </c>
    </row>
    <row r="95" spans="1:4" ht="18" customHeight="1" x14ac:dyDescent="0.15">
      <c r="A95" s="5">
        <v>74</v>
      </c>
      <c r="B95" s="22">
        <v>2</v>
      </c>
      <c r="C95" s="14">
        <v>0</v>
      </c>
      <c r="D95" s="18">
        <v>2</v>
      </c>
    </row>
    <row r="96" spans="1:4" ht="18" customHeight="1" x14ac:dyDescent="0.15">
      <c r="A96" s="5" t="s">
        <v>33</v>
      </c>
      <c r="B96" s="22">
        <v>5</v>
      </c>
      <c r="C96" s="14">
        <v>0</v>
      </c>
      <c r="D96" s="18">
        <v>5</v>
      </c>
    </row>
    <row r="97" spans="1:4" ht="18" customHeight="1" x14ac:dyDescent="0.15">
      <c r="A97" s="5">
        <v>75</v>
      </c>
      <c r="B97" s="22">
        <v>0</v>
      </c>
      <c r="C97" s="14">
        <v>0</v>
      </c>
      <c r="D97" s="18">
        <v>0</v>
      </c>
    </row>
    <row r="98" spans="1:4" ht="18" customHeight="1" x14ac:dyDescent="0.15">
      <c r="A98" s="5">
        <v>76</v>
      </c>
      <c r="B98" s="22">
        <v>0</v>
      </c>
      <c r="C98" s="14">
        <v>1</v>
      </c>
      <c r="D98" s="18">
        <v>1</v>
      </c>
    </row>
    <row r="99" spans="1:4" ht="18" customHeight="1" x14ac:dyDescent="0.15">
      <c r="A99" s="5">
        <v>77</v>
      </c>
      <c r="B99" s="22">
        <v>0</v>
      </c>
      <c r="C99" s="14">
        <v>0</v>
      </c>
      <c r="D99" s="18">
        <v>0</v>
      </c>
    </row>
    <row r="100" spans="1:4" ht="18" customHeight="1" x14ac:dyDescent="0.15">
      <c r="A100" s="5">
        <v>78</v>
      </c>
      <c r="B100" s="22">
        <v>1</v>
      </c>
      <c r="C100" s="14">
        <v>0</v>
      </c>
      <c r="D100" s="18">
        <v>1</v>
      </c>
    </row>
    <row r="101" spans="1:4" ht="18" customHeight="1" x14ac:dyDescent="0.15">
      <c r="A101" s="5">
        <v>79</v>
      </c>
      <c r="B101" s="22">
        <v>1</v>
      </c>
      <c r="C101" s="14">
        <v>1</v>
      </c>
      <c r="D101" s="18">
        <v>2</v>
      </c>
    </row>
    <row r="102" spans="1:4" ht="18" customHeight="1" x14ac:dyDescent="0.15">
      <c r="A102" s="5" t="s">
        <v>0</v>
      </c>
      <c r="B102" s="22">
        <v>2</v>
      </c>
      <c r="C102" s="14">
        <v>2</v>
      </c>
      <c r="D102" s="18">
        <v>4</v>
      </c>
    </row>
    <row r="103" spans="1:4" ht="18" customHeight="1" x14ac:dyDescent="0.15">
      <c r="A103" s="5">
        <v>80</v>
      </c>
      <c r="B103" s="22">
        <v>0</v>
      </c>
      <c r="C103" s="14">
        <v>0</v>
      </c>
      <c r="D103" s="18">
        <v>0</v>
      </c>
    </row>
    <row r="104" spans="1:4" ht="18" customHeight="1" x14ac:dyDescent="0.15">
      <c r="A104" s="5">
        <v>81</v>
      </c>
      <c r="B104" s="22">
        <v>0</v>
      </c>
      <c r="C104" s="14">
        <v>0</v>
      </c>
      <c r="D104" s="18">
        <v>0</v>
      </c>
    </row>
    <row r="105" spans="1:4" ht="18" customHeight="1" x14ac:dyDescent="0.15">
      <c r="A105" s="5">
        <v>82</v>
      </c>
      <c r="B105" s="22">
        <v>0</v>
      </c>
      <c r="C105" s="14">
        <v>0</v>
      </c>
      <c r="D105" s="18">
        <v>0</v>
      </c>
    </row>
    <row r="106" spans="1:4" ht="18" customHeight="1" x14ac:dyDescent="0.15">
      <c r="A106" s="5">
        <v>83</v>
      </c>
      <c r="B106" s="22">
        <v>1</v>
      </c>
      <c r="C106" s="14">
        <v>0</v>
      </c>
      <c r="D106" s="18">
        <v>1</v>
      </c>
    </row>
    <row r="107" spans="1:4" ht="18" customHeight="1" x14ac:dyDescent="0.15">
      <c r="A107" s="5">
        <v>84</v>
      </c>
      <c r="B107" s="22">
        <v>0</v>
      </c>
      <c r="C107" s="14">
        <v>0</v>
      </c>
      <c r="D107" s="18">
        <v>0</v>
      </c>
    </row>
    <row r="108" spans="1:4" ht="18" customHeight="1" x14ac:dyDescent="0.15">
      <c r="A108" s="5" t="s">
        <v>35</v>
      </c>
      <c r="B108" s="22">
        <v>1</v>
      </c>
      <c r="C108" s="14">
        <v>0</v>
      </c>
      <c r="D108" s="18">
        <v>1</v>
      </c>
    </row>
    <row r="109" spans="1:4" ht="18" customHeight="1" x14ac:dyDescent="0.15">
      <c r="A109" s="5">
        <v>85</v>
      </c>
      <c r="B109" s="22">
        <v>0</v>
      </c>
      <c r="C109" s="14">
        <v>0</v>
      </c>
      <c r="D109" s="18">
        <v>0</v>
      </c>
    </row>
    <row r="110" spans="1:4" ht="18" customHeight="1" x14ac:dyDescent="0.15">
      <c r="A110" s="5">
        <v>86</v>
      </c>
      <c r="B110" s="22">
        <v>1</v>
      </c>
      <c r="C110" s="14">
        <v>2</v>
      </c>
      <c r="D110" s="18">
        <v>3</v>
      </c>
    </row>
    <row r="111" spans="1:4" ht="18" customHeight="1" x14ac:dyDescent="0.15">
      <c r="A111" s="5">
        <v>87</v>
      </c>
      <c r="B111" s="22">
        <v>1</v>
      </c>
      <c r="C111" s="14">
        <v>0</v>
      </c>
      <c r="D111" s="18">
        <v>1</v>
      </c>
    </row>
    <row r="112" spans="1:4" ht="18" customHeight="1" x14ac:dyDescent="0.15">
      <c r="A112" s="5">
        <v>88</v>
      </c>
      <c r="B112" s="22">
        <v>0</v>
      </c>
      <c r="C112" s="14">
        <v>2</v>
      </c>
      <c r="D112" s="18">
        <v>2</v>
      </c>
    </row>
    <row r="113" spans="1:4" ht="18" customHeight="1" x14ac:dyDescent="0.15">
      <c r="A113" s="5">
        <v>89</v>
      </c>
      <c r="B113" s="22">
        <v>1</v>
      </c>
      <c r="C113" s="14">
        <v>0</v>
      </c>
      <c r="D113" s="18">
        <v>1</v>
      </c>
    </row>
    <row r="114" spans="1:4" ht="18" customHeight="1" x14ac:dyDescent="0.15">
      <c r="A114" s="5" t="s">
        <v>37</v>
      </c>
      <c r="B114" s="22">
        <v>3</v>
      </c>
      <c r="C114" s="14">
        <v>4</v>
      </c>
      <c r="D114" s="18">
        <v>7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0</v>
      </c>
      <c r="D116" s="18">
        <v>0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1</v>
      </c>
      <c r="C119" s="14">
        <v>0</v>
      </c>
      <c r="D119" s="18">
        <v>1</v>
      </c>
    </row>
    <row r="120" spans="1:4" ht="18" customHeight="1" x14ac:dyDescent="0.15">
      <c r="A120" s="5" t="s">
        <v>39</v>
      </c>
      <c r="B120" s="22">
        <v>2</v>
      </c>
      <c r="C120" s="14">
        <v>2</v>
      </c>
      <c r="D120" s="18">
        <v>4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0</v>
      </c>
      <c r="D123" s="18">
        <v>0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0</v>
      </c>
      <c r="D126" s="18">
        <v>0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6</v>
      </c>
      <c r="C130" s="14">
        <v>10</v>
      </c>
      <c r="D130" s="18">
        <v>26</v>
      </c>
    </row>
    <row r="131" spans="1:4" ht="18" customHeight="1" x14ac:dyDescent="0.15">
      <c r="A131" s="7" t="s">
        <v>45</v>
      </c>
      <c r="B131" s="23">
        <v>26</v>
      </c>
      <c r="C131" s="15">
        <v>13</v>
      </c>
      <c r="D131" s="19">
        <v>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8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24</v>
      </c>
      <c r="C5" s="29">
        <v>17</v>
      </c>
      <c r="D5" s="31">
        <v>41</v>
      </c>
    </row>
    <row r="6" spans="1:4" ht="18" customHeight="1" x14ac:dyDescent="0.15">
      <c r="A6" s="5">
        <v>1</v>
      </c>
      <c r="B6" s="27">
        <v>28</v>
      </c>
      <c r="C6" s="14">
        <v>28</v>
      </c>
      <c r="D6" s="18">
        <v>56</v>
      </c>
    </row>
    <row r="7" spans="1:4" ht="18" customHeight="1" x14ac:dyDescent="0.15">
      <c r="A7" s="5">
        <v>2</v>
      </c>
      <c r="B7" s="27">
        <v>33</v>
      </c>
      <c r="C7" s="14">
        <v>26</v>
      </c>
      <c r="D7" s="18">
        <v>59</v>
      </c>
    </row>
    <row r="8" spans="1:4" ht="18" customHeight="1" x14ac:dyDescent="0.15">
      <c r="A8" s="5">
        <v>3</v>
      </c>
      <c r="B8" s="27">
        <v>38</v>
      </c>
      <c r="C8" s="14">
        <v>31</v>
      </c>
      <c r="D8" s="18">
        <v>69</v>
      </c>
    </row>
    <row r="9" spans="1:4" ht="18" customHeight="1" x14ac:dyDescent="0.15">
      <c r="A9" s="5">
        <v>4</v>
      </c>
      <c r="B9" s="28">
        <v>41</v>
      </c>
      <c r="C9" s="30">
        <v>33</v>
      </c>
      <c r="D9" s="32">
        <v>74</v>
      </c>
    </row>
    <row r="10" spans="1:4" ht="18" customHeight="1" x14ac:dyDescent="0.15">
      <c r="A10" s="5" t="s">
        <v>7</v>
      </c>
      <c r="B10" s="22">
        <v>164</v>
      </c>
      <c r="C10" s="14">
        <v>135</v>
      </c>
      <c r="D10" s="18">
        <v>299</v>
      </c>
    </row>
    <row r="11" spans="1:4" ht="18" customHeight="1" x14ac:dyDescent="0.15">
      <c r="A11" s="5">
        <v>5</v>
      </c>
      <c r="B11" s="27">
        <v>34</v>
      </c>
      <c r="C11" s="14">
        <v>44</v>
      </c>
      <c r="D11" s="18">
        <v>78</v>
      </c>
    </row>
    <row r="12" spans="1:4" ht="18" customHeight="1" x14ac:dyDescent="0.15">
      <c r="A12" s="5">
        <v>6</v>
      </c>
      <c r="B12" s="27">
        <v>45</v>
      </c>
      <c r="C12" s="14">
        <v>47</v>
      </c>
      <c r="D12" s="18">
        <v>92</v>
      </c>
    </row>
    <row r="13" spans="1:4" ht="18" customHeight="1" x14ac:dyDescent="0.15">
      <c r="A13" s="5">
        <v>7</v>
      </c>
      <c r="B13" s="27">
        <v>39</v>
      </c>
      <c r="C13" s="14">
        <v>54</v>
      </c>
      <c r="D13" s="18">
        <v>93</v>
      </c>
    </row>
    <row r="14" spans="1:4" ht="18" customHeight="1" x14ac:dyDescent="0.15">
      <c r="A14" s="5">
        <v>8</v>
      </c>
      <c r="B14" s="27">
        <v>50</v>
      </c>
      <c r="C14" s="14">
        <v>64</v>
      </c>
      <c r="D14" s="18">
        <v>114</v>
      </c>
    </row>
    <row r="15" spans="1:4" ht="18" customHeight="1" x14ac:dyDescent="0.15">
      <c r="A15" s="5">
        <v>9</v>
      </c>
      <c r="B15" s="27">
        <v>46</v>
      </c>
      <c r="C15" s="14">
        <v>57</v>
      </c>
      <c r="D15" s="18">
        <v>103</v>
      </c>
    </row>
    <row r="16" spans="1:4" ht="18" customHeight="1" x14ac:dyDescent="0.15">
      <c r="A16" s="5" t="s">
        <v>11</v>
      </c>
      <c r="B16" s="22">
        <v>214</v>
      </c>
      <c r="C16" s="14">
        <v>266</v>
      </c>
      <c r="D16" s="18">
        <v>480</v>
      </c>
    </row>
    <row r="17" spans="1:4" ht="18" customHeight="1" x14ac:dyDescent="0.15">
      <c r="A17" s="5">
        <v>10</v>
      </c>
      <c r="B17" s="22">
        <v>59</v>
      </c>
      <c r="C17" s="14">
        <v>63</v>
      </c>
      <c r="D17" s="18">
        <v>122</v>
      </c>
    </row>
    <row r="18" spans="1:4" ht="18" customHeight="1" x14ac:dyDescent="0.15">
      <c r="A18" s="5">
        <v>11</v>
      </c>
      <c r="B18" s="22">
        <v>63</v>
      </c>
      <c r="C18" s="14">
        <v>70</v>
      </c>
      <c r="D18" s="18">
        <v>133</v>
      </c>
    </row>
    <row r="19" spans="1:4" ht="18" customHeight="1" x14ac:dyDescent="0.15">
      <c r="A19" s="5">
        <v>12</v>
      </c>
      <c r="B19" s="22">
        <v>61</v>
      </c>
      <c r="C19" s="14">
        <v>54</v>
      </c>
      <c r="D19" s="18">
        <v>115</v>
      </c>
    </row>
    <row r="20" spans="1:4" ht="18" customHeight="1" x14ac:dyDescent="0.15">
      <c r="A20" s="5">
        <v>13</v>
      </c>
      <c r="B20" s="22">
        <v>71</v>
      </c>
      <c r="C20" s="14">
        <v>66</v>
      </c>
      <c r="D20" s="18">
        <v>137</v>
      </c>
    </row>
    <row r="21" spans="1:4" ht="18" customHeight="1" x14ac:dyDescent="0.15">
      <c r="A21" s="5">
        <v>14</v>
      </c>
      <c r="B21" s="22">
        <v>60</v>
      </c>
      <c r="C21" s="14">
        <v>59</v>
      </c>
      <c r="D21" s="18">
        <v>119</v>
      </c>
    </row>
    <row r="22" spans="1:4" ht="18" customHeight="1" x14ac:dyDescent="0.15">
      <c r="A22" s="5" t="s">
        <v>12</v>
      </c>
      <c r="B22" s="22">
        <v>314</v>
      </c>
      <c r="C22" s="14">
        <v>312</v>
      </c>
      <c r="D22" s="18">
        <v>626</v>
      </c>
    </row>
    <row r="23" spans="1:4" ht="18" customHeight="1" x14ac:dyDescent="0.15">
      <c r="A23" s="5" t="s">
        <v>6</v>
      </c>
      <c r="B23" s="22">
        <v>692</v>
      </c>
      <c r="C23" s="14">
        <v>713</v>
      </c>
      <c r="D23" s="18">
        <v>1405</v>
      </c>
    </row>
    <row r="24" spans="1:4" ht="18" customHeight="1" x14ac:dyDescent="0.15">
      <c r="A24" s="5">
        <v>15</v>
      </c>
      <c r="B24" s="22">
        <v>56</v>
      </c>
      <c r="C24" s="14">
        <v>74</v>
      </c>
      <c r="D24" s="18">
        <v>130</v>
      </c>
    </row>
    <row r="25" spans="1:4" ht="18" customHeight="1" x14ac:dyDescent="0.15">
      <c r="A25" s="5">
        <v>16</v>
      </c>
      <c r="B25" s="22">
        <v>78</v>
      </c>
      <c r="C25" s="14">
        <v>77</v>
      </c>
      <c r="D25" s="18">
        <v>155</v>
      </c>
    </row>
    <row r="26" spans="1:4" ht="18" customHeight="1" x14ac:dyDescent="0.15">
      <c r="A26" s="5">
        <v>17</v>
      </c>
      <c r="B26" s="22">
        <v>86</v>
      </c>
      <c r="C26" s="14">
        <v>82</v>
      </c>
      <c r="D26" s="18">
        <v>168</v>
      </c>
    </row>
    <row r="27" spans="1:4" ht="18" customHeight="1" x14ac:dyDescent="0.15">
      <c r="A27" s="5">
        <v>18</v>
      </c>
      <c r="B27" s="22">
        <v>72</v>
      </c>
      <c r="C27" s="14">
        <v>66</v>
      </c>
      <c r="D27" s="18">
        <v>138</v>
      </c>
    </row>
    <row r="28" spans="1:4" ht="18" customHeight="1" x14ac:dyDescent="0.15">
      <c r="A28" s="5">
        <v>19</v>
      </c>
      <c r="B28" s="22">
        <v>85</v>
      </c>
      <c r="C28" s="14">
        <v>84</v>
      </c>
      <c r="D28" s="18">
        <v>169</v>
      </c>
    </row>
    <row r="29" spans="1:4" ht="18" customHeight="1" x14ac:dyDescent="0.15">
      <c r="A29" s="5" t="s">
        <v>14</v>
      </c>
      <c r="B29" s="22">
        <v>377</v>
      </c>
      <c r="C29" s="14">
        <v>383</v>
      </c>
      <c r="D29" s="18">
        <v>760</v>
      </c>
    </row>
    <row r="30" spans="1:4" ht="18" customHeight="1" x14ac:dyDescent="0.15">
      <c r="A30" s="5">
        <v>20</v>
      </c>
      <c r="B30" s="22">
        <v>76</v>
      </c>
      <c r="C30" s="14">
        <v>70</v>
      </c>
      <c r="D30" s="18">
        <v>146</v>
      </c>
    </row>
    <row r="31" spans="1:4" ht="18" customHeight="1" x14ac:dyDescent="0.15">
      <c r="A31" s="5">
        <v>21</v>
      </c>
      <c r="B31" s="22">
        <v>95</v>
      </c>
      <c r="C31" s="14">
        <v>95</v>
      </c>
      <c r="D31" s="18">
        <v>190</v>
      </c>
    </row>
    <row r="32" spans="1:4" ht="18" customHeight="1" x14ac:dyDescent="0.15">
      <c r="A32" s="5">
        <v>22</v>
      </c>
      <c r="B32" s="22">
        <v>77</v>
      </c>
      <c r="C32" s="14">
        <v>81</v>
      </c>
      <c r="D32" s="18">
        <v>158</v>
      </c>
    </row>
    <row r="33" spans="1:4" ht="18" customHeight="1" x14ac:dyDescent="0.15">
      <c r="A33" s="5">
        <v>23</v>
      </c>
      <c r="B33" s="22">
        <v>98</v>
      </c>
      <c r="C33" s="14">
        <v>74</v>
      </c>
      <c r="D33" s="18">
        <v>172</v>
      </c>
    </row>
    <row r="34" spans="1:4" ht="18" customHeight="1" x14ac:dyDescent="0.15">
      <c r="A34" s="5">
        <v>24</v>
      </c>
      <c r="B34" s="22">
        <v>90</v>
      </c>
      <c r="C34" s="14">
        <v>72</v>
      </c>
      <c r="D34" s="18">
        <v>162</v>
      </c>
    </row>
    <row r="35" spans="1:4" ht="18" customHeight="1" x14ac:dyDescent="0.15">
      <c r="A35" s="5" t="s">
        <v>9</v>
      </c>
      <c r="B35" s="22">
        <v>436</v>
      </c>
      <c r="C35" s="14">
        <v>392</v>
      </c>
      <c r="D35" s="18">
        <v>828</v>
      </c>
    </row>
    <row r="36" spans="1:4" ht="18" customHeight="1" x14ac:dyDescent="0.15">
      <c r="A36" s="5">
        <v>25</v>
      </c>
      <c r="B36" s="22">
        <v>91</v>
      </c>
      <c r="C36" s="14">
        <v>77</v>
      </c>
      <c r="D36" s="18">
        <v>168</v>
      </c>
    </row>
    <row r="37" spans="1:4" ht="18" customHeight="1" x14ac:dyDescent="0.15">
      <c r="A37" s="5">
        <v>26</v>
      </c>
      <c r="B37" s="22">
        <v>96</v>
      </c>
      <c r="C37" s="14">
        <v>79</v>
      </c>
      <c r="D37" s="18">
        <v>175</v>
      </c>
    </row>
    <row r="38" spans="1:4" ht="18" customHeight="1" x14ac:dyDescent="0.15">
      <c r="A38" s="5">
        <v>27</v>
      </c>
      <c r="B38" s="22">
        <v>101</v>
      </c>
      <c r="C38" s="14">
        <v>65</v>
      </c>
      <c r="D38" s="18">
        <v>166</v>
      </c>
    </row>
    <row r="39" spans="1:4" ht="18" customHeight="1" x14ac:dyDescent="0.15">
      <c r="A39" s="5">
        <v>28</v>
      </c>
      <c r="B39" s="22">
        <v>86</v>
      </c>
      <c r="C39" s="14">
        <v>55</v>
      </c>
      <c r="D39" s="18">
        <v>141</v>
      </c>
    </row>
    <row r="40" spans="1:4" ht="18" customHeight="1" x14ac:dyDescent="0.15">
      <c r="A40" s="5">
        <v>29</v>
      </c>
      <c r="B40" s="22">
        <v>75</v>
      </c>
      <c r="C40" s="14">
        <v>60</v>
      </c>
      <c r="D40" s="18">
        <v>135</v>
      </c>
    </row>
    <row r="41" spans="1:4" ht="18" customHeight="1" x14ac:dyDescent="0.15">
      <c r="A41" s="5" t="s">
        <v>2</v>
      </c>
      <c r="B41" s="22">
        <v>449</v>
      </c>
      <c r="C41" s="14">
        <v>336</v>
      </c>
      <c r="D41" s="18">
        <v>785</v>
      </c>
    </row>
    <row r="42" spans="1:4" ht="18" customHeight="1" x14ac:dyDescent="0.15">
      <c r="A42" s="5">
        <v>30</v>
      </c>
      <c r="B42" s="22">
        <v>61</v>
      </c>
      <c r="C42" s="14">
        <v>52</v>
      </c>
      <c r="D42" s="18">
        <v>113</v>
      </c>
    </row>
    <row r="43" spans="1:4" ht="18" customHeight="1" x14ac:dyDescent="0.15">
      <c r="A43" s="5">
        <v>31</v>
      </c>
      <c r="B43" s="22">
        <v>72</v>
      </c>
      <c r="C43" s="14">
        <v>44</v>
      </c>
      <c r="D43" s="18">
        <v>116</v>
      </c>
    </row>
    <row r="44" spans="1:4" ht="18" customHeight="1" x14ac:dyDescent="0.15">
      <c r="A44" s="5">
        <v>32</v>
      </c>
      <c r="B44" s="22">
        <v>61</v>
      </c>
      <c r="C44" s="14">
        <v>41</v>
      </c>
      <c r="D44" s="18">
        <v>102</v>
      </c>
    </row>
    <row r="45" spans="1:4" ht="18" customHeight="1" x14ac:dyDescent="0.15">
      <c r="A45" s="5">
        <v>33</v>
      </c>
      <c r="B45" s="22">
        <v>74</v>
      </c>
      <c r="C45" s="14">
        <v>56</v>
      </c>
      <c r="D45" s="18">
        <v>130</v>
      </c>
    </row>
    <row r="46" spans="1:4" ht="18" customHeight="1" x14ac:dyDescent="0.15">
      <c r="A46" s="5">
        <v>34</v>
      </c>
      <c r="B46" s="22">
        <v>68</v>
      </c>
      <c r="C46" s="14">
        <v>59</v>
      </c>
      <c r="D46" s="18">
        <v>127</v>
      </c>
    </row>
    <row r="47" spans="1:4" ht="18" customHeight="1" x14ac:dyDescent="0.15">
      <c r="A47" s="5" t="s">
        <v>15</v>
      </c>
      <c r="B47" s="22">
        <v>336</v>
      </c>
      <c r="C47" s="14">
        <v>252</v>
      </c>
      <c r="D47" s="18">
        <v>588</v>
      </c>
    </row>
    <row r="48" spans="1:4" ht="18" customHeight="1" x14ac:dyDescent="0.15">
      <c r="A48" s="5">
        <v>35</v>
      </c>
      <c r="B48" s="22">
        <v>56</v>
      </c>
      <c r="C48" s="14">
        <v>45</v>
      </c>
      <c r="D48" s="18">
        <v>101</v>
      </c>
    </row>
    <row r="49" spans="1:4" ht="18" customHeight="1" x14ac:dyDescent="0.15">
      <c r="A49" s="5">
        <v>36</v>
      </c>
      <c r="B49" s="22">
        <v>78</v>
      </c>
      <c r="C49" s="14">
        <v>71</v>
      </c>
      <c r="D49" s="18">
        <v>149</v>
      </c>
    </row>
    <row r="50" spans="1:4" ht="18" customHeight="1" x14ac:dyDescent="0.15">
      <c r="A50" s="5">
        <v>37</v>
      </c>
      <c r="B50" s="22">
        <v>83</v>
      </c>
      <c r="C50" s="14">
        <v>69</v>
      </c>
      <c r="D50" s="18">
        <v>152</v>
      </c>
    </row>
    <row r="51" spans="1:4" ht="18" customHeight="1" x14ac:dyDescent="0.15">
      <c r="A51" s="5">
        <v>38</v>
      </c>
      <c r="B51" s="22">
        <v>65</v>
      </c>
      <c r="C51" s="14">
        <v>68</v>
      </c>
      <c r="D51" s="18">
        <v>133</v>
      </c>
    </row>
    <row r="52" spans="1:4" ht="18" customHeight="1" x14ac:dyDescent="0.15">
      <c r="A52" s="5">
        <v>39</v>
      </c>
      <c r="B52" s="22">
        <v>79</v>
      </c>
      <c r="C52" s="14">
        <v>63</v>
      </c>
      <c r="D52" s="18">
        <v>142</v>
      </c>
    </row>
    <row r="53" spans="1:4" ht="18" customHeight="1" x14ac:dyDescent="0.15">
      <c r="A53" s="5" t="s">
        <v>18</v>
      </c>
      <c r="B53" s="22">
        <v>361</v>
      </c>
      <c r="C53" s="14">
        <v>316</v>
      </c>
      <c r="D53" s="18">
        <v>677</v>
      </c>
    </row>
    <row r="54" spans="1:4" ht="18" customHeight="1" x14ac:dyDescent="0.15">
      <c r="A54" s="5">
        <v>40</v>
      </c>
      <c r="B54" s="22">
        <v>81</v>
      </c>
      <c r="C54" s="14">
        <v>80</v>
      </c>
      <c r="D54" s="18">
        <v>161</v>
      </c>
    </row>
    <row r="55" spans="1:4" ht="18" customHeight="1" x14ac:dyDescent="0.15">
      <c r="A55" s="5">
        <v>41</v>
      </c>
      <c r="B55" s="22">
        <v>88</v>
      </c>
      <c r="C55" s="14">
        <v>84</v>
      </c>
      <c r="D55" s="18">
        <v>172</v>
      </c>
    </row>
    <row r="56" spans="1:4" ht="18" customHeight="1" x14ac:dyDescent="0.15">
      <c r="A56" s="5">
        <v>42</v>
      </c>
      <c r="B56" s="22">
        <v>83</v>
      </c>
      <c r="C56" s="14">
        <v>85</v>
      </c>
      <c r="D56" s="18">
        <v>168</v>
      </c>
    </row>
    <row r="57" spans="1:4" ht="18" customHeight="1" x14ac:dyDescent="0.15">
      <c r="A57" s="5">
        <v>43</v>
      </c>
      <c r="B57" s="22">
        <v>92</v>
      </c>
      <c r="C57" s="14">
        <v>98</v>
      </c>
      <c r="D57" s="18">
        <v>190</v>
      </c>
    </row>
    <row r="58" spans="1:4" ht="18" customHeight="1" x14ac:dyDescent="0.15">
      <c r="A58" s="5">
        <v>44</v>
      </c>
      <c r="B58" s="22">
        <v>116</v>
      </c>
      <c r="C58" s="14">
        <v>93</v>
      </c>
      <c r="D58" s="18">
        <v>209</v>
      </c>
    </row>
    <row r="59" spans="1:4" ht="18" customHeight="1" x14ac:dyDescent="0.15">
      <c r="A59" s="5" t="s">
        <v>21</v>
      </c>
      <c r="B59" s="22">
        <v>460</v>
      </c>
      <c r="C59" s="14">
        <v>440</v>
      </c>
      <c r="D59" s="18">
        <v>900</v>
      </c>
    </row>
    <row r="60" spans="1:4" ht="18" customHeight="1" x14ac:dyDescent="0.15">
      <c r="A60" s="5">
        <v>45</v>
      </c>
      <c r="B60" s="22">
        <v>111</v>
      </c>
      <c r="C60" s="14">
        <v>85</v>
      </c>
      <c r="D60" s="18">
        <v>196</v>
      </c>
    </row>
    <row r="61" spans="1:4" ht="18" customHeight="1" x14ac:dyDescent="0.15">
      <c r="A61" s="5">
        <v>46</v>
      </c>
      <c r="B61" s="22">
        <v>111</v>
      </c>
      <c r="C61" s="14">
        <v>109</v>
      </c>
      <c r="D61" s="18">
        <v>220</v>
      </c>
    </row>
    <row r="62" spans="1:4" ht="18" customHeight="1" x14ac:dyDescent="0.15">
      <c r="A62" s="5">
        <v>47</v>
      </c>
      <c r="B62" s="22">
        <v>112</v>
      </c>
      <c r="C62" s="14">
        <v>118</v>
      </c>
      <c r="D62" s="18">
        <v>230</v>
      </c>
    </row>
    <row r="63" spans="1:4" ht="18" customHeight="1" x14ac:dyDescent="0.15">
      <c r="A63" s="5">
        <v>48</v>
      </c>
      <c r="B63" s="22">
        <v>117</v>
      </c>
      <c r="C63" s="14">
        <v>96</v>
      </c>
      <c r="D63" s="18">
        <v>213</v>
      </c>
    </row>
    <row r="64" spans="1:4" ht="18" customHeight="1" x14ac:dyDescent="0.15">
      <c r="A64" s="5">
        <v>49</v>
      </c>
      <c r="B64" s="22">
        <v>127</v>
      </c>
      <c r="C64" s="14">
        <v>127</v>
      </c>
      <c r="D64" s="18">
        <v>254</v>
      </c>
    </row>
    <row r="65" spans="1:4" ht="18" customHeight="1" x14ac:dyDescent="0.15">
      <c r="A65" s="5" t="s">
        <v>17</v>
      </c>
      <c r="B65" s="22">
        <v>578</v>
      </c>
      <c r="C65" s="14">
        <v>535</v>
      </c>
      <c r="D65" s="18">
        <v>1113</v>
      </c>
    </row>
    <row r="66" spans="1:4" ht="18" customHeight="1" x14ac:dyDescent="0.15">
      <c r="A66" s="5">
        <v>50</v>
      </c>
      <c r="B66" s="22">
        <v>126</v>
      </c>
      <c r="C66" s="14">
        <v>129</v>
      </c>
      <c r="D66" s="18">
        <v>255</v>
      </c>
    </row>
    <row r="67" spans="1:4" ht="18" customHeight="1" x14ac:dyDescent="0.15">
      <c r="A67" s="5">
        <v>51</v>
      </c>
      <c r="B67" s="22">
        <v>143</v>
      </c>
      <c r="C67" s="14">
        <v>131</v>
      </c>
      <c r="D67" s="18">
        <v>274</v>
      </c>
    </row>
    <row r="68" spans="1:4" ht="18" customHeight="1" x14ac:dyDescent="0.15">
      <c r="A68" s="5">
        <v>52</v>
      </c>
      <c r="B68" s="22">
        <v>141</v>
      </c>
      <c r="C68" s="14">
        <v>129</v>
      </c>
      <c r="D68" s="18">
        <v>270</v>
      </c>
    </row>
    <row r="69" spans="1:4" ht="18" customHeight="1" x14ac:dyDescent="0.15">
      <c r="A69" s="5">
        <v>53</v>
      </c>
      <c r="B69" s="22">
        <v>148</v>
      </c>
      <c r="C69" s="14">
        <v>134</v>
      </c>
      <c r="D69" s="18">
        <v>282</v>
      </c>
    </row>
    <row r="70" spans="1:4" ht="18" customHeight="1" x14ac:dyDescent="0.15">
      <c r="A70" s="5">
        <v>54</v>
      </c>
      <c r="B70" s="22">
        <v>137</v>
      </c>
      <c r="C70" s="14">
        <v>127</v>
      </c>
      <c r="D70" s="18">
        <v>264</v>
      </c>
    </row>
    <row r="71" spans="1:4" ht="18" customHeight="1" x14ac:dyDescent="0.15">
      <c r="A71" s="5" t="s">
        <v>22</v>
      </c>
      <c r="B71" s="22">
        <v>695</v>
      </c>
      <c r="C71" s="14">
        <v>650</v>
      </c>
      <c r="D71" s="18">
        <v>1345</v>
      </c>
    </row>
    <row r="72" spans="1:4" ht="18" customHeight="1" x14ac:dyDescent="0.15">
      <c r="A72" s="5">
        <v>55</v>
      </c>
      <c r="B72" s="22">
        <v>149</v>
      </c>
      <c r="C72" s="14">
        <v>130</v>
      </c>
      <c r="D72" s="18">
        <v>279</v>
      </c>
    </row>
    <row r="73" spans="1:4" ht="18" customHeight="1" x14ac:dyDescent="0.15">
      <c r="A73" s="5">
        <v>56</v>
      </c>
      <c r="B73" s="22">
        <v>125</v>
      </c>
      <c r="C73" s="14">
        <v>116</v>
      </c>
      <c r="D73" s="18">
        <v>241</v>
      </c>
    </row>
    <row r="74" spans="1:4" ht="18" customHeight="1" x14ac:dyDescent="0.15">
      <c r="A74" s="5">
        <v>57</v>
      </c>
      <c r="B74" s="22">
        <v>111</v>
      </c>
      <c r="C74" s="14">
        <v>125</v>
      </c>
      <c r="D74" s="18">
        <v>236</v>
      </c>
    </row>
    <row r="75" spans="1:4" ht="18" customHeight="1" x14ac:dyDescent="0.15">
      <c r="A75" s="5">
        <v>58</v>
      </c>
      <c r="B75" s="22">
        <v>117</v>
      </c>
      <c r="C75" s="14">
        <v>124</v>
      </c>
      <c r="D75" s="18">
        <v>241</v>
      </c>
    </row>
    <row r="76" spans="1:4" ht="18" customHeight="1" x14ac:dyDescent="0.15">
      <c r="A76" s="5">
        <v>59</v>
      </c>
      <c r="B76" s="22">
        <v>89</v>
      </c>
      <c r="C76" s="14">
        <v>89</v>
      </c>
      <c r="D76" s="18">
        <v>178</v>
      </c>
    </row>
    <row r="77" spans="1:4" ht="18" customHeight="1" x14ac:dyDescent="0.15">
      <c r="A77" s="5" t="s">
        <v>27</v>
      </c>
      <c r="B77" s="22">
        <v>591</v>
      </c>
      <c r="C77" s="14">
        <v>584</v>
      </c>
      <c r="D77" s="18">
        <v>1175</v>
      </c>
    </row>
    <row r="78" spans="1:4" ht="18" customHeight="1" x14ac:dyDescent="0.15">
      <c r="A78" s="5">
        <v>60</v>
      </c>
      <c r="B78" s="22">
        <v>114</v>
      </c>
      <c r="C78" s="14">
        <v>103</v>
      </c>
      <c r="D78" s="18">
        <v>217</v>
      </c>
    </row>
    <row r="79" spans="1:4" ht="18" customHeight="1" x14ac:dyDescent="0.15">
      <c r="A79" s="5">
        <v>61</v>
      </c>
      <c r="B79" s="22">
        <v>141</v>
      </c>
      <c r="C79" s="14">
        <v>121</v>
      </c>
      <c r="D79" s="18">
        <v>262</v>
      </c>
    </row>
    <row r="80" spans="1:4" ht="18" customHeight="1" x14ac:dyDescent="0.15">
      <c r="A80" s="5">
        <v>62</v>
      </c>
      <c r="B80" s="22">
        <v>113</v>
      </c>
      <c r="C80" s="14">
        <v>118</v>
      </c>
      <c r="D80" s="18">
        <v>231</v>
      </c>
    </row>
    <row r="81" spans="1:4" ht="18" customHeight="1" x14ac:dyDescent="0.15">
      <c r="A81" s="5">
        <v>63</v>
      </c>
      <c r="B81" s="22">
        <v>101</v>
      </c>
      <c r="C81" s="14">
        <v>94</v>
      </c>
      <c r="D81" s="18">
        <v>195</v>
      </c>
    </row>
    <row r="82" spans="1:4" ht="18" customHeight="1" x14ac:dyDescent="0.15">
      <c r="A82" s="5">
        <v>64</v>
      </c>
      <c r="B82" s="22">
        <v>114</v>
      </c>
      <c r="C82" s="14">
        <v>110</v>
      </c>
      <c r="D82" s="18">
        <v>224</v>
      </c>
    </row>
    <row r="83" spans="1:4" ht="18" customHeight="1" x14ac:dyDescent="0.15">
      <c r="A83" s="5" t="s">
        <v>28</v>
      </c>
      <c r="B83" s="22">
        <v>583</v>
      </c>
      <c r="C83" s="14">
        <v>546</v>
      </c>
      <c r="D83" s="18">
        <v>1129</v>
      </c>
    </row>
    <row r="84" spans="1:4" ht="18" customHeight="1" x14ac:dyDescent="0.15">
      <c r="A84" s="5" t="s">
        <v>31</v>
      </c>
      <c r="B84" s="22">
        <v>4866</v>
      </c>
      <c r="C84" s="14">
        <v>4434</v>
      </c>
      <c r="D84" s="18">
        <v>9300</v>
      </c>
    </row>
    <row r="85" spans="1:4" ht="18" customHeight="1" x14ac:dyDescent="0.15">
      <c r="A85" s="5">
        <v>65</v>
      </c>
      <c r="B85" s="22">
        <v>125</v>
      </c>
      <c r="C85" s="14">
        <v>123</v>
      </c>
      <c r="D85" s="18">
        <v>248</v>
      </c>
    </row>
    <row r="86" spans="1:4" ht="18" customHeight="1" x14ac:dyDescent="0.15">
      <c r="A86" s="5">
        <v>66</v>
      </c>
      <c r="B86" s="22">
        <v>116</v>
      </c>
      <c r="C86" s="14">
        <v>114</v>
      </c>
      <c r="D86" s="18">
        <v>230</v>
      </c>
    </row>
    <row r="87" spans="1:4" ht="18" customHeight="1" x14ac:dyDescent="0.15">
      <c r="A87" s="5">
        <v>67</v>
      </c>
      <c r="B87" s="22">
        <v>118</v>
      </c>
      <c r="C87" s="14">
        <v>123</v>
      </c>
      <c r="D87" s="18">
        <v>241</v>
      </c>
    </row>
    <row r="88" spans="1:4" ht="18" customHeight="1" x14ac:dyDescent="0.15">
      <c r="A88" s="5">
        <v>68</v>
      </c>
      <c r="B88" s="22">
        <v>134</v>
      </c>
      <c r="C88" s="14">
        <v>125</v>
      </c>
      <c r="D88" s="18">
        <v>259</v>
      </c>
    </row>
    <row r="89" spans="1:4" ht="18" customHeight="1" x14ac:dyDescent="0.15">
      <c r="A89" s="5">
        <v>69</v>
      </c>
      <c r="B89" s="22">
        <v>119</v>
      </c>
      <c r="C89" s="14">
        <v>125</v>
      </c>
      <c r="D89" s="18">
        <v>244</v>
      </c>
    </row>
    <row r="90" spans="1:4" ht="18" customHeight="1" x14ac:dyDescent="0.15">
      <c r="A90" s="5" t="s">
        <v>20</v>
      </c>
      <c r="B90" s="22">
        <v>612</v>
      </c>
      <c r="C90" s="14">
        <v>610</v>
      </c>
      <c r="D90" s="18">
        <v>1222</v>
      </c>
    </row>
    <row r="91" spans="1:4" ht="18" customHeight="1" x14ac:dyDescent="0.15">
      <c r="A91" s="5">
        <v>70</v>
      </c>
      <c r="B91" s="22">
        <v>126</v>
      </c>
      <c r="C91" s="14">
        <v>138</v>
      </c>
      <c r="D91" s="18">
        <v>264</v>
      </c>
    </row>
    <row r="92" spans="1:4" ht="18" customHeight="1" x14ac:dyDescent="0.15">
      <c r="A92" s="5">
        <v>71</v>
      </c>
      <c r="B92" s="22">
        <v>167</v>
      </c>
      <c r="C92" s="14">
        <v>149</v>
      </c>
      <c r="D92" s="18">
        <v>316</v>
      </c>
    </row>
    <row r="93" spans="1:4" ht="18" customHeight="1" x14ac:dyDescent="0.15">
      <c r="A93" s="5">
        <v>72</v>
      </c>
      <c r="B93" s="22">
        <v>150</v>
      </c>
      <c r="C93" s="14">
        <v>156</v>
      </c>
      <c r="D93" s="18">
        <v>306</v>
      </c>
    </row>
    <row r="94" spans="1:4" ht="18" customHeight="1" x14ac:dyDescent="0.15">
      <c r="A94" s="5">
        <v>73</v>
      </c>
      <c r="B94" s="22">
        <v>148</v>
      </c>
      <c r="C94" s="14">
        <v>140</v>
      </c>
      <c r="D94" s="18">
        <v>288</v>
      </c>
    </row>
    <row r="95" spans="1:4" ht="18" customHeight="1" x14ac:dyDescent="0.15">
      <c r="A95" s="5">
        <v>74</v>
      </c>
      <c r="B95" s="22">
        <v>147</v>
      </c>
      <c r="C95" s="14">
        <v>170</v>
      </c>
      <c r="D95" s="18">
        <v>317</v>
      </c>
    </row>
    <row r="96" spans="1:4" ht="18" customHeight="1" x14ac:dyDescent="0.15">
      <c r="A96" s="5" t="s">
        <v>33</v>
      </c>
      <c r="B96" s="22">
        <v>738</v>
      </c>
      <c r="C96" s="14">
        <v>753</v>
      </c>
      <c r="D96" s="18">
        <v>1491</v>
      </c>
    </row>
    <row r="97" spans="1:4" ht="18" customHeight="1" x14ac:dyDescent="0.15">
      <c r="A97" s="5">
        <v>75</v>
      </c>
      <c r="B97" s="22">
        <v>161</v>
      </c>
      <c r="C97" s="14">
        <v>168</v>
      </c>
      <c r="D97" s="18">
        <v>329</v>
      </c>
    </row>
    <row r="98" spans="1:4" ht="18" customHeight="1" x14ac:dyDescent="0.15">
      <c r="A98" s="5">
        <v>76</v>
      </c>
      <c r="B98" s="22">
        <v>185</v>
      </c>
      <c r="C98" s="14">
        <v>190</v>
      </c>
      <c r="D98" s="18">
        <v>375</v>
      </c>
    </row>
    <row r="99" spans="1:4" ht="18" customHeight="1" x14ac:dyDescent="0.15">
      <c r="A99" s="5">
        <v>77</v>
      </c>
      <c r="B99" s="22">
        <v>177</v>
      </c>
      <c r="C99" s="14">
        <v>178</v>
      </c>
      <c r="D99" s="18">
        <v>355</v>
      </c>
    </row>
    <row r="100" spans="1:4" ht="18" customHeight="1" x14ac:dyDescent="0.15">
      <c r="A100" s="5">
        <v>78</v>
      </c>
      <c r="B100" s="22">
        <v>177</v>
      </c>
      <c r="C100" s="14">
        <v>198</v>
      </c>
      <c r="D100" s="18">
        <v>375</v>
      </c>
    </row>
    <row r="101" spans="1:4" ht="18" customHeight="1" x14ac:dyDescent="0.15">
      <c r="A101" s="5">
        <v>79</v>
      </c>
      <c r="B101" s="22">
        <v>107</v>
      </c>
      <c r="C101" s="14">
        <v>123</v>
      </c>
      <c r="D101" s="18">
        <v>230</v>
      </c>
    </row>
    <row r="102" spans="1:4" ht="18" customHeight="1" x14ac:dyDescent="0.15">
      <c r="A102" s="5" t="s">
        <v>0</v>
      </c>
      <c r="B102" s="22">
        <v>807</v>
      </c>
      <c r="C102" s="14">
        <v>857</v>
      </c>
      <c r="D102" s="18">
        <v>1664</v>
      </c>
    </row>
    <row r="103" spans="1:4" ht="18" customHeight="1" x14ac:dyDescent="0.15">
      <c r="A103" s="5">
        <v>80</v>
      </c>
      <c r="B103" s="22">
        <v>71</v>
      </c>
      <c r="C103" s="14">
        <v>75</v>
      </c>
      <c r="D103" s="18">
        <v>146</v>
      </c>
    </row>
    <row r="104" spans="1:4" ht="18" customHeight="1" x14ac:dyDescent="0.15">
      <c r="A104" s="5">
        <v>81</v>
      </c>
      <c r="B104" s="22">
        <v>93</v>
      </c>
      <c r="C104" s="14">
        <v>132</v>
      </c>
      <c r="D104" s="18">
        <v>225</v>
      </c>
    </row>
    <row r="105" spans="1:4" ht="18" customHeight="1" x14ac:dyDescent="0.15">
      <c r="A105" s="5">
        <v>82</v>
      </c>
      <c r="B105" s="22">
        <v>102</v>
      </c>
      <c r="C105" s="14">
        <v>109</v>
      </c>
      <c r="D105" s="18">
        <v>211</v>
      </c>
    </row>
    <row r="106" spans="1:4" ht="18" customHeight="1" x14ac:dyDescent="0.15">
      <c r="A106" s="5">
        <v>83</v>
      </c>
      <c r="B106" s="22">
        <v>80</v>
      </c>
      <c r="C106" s="14">
        <v>98</v>
      </c>
      <c r="D106" s="18">
        <v>178</v>
      </c>
    </row>
    <row r="107" spans="1:4" ht="18" customHeight="1" x14ac:dyDescent="0.15">
      <c r="A107" s="5">
        <v>84</v>
      </c>
      <c r="B107" s="22">
        <v>94</v>
      </c>
      <c r="C107" s="14">
        <v>119</v>
      </c>
      <c r="D107" s="18">
        <v>213</v>
      </c>
    </row>
    <row r="108" spans="1:4" ht="18" customHeight="1" x14ac:dyDescent="0.15">
      <c r="A108" s="5" t="s">
        <v>35</v>
      </c>
      <c r="B108" s="22">
        <v>440</v>
      </c>
      <c r="C108" s="14">
        <v>533</v>
      </c>
      <c r="D108" s="18">
        <v>973</v>
      </c>
    </row>
    <row r="109" spans="1:4" ht="18" customHeight="1" x14ac:dyDescent="0.15">
      <c r="A109" s="5">
        <v>85</v>
      </c>
      <c r="B109" s="22">
        <v>58</v>
      </c>
      <c r="C109" s="14">
        <v>88</v>
      </c>
      <c r="D109" s="18">
        <v>146</v>
      </c>
    </row>
    <row r="110" spans="1:4" ht="18" customHeight="1" x14ac:dyDescent="0.15">
      <c r="A110" s="5">
        <v>86</v>
      </c>
      <c r="B110" s="22">
        <v>50</v>
      </c>
      <c r="C110" s="14">
        <v>88</v>
      </c>
      <c r="D110" s="18">
        <v>138</v>
      </c>
    </row>
    <row r="111" spans="1:4" ht="18" customHeight="1" x14ac:dyDescent="0.15">
      <c r="A111" s="5">
        <v>87</v>
      </c>
      <c r="B111" s="22">
        <v>38</v>
      </c>
      <c r="C111" s="14">
        <v>85</v>
      </c>
      <c r="D111" s="18">
        <v>123</v>
      </c>
    </row>
    <row r="112" spans="1:4" ht="18" customHeight="1" x14ac:dyDescent="0.15">
      <c r="A112" s="5">
        <v>88</v>
      </c>
      <c r="B112" s="22">
        <v>45</v>
      </c>
      <c r="C112" s="14">
        <v>91</v>
      </c>
      <c r="D112" s="18">
        <v>136</v>
      </c>
    </row>
    <row r="113" spans="1:4" ht="18" customHeight="1" x14ac:dyDescent="0.15">
      <c r="A113" s="5">
        <v>89</v>
      </c>
      <c r="B113" s="22">
        <v>43</v>
      </c>
      <c r="C113" s="14">
        <v>87</v>
      </c>
      <c r="D113" s="18">
        <v>130</v>
      </c>
    </row>
    <row r="114" spans="1:4" ht="18" customHeight="1" x14ac:dyDescent="0.15">
      <c r="A114" s="5" t="s">
        <v>37</v>
      </c>
      <c r="B114" s="22">
        <v>234</v>
      </c>
      <c r="C114" s="14">
        <v>439</v>
      </c>
      <c r="D114" s="18">
        <v>673</v>
      </c>
    </row>
    <row r="115" spans="1:4" ht="18" customHeight="1" x14ac:dyDescent="0.15">
      <c r="A115" s="5">
        <v>90</v>
      </c>
      <c r="B115" s="22">
        <v>36</v>
      </c>
      <c r="C115" s="14">
        <v>79</v>
      </c>
      <c r="D115" s="18">
        <v>115</v>
      </c>
    </row>
    <row r="116" spans="1:4" ht="18" customHeight="1" x14ac:dyDescent="0.15">
      <c r="A116" s="5">
        <v>91</v>
      </c>
      <c r="B116" s="22">
        <v>29</v>
      </c>
      <c r="C116" s="14">
        <v>69</v>
      </c>
      <c r="D116" s="18">
        <v>98</v>
      </c>
    </row>
    <row r="117" spans="1:4" ht="18" customHeight="1" x14ac:dyDescent="0.15">
      <c r="A117" s="5">
        <v>92</v>
      </c>
      <c r="B117" s="22">
        <v>17</v>
      </c>
      <c r="C117" s="14">
        <v>63</v>
      </c>
      <c r="D117" s="18">
        <v>80</v>
      </c>
    </row>
    <row r="118" spans="1:4" ht="18" customHeight="1" x14ac:dyDescent="0.15">
      <c r="A118" s="5">
        <v>93</v>
      </c>
      <c r="B118" s="22">
        <v>22</v>
      </c>
      <c r="C118" s="14">
        <v>62</v>
      </c>
      <c r="D118" s="18">
        <v>84</v>
      </c>
    </row>
    <row r="119" spans="1:4" ht="18" customHeight="1" x14ac:dyDescent="0.15">
      <c r="A119" s="5">
        <v>94</v>
      </c>
      <c r="B119" s="22">
        <v>9</v>
      </c>
      <c r="C119" s="14">
        <v>49</v>
      </c>
      <c r="D119" s="18">
        <v>58</v>
      </c>
    </row>
    <row r="120" spans="1:4" ht="18" customHeight="1" x14ac:dyDescent="0.15">
      <c r="A120" s="5" t="s">
        <v>39</v>
      </c>
      <c r="B120" s="22">
        <v>113</v>
      </c>
      <c r="C120" s="14">
        <v>322</v>
      </c>
      <c r="D120" s="18">
        <v>435</v>
      </c>
    </row>
    <row r="121" spans="1:4" ht="18" customHeight="1" x14ac:dyDescent="0.15">
      <c r="A121" s="5">
        <v>95</v>
      </c>
      <c r="B121" s="22">
        <v>10</v>
      </c>
      <c r="C121" s="14">
        <v>35</v>
      </c>
      <c r="D121" s="18">
        <v>45</v>
      </c>
    </row>
    <row r="122" spans="1:4" ht="18" customHeight="1" x14ac:dyDescent="0.15">
      <c r="A122" s="5">
        <v>96</v>
      </c>
      <c r="B122" s="22">
        <v>6</v>
      </c>
      <c r="C122" s="14">
        <v>38</v>
      </c>
      <c r="D122" s="18">
        <v>44</v>
      </c>
    </row>
    <row r="123" spans="1:4" ht="18" customHeight="1" x14ac:dyDescent="0.15">
      <c r="A123" s="5">
        <v>97</v>
      </c>
      <c r="B123" s="22">
        <v>9</v>
      </c>
      <c r="C123" s="14">
        <v>21</v>
      </c>
      <c r="D123" s="18">
        <v>30</v>
      </c>
    </row>
    <row r="124" spans="1:4" ht="18" customHeight="1" x14ac:dyDescent="0.15">
      <c r="A124" s="5">
        <v>98</v>
      </c>
      <c r="B124" s="22">
        <v>0</v>
      </c>
      <c r="C124" s="14">
        <v>18</v>
      </c>
      <c r="D124" s="18">
        <v>18</v>
      </c>
    </row>
    <row r="125" spans="1:4" ht="18" customHeight="1" x14ac:dyDescent="0.15">
      <c r="A125" s="5">
        <v>99</v>
      </c>
      <c r="B125" s="22">
        <v>4</v>
      </c>
      <c r="C125" s="14">
        <v>8</v>
      </c>
      <c r="D125" s="18">
        <v>12</v>
      </c>
    </row>
    <row r="126" spans="1:4" ht="18" customHeight="1" x14ac:dyDescent="0.15">
      <c r="A126" s="5" t="s">
        <v>40</v>
      </c>
      <c r="B126" s="22">
        <v>29</v>
      </c>
      <c r="C126" s="14">
        <v>120</v>
      </c>
      <c r="D126" s="18">
        <v>149</v>
      </c>
    </row>
    <row r="127" spans="1:4" ht="18" customHeight="1" x14ac:dyDescent="0.15">
      <c r="A127" s="5">
        <v>100</v>
      </c>
      <c r="B127" s="22">
        <v>0</v>
      </c>
      <c r="C127" s="14">
        <v>13</v>
      </c>
      <c r="D127" s="18">
        <v>13</v>
      </c>
    </row>
    <row r="128" spans="1:4" ht="18" customHeight="1" x14ac:dyDescent="0.15">
      <c r="A128" s="6" t="s">
        <v>43</v>
      </c>
      <c r="B128" s="22">
        <v>0</v>
      </c>
      <c r="C128" s="14">
        <v>13</v>
      </c>
      <c r="D128" s="18">
        <v>13</v>
      </c>
    </row>
    <row r="129" spans="1:4" ht="18" customHeight="1" x14ac:dyDescent="0.15">
      <c r="A129" s="5" t="s">
        <v>44</v>
      </c>
      <c r="B129" s="22">
        <v>0</v>
      </c>
      <c r="C129" s="14">
        <v>26</v>
      </c>
      <c r="D129" s="18">
        <v>26</v>
      </c>
    </row>
    <row r="130" spans="1:4" ht="18" customHeight="1" x14ac:dyDescent="0.15">
      <c r="A130" s="5" t="s">
        <v>46</v>
      </c>
      <c r="B130" s="22">
        <v>2973</v>
      </c>
      <c r="C130" s="14">
        <v>3660</v>
      </c>
      <c r="D130" s="18">
        <v>6633</v>
      </c>
    </row>
    <row r="131" spans="1:4" ht="18" customHeight="1" x14ac:dyDescent="0.15">
      <c r="A131" s="7" t="s">
        <v>45</v>
      </c>
      <c r="B131" s="23">
        <v>8531</v>
      </c>
      <c r="C131" s="15">
        <v>8807</v>
      </c>
      <c r="D131" s="19">
        <v>1733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8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9</v>
      </c>
      <c r="C5" s="29">
        <v>22</v>
      </c>
      <c r="D5" s="31">
        <v>41</v>
      </c>
    </row>
    <row r="6" spans="1:4" ht="18" customHeight="1" x14ac:dyDescent="0.15">
      <c r="A6" s="5">
        <v>1</v>
      </c>
      <c r="B6" s="27">
        <v>29</v>
      </c>
      <c r="C6" s="14">
        <v>27</v>
      </c>
      <c r="D6" s="18">
        <v>56</v>
      </c>
    </row>
    <row r="7" spans="1:4" ht="18" customHeight="1" x14ac:dyDescent="0.15">
      <c r="A7" s="5">
        <v>2</v>
      </c>
      <c r="B7" s="27">
        <v>28</v>
      </c>
      <c r="C7" s="14">
        <v>27</v>
      </c>
      <c r="D7" s="18">
        <v>55</v>
      </c>
    </row>
    <row r="8" spans="1:4" ht="18" customHeight="1" x14ac:dyDescent="0.15">
      <c r="A8" s="5">
        <v>3</v>
      </c>
      <c r="B8" s="27">
        <v>40</v>
      </c>
      <c r="C8" s="14">
        <v>38</v>
      </c>
      <c r="D8" s="18">
        <v>78</v>
      </c>
    </row>
    <row r="9" spans="1:4" ht="18" customHeight="1" x14ac:dyDescent="0.15">
      <c r="A9" s="5">
        <v>4</v>
      </c>
      <c r="B9" s="28">
        <v>37</v>
      </c>
      <c r="C9" s="30">
        <v>32</v>
      </c>
      <c r="D9" s="32">
        <v>69</v>
      </c>
    </row>
    <row r="10" spans="1:4" ht="18" customHeight="1" x14ac:dyDescent="0.15">
      <c r="A10" s="5" t="s">
        <v>7</v>
      </c>
      <c r="B10" s="22">
        <v>153</v>
      </c>
      <c r="C10" s="14">
        <v>146</v>
      </c>
      <c r="D10" s="18">
        <v>299</v>
      </c>
    </row>
    <row r="11" spans="1:4" ht="18" customHeight="1" x14ac:dyDescent="0.15">
      <c r="A11" s="5">
        <v>5</v>
      </c>
      <c r="B11" s="27">
        <v>53</v>
      </c>
      <c r="C11" s="14">
        <v>47</v>
      </c>
      <c r="D11" s="18">
        <v>100</v>
      </c>
    </row>
    <row r="12" spans="1:4" ht="18" customHeight="1" x14ac:dyDescent="0.15">
      <c r="A12" s="5">
        <v>6</v>
      </c>
      <c r="B12" s="27">
        <v>33</v>
      </c>
      <c r="C12" s="14">
        <v>36</v>
      </c>
      <c r="D12" s="18">
        <v>69</v>
      </c>
    </row>
    <row r="13" spans="1:4" ht="18" customHeight="1" x14ac:dyDescent="0.15">
      <c r="A13" s="5">
        <v>7</v>
      </c>
      <c r="B13" s="27">
        <v>52</v>
      </c>
      <c r="C13" s="14">
        <v>45</v>
      </c>
      <c r="D13" s="18">
        <v>97</v>
      </c>
    </row>
    <row r="14" spans="1:4" ht="18" customHeight="1" x14ac:dyDescent="0.15">
      <c r="A14" s="5">
        <v>8</v>
      </c>
      <c r="B14" s="27">
        <v>47</v>
      </c>
      <c r="C14" s="14">
        <v>48</v>
      </c>
      <c r="D14" s="18">
        <v>95</v>
      </c>
    </row>
    <row r="15" spans="1:4" ht="18" customHeight="1" x14ac:dyDescent="0.15">
      <c r="A15" s="5">
        <v>9</v>
      </c>
      <c r="B15" s="27">
        <v>61</v>
      </c>
      <c r="C15" s="14">
        <v>47</v>
      </c>
      <c r="D15" s="18">
        <v>108</v>
      </c>
    </row>
    <row r="16" spans="1:4" ht="18" customHeight="1" x14ac:dyDescent="0.15">
      <c r="A16" s="5" t="s">
        <v>11</v>
      </c>
      <c r="B16" s="22">
        <v>246</v>
      </c>
      <c r="C16" s="14">
        <v>223</v>
      </c>
      <c r="D16" s="18">
        <v>469</v>
      </c>
    </row>
    <row r="17" spans="1:4" ht="18" customHeight="1" x14ac:dyDescent="0.15">
      <c r="A17" s="5">
        <v>10</v>
      </c>
      <c r="B17" s="22">
        <v>48</v>
      </c>
      <c r="C17" s="14">
        <v>37</v>
      </c>
      <c r="D17" s="18">
        <v>85</v>
      </c>
    </row>
    <row r="18" spans="1:4" ht="18" customHeight="1" x14ac:dyDescent="0.15">
      <c r="A18" s="5">
        <v>11</v>
      </c>
      <c r="B18" s="22">
        <v>50</v>
      </c>
      <c r="C18" s="14">
        <v>44</v>
      </c>
      <c r="D18" s="18">
        <v>94</v>
      </c>
    </row>
    <row r="19" spans="1:4" ht="18" customHeight="1" x14ac:dyDescent="0.15">
      <c r="A19" s="5">
        <v>12</v>
      </c>
      <c r="B19" s="22">
        <v>56</v>
      </c>
      <c r="C19" s="14">
        <v>61</v>
      </c>
      <c r="D19" s="18">
        <v>117</v>
      </c>
    </row>
    <row r="20" spans="1:4" ht="18" customHeight="1" x14ac:dyDescent="0.15">
      <c r="A20" s="5">
        <v>13</v>
      </c>
      <c r="B20" s="22">
        <v>47</v>
      </c>
      <c r="C20" s="14">
        <v>58</v>
      </c>
      <c r="D20" s="18">
        <v>105</v>
      </c>
    </row>
    <row r="21" spans="1:4" ht="18" customHeight="1" x14ac:dyDescent="0.15">
      <c r="A21" s="5">
        <v>14</v>
      </c>
      <c r="B21" s="22">
        <v>74</v>
      </c>
      <c r="C21" s="14">
        <v>59</v>
      </c>
      <c r="D21" s="18">
        <v>133</v>
      </c>
    </row>
    <row r="22" spans="1:4" ht="18" customHeight="1" x14ac:dyDescent="0.15">
      <c r="A22" s="5" t="s">
        <v>12</v>
      </c>
      <c r="B22" s="22">
        <v>275</v>
      </c>
      <c r="C22" s="14">
        <v>259</v>
      </c>
      <c r="D22" s="18">
        <v>534</v>
      </c>
    </row>
    <row r="23" spans="1:4" ht="18" customHeight="1" x14ac:dyDescent="0.15">
      <c r="A23" s="5" t="s">
        <v>6</v>
      </c>
      <c r="B23" s="22">
        <v>674</v>
      </c>
      <c r="C23" s="14">
        <v>628</v>
      </c>
      <c r="D23" s="18">
        <v>1302</v>
      </c>
    </row>
    <row r="24" spans="1:4" ht="18" customHeight="1" x14ac:dyDescent="0.15">
      <c r="A24" s="5">
        <v>15</v>
      </c>
      <c r="B24" s="22">
        <v>61</v>
      </c>
      <c r="C24" s="14">
        <v>58</v>
      </c>
      <c r="D24" s="18">
        <v>119</v>
      </c>
    </row>
    <row r="25" spans="1:4" ht="18" customHeight="1" x14ac:dyDescent="0.15">
      <c r="A25" s="5">
        <v>16</v>
      </c>
      <c r="B25" s="22">
        <v>67</v>
      </c>
      <c r="C25" s="14">
        <v>77</v>
      </c>
      <c r="D25" s="18">
        <v>144</v>
      </c>
    </row>
    <row r="26" spans="1:4" ht="18" customHeight="1" x14ac:dyDescent="0.15">
      <c r="A26" s="5">
        <v>17</v>
      </c>
      <c r="B26" s="22">
        <v>86</v>
      </c>
      <c r="C26" s="14">
        <v>78</v>
      </c>
      <c r="D26" s="18">
        <v>164</v>
      </c>
    </row>
    <row r="27" spans="1:4" ht="18" customHeight="1" x14ac:dyDescent="0.15">
      <c r="A27" s="5">
        <v>18</v>
      </c>
      <c r="B27" s="22">
        <v>92</v>
      </c>
      <c r="C27" s="14">
        <v>86</v>
      </c>
      <c r="D27" s="18">
        <v>178</v>
      </c>
    </row>
    <row r="28" spans="1:4" ht="18" customHeight="1" x14ac:dyDescent="0.15">
      <c r="A28" s="5">
        <v>19</v>
      </c>
      <c r="B28" s="22">
        <v>82</v>
      </c>
      <c r="C28" s="14">
        <v>90</v>
      </c>
      <c r="D28" s="18">
        <v>172</v>
      </c>
    </row>
    <row r="29" spans="1:4" ht="18" customHeight="1" x14ac:dyDescent="0.15">
      <c r="A29" s="5" t="s">
        <v>14</v>
      </c>
      <c r="B29" s="22">
        <v>388</v>
      </c>
      <c r="C29" s="14">
        <v>389</v>
      </c>
      <c r="D29" s="18">
        <v>777</v>
      </c>
    </row>
    <row r="30" spans="1:4" ht="18" customHeight="1" x14ac:dyDescent="0.15">
      <c r="A30" s="5">
        <v>20</v>
      </c>
      <c r="B30" s="22">
        <v>80</v>
      </c>
      <c r="C30" s="14">
        <v>79</v>
      </c>
      <c r="D30" s="18">
        <v>159</v>
      </c>
    </row>
    <row r="31" spans="1:4" ht="18" customHeight="1" x14ac:dyDescent="0.15">
      <c r="A31" s="5">
        <v>21</v>
      </c>
      <c r="B31" s="22">
        <v>79</v>
      </c>
      <c r="C31" s="14">
        <v>89</v>
      </c>
      <c r="D31" s="18">
        <v>168</v>
      </c>
    </row>
    <row r="32" spans="1:4" ht="18" customHeight="1" x14ac:dyDescent="0.15">
      <c r="A32" s="5">
        <v>22</v>
      </c>
      <c r="B32" s="22">
        <v>86</v>
      </c>
      <c r="C32" s="14">
        <v>65</v>
      </c>
      <c r="D32" s="18">
        <v>151</v>
      </c>
    </row>
    <row r="33" spans="1:4" ht="18" customHeight="1" x14ac:dyDescent="0.15">
      <c r="A33" s="5">
        <v>23</v>
      </c>
      <c r="B33" s="22">
        <v>66</v>
      </c>
      <c r="C33" s="14">
        <v>75</v>
      </c>
      <c r="D33" s="18">
        <v>141</v>
      </c>
    </row>
    <row r="34" spans="1:4" ht="18" customHeight="1" x14ac:dyDescent="0.15">
      <c r="A34" s="5">
        <v>24</v>
      </c>
      <c r="B34" s="22">
        <v>70</v>
      </c>
      <c r="C34" s="14">
        <v>57</v>
      </c>
      <c r="D34" s="18">
        <v>127</v>
      </c>
    </row>
    <row r="35" spans="1:4" ht="18" customHeight="1" x14ac:dyDescent="0.15">
      <c r="A35" s="5" t="s">
        <v>9</v>
      </c>
      <c r="B35" s="22">
        <v>381</v>
      </c>
      <c r="C35" s="14">
        <v>365</v>
      </c>
      <c r="D35" s="18">
        <v>746</v>
      </c>
    </row>
    <row r="36" spans="1:4" ht="18" customHeight="1" x14ac:dyDescent="0.15">
      <c r="A36" s="5">
        <v>25</v>
      </c>
      <c r="B36" s="22">
        <v>90</v>
      </c>
      <c r="C36" s="14">
        <v>54</v>
      </c>
      <c r="D36" s="18">
        <v>144</v>
      </c>
    </row>
    <row r="37" spans="1:4" ht="18" customHeight="1" x14ac:dyDescent="0.15">
      <c r="A37" s="5">
        <v>26</v>
      </c>
      <c r="B37" s="22">
        <v>79</v>
      </c>
      <c r="C37" s="14">
        <v>74</v>
      </c>
      <c r="D37" s="18">
        <v>153</v>
      </c>
    </row>
    <row r="38" spans="1:4" ht="18" customHeight="1" x14ac:dyDescent="0.15">
      <c r="A38" s="5">
        <v>27</v>
      </c>
      <c r="B38" s="22">
        <v>66</v>
      </c>
      <c r="C38" s="14">
        <v>59</v>
      </c>
      <c r="D38" s="18">
        <v>125</v>
      </c>
    </row>
    <row r="39" spans="1:4" ht="18" customHeight="1" x14ac:dyDescent="0.15">
      <c r="A39" s="5">
        <v>28</v>
      </c>
      <c r="B39" s="22">
        <v>73</v>
      </c>
      <c r="C39" s="14">
        <v>44</v>
      </c>
      <c r="D39" s="18">
        <v>117</v>
      </c>
    </row>
    <row r="40" spans="1:4" ht="18" customHeight="1" x14ac:dyDescent="0.15">
      <c r="A40" s="5">
        <v>29</v>
      </c>
      <c r="B40" s="22">
        <v>68</v>
      </c>
      <c r="C40" s="14">
        <v>50</v>
      </c>
      <c r="D40" s="18">
        <v>118</v>
      </c>
    </row>
    <row r="41" spans="1:4" ht="18" customHeight="1" x14ac:dyDescent="0.15">
      <c r="A41" s="5" t="s">
        <v>2</v>
      </c>
      <c r="B41" s="22">
        <v>376</v>
      </c>
      <c r="C41" s="14">
        <v>281</v>
      </c>
      <c r="D41" s="18">
        <v>657</v>
      </c>
    </row>
    <row r="42" spans="1:4" ht="18" customHeight="1" x14ac:dyDescent="0.15">
      <c r="A42" s="5">
        <v>30</v>
      </c>
      <c r="B42" s="22">
        <v>66</v>
      </c>
      <c r="C42" s="14">
        <v>55</v>
      </c>
      <c r="D42" s="18">
        <v>121</v>
      </c>
    </row>
    <row r="43" spans="1:4" ht="18" customHeight="1" x14ac:dyDescent="0.15">
      <c r="A43" s="5">
        <v>31</v>
      </c>
      <c r="B43" s="22">
        <v>60</v>
      </c>
      <c r="C43" s="14">
        <v>60</v>
      </c>
      <c r="D43" s="18">
        <v>120</v>
      </c>
    </row>
    <row r="44" spans="1:4" ht="18" customHeight="1" x14ac:dyDescent="0.15">
      <c r="A44" s="5">
        <v>32</v>
      </c>
      <c r="B44" s="22">
        <v>51</v>
      </c>
      <c r="C44" s="14">
        <v>55</v>
      </c>
      <c r="D44" s="18">
        <v>106</v>
      </c>
    </row>
    <row r="45" spans="1:4" ht="18" customHeight="1" x14ac:dyDescent="0.15">
      <c r="A45" s="5">
        <v>33</v>
      </c>
      <c r="B45" s="22">
        <v>59</v>
      </c>
      <c r="C45" s="14">
        <v>48</v>
      </c>
      <c r="D45" s="18">
        <v>107</v>
      </c>
    </row>
    <row r="46" spans="1:4" ht="18" customHeight="1" x14ac:dyDescent="0.15">
      <c r="A46" s="5">
        <v>34</v>
      </c>
      <c r="B46" s="22">
        <v>65</v>
      </c>
      <c r="C46" s="14">
        <v>39</v>
      </c>
      <c r="D46" s="18">
        <v>104</v>
      </c>
    </row>
    <row r="47" spans="1:4" ht="18" customHeight="1" x14ac:dyDescent="0.15">
      <c r="A47" s="5" t="s">
        <v>15</v>
      </c>
      <c r="B47" s="22">
        <v>301</v>
      </c>
      <c r="C47" s="14">
        <v>257</v>
      </c>
      <c r="D47" s="18">
        <v>558</v>
      </c>
    </row>
    <row r="48" spans="1:4" ht="18" customHeight="1" x14ac:dyDescent="0.15">
      <c r="A48" s="5">
        <v>35</v>
      </c>
      <c r="B48" s="22">
        <v>62</v>
      </c>
      <c r="C48" s="14">
        <v>46</v>
      </c>
      <c r="D48" s="18">
        <v>108</v>
      </c>
    </row>
    <row r="49" spans="1:4" ht="18" customHeight="1" x14ac:dyDescent="0.15">
      <c r="A49" s="5">
        <v>36</v>
      </c>
      <c r="B49" s="22">
        <v>56</v>
      </c>
      <c r="C49" s="14">
        <v>61</v>
      </c>
      <c r="D49" s="18">
        <v>117</v>
      </c>
    </row>
    <row r="50" spans="1:4" ht="18" customHeight="1" x14ac:dyDescent="0.15">
      <c r="A50" s="5">
        <v>37</v>
      </c>
      <c r="B50" s="22">
        <v>54</v>
      </c>
      <c r="C50" s="14">
        <v>45</v>
      </c>
      <c r="D50" s="18">
        <v>99</v>
      </c>
    </row>
    <row r="51" spans="1:4" ht="18" customHeight="1" x14ac:dyDescent="0.15">
      <c r="A51" s="5">
        <v>38</v>
      </c>
      <c r="B51" s="22">
        <v>62</v>
      </c>
      <c r="C51" s="14">
        <v>66</v>
      </c>
      <c r="D51" s="18">
        <v>128</v>
      </c>
    </row>
    <row r="52" spans="1:4" ht="18" customHeight="1" x14ac:dyDescent="0.15">
      <c r="A52" s="5">
        <v>39</v>
      </c>
      <c r="B52" s="22">
        <v>81</v>
      </c>
      <c r="C52" s="14">
        <v>70</v>
      </c>
      <c r="D52" s="18">
        <v>151</v>
      </c>
    </row>
    <row r="53" spans="1:4" ht="18" customHeight="1" x14ac:dyDescent="0.15">
      <c r="A53" s="5" t="s">
        <v>18</v>
      </c>
      <c r="B53" s="22">
        <v>315</v>
      </c>
      <c r="C53" s="14">
        <v>288</v>
      </c>
      <c r="D53" s="18">
        <v>603</v>
      </c>
    </row>
    <row r="54" spans="1:4" ht="18" customHeight="1" x14ac:dyDescent="0.15">
      <c r="A54" s="5">
        <v>40</v>
      </c>
      <c r="B54" s="22">
        <v>73</v>
      </c>
      <c r="C54" s="14">
        <v>62</v>
      </c>
      <c r="D54" s="18">
        <v>135</v>
      </c>
    </row>
    <row r="55" spans="1:4" ht="18" customHeight="1" x14ac:dyDescent="0.15">
      <c r="A55" s="5">
        <v>41</v>
      </c>
      <c r="B55" s="22">
        <v>74</v>
      </c>
      <c r="C55" s="14">
        <v>86</v>
      </c>
      <c r="D55" s="18">
        <v>160</v>
      </c>
    </row>
    <row r="56" spans="1:4" ht="18" customHeight="1" x14ac:dyDescent="0.15">
      <c r="A56" s="5">
        <v>42</v>
      </c>
      <c r="B56" s="22">
        <v>64</v>
      </c>
      <c r="C56" s="14">
        <v>62</v>
      </c>
      <c r="D56" s="18">
        <v>126</v>
      </c>
    </row>
    <row r="57" spans="1:4" ht="18" customHeight="1" x14ac:dyDescent="0.15">
      <c r="A57" s="5">
        <v>43</v>
      </c>
      <c r="B57" s="22">
        <v>74</v>
      </c>
      <c r="C57" s="14">
        <v>74</v>
      </c>
      <c r="D57" s="18">
        <v>148</v>
      </c>
    </row>
    <row r="58" spans="1:4" ht="18" customHeight="1" x14ac:dyDescent="0.15">
      <c r="A58" s="5">
        <v>44</v>
      </c>
      <c r="B58" s="22">
        <v>68</v>
      </c>
      <c r="C58" s="14">
        <v>71</v>
      </c>
      <c r="D58" s="18">
        <v>139</v>
      </c>
    </row>
    <row r="59" spans="1:4" ht="18" customHeight="1" x14ac:dyDescent="0.15">
      <c r="A59" s="5" t="s">
        <v>21</v>
      </c>
      <c r="B59" s="22">
        <v>353</v>
      </c>
      <c r="C59" s="14">
        <v>355</v>
      </c>
      <c r="D59" s="18">
        <v>708</v>
      </c>
    </row>
    <row r="60" spans="1:4" ht="18" customHeight="1" x14ac:dyDescent="0.15">
      <c r="A60" s="5">
        <v>45</v>
      </c>
      <c r="B60" s="22">
        <v>80</v>
      </c>
      <c r="C60" s="14">
        <v>83</v>
      </c>
      <c r="D60" s="18">
        <v>163</v>
      </c>
    </row>
    <row r="61" spans="1:4" ht="18" customHeight="1" x14ac:dyDescent="0.15">
      <c r="A61" s="5">
        <v>46</v>
      </c>
      <c r="B61" s="22">
        <v>75</v>
      </c>
      <c r="C61" s="14">
        <v>97</v>
      </c>
      <c r="D61" s="18">
        <v>172</v>
      </c>
    </row>
    <row r="62" spans="1:4" ht="18" customHeight="1" x14ac:dyDescent="0.15">
      <c r="A62" s="5">
        <v>47</v>
      </c>
      <c r="B62" s="22">
        <v>86</v>
      </c>
      <c r="C62" s="14">
        <v>82</v>
      </c>
      <c r="D62" s="18">
        <v>168</v>
      </c>
    </row>
    <row r="63" spans="1:4" ht="18" customHeight="1" x14ac:dyDescent="0.15">
      <c r="A63" s="5">
        <v>48</v>
      </c>
      <c r="B63" s="22">
        <v>106</v>
      </c>
      <c r="C63" s="14">
        <v>96</v>
      </c>
      <c r="D63" s="18">
        <v>202</v>
      </c>
    </row>
    <row r="64" spans="1:4" ht="18" customHeight="1" x14ac:dyDescent="0.15">
      <c r="A64" s="5">
        <v>49</v>
      </c>
      <c r="B64" s="22">
        <v>106</v>
      </c>
      <c r="C64" s="14">
        <v>118</v>
      </c>
      <c r="D64" s="18">
        <v>224</v>
      </c>
    </row>
    <row r="65" spans="1:4" ht="18" customHeight="1" x14ac:dyDescent="0.15">
      <c r="A65" s="5" t="s">
        <v>17</v>
      </c>
      <c r="B65" s="22">
        <v>453</v>
      </c>
      <c r="C65" s="14">
        <v>476</v>
      </c>
      <c r="D65" s="18">
        <v>929</v>
      </c>
    </row>
    <row r="66" spans="1:4" ht="18" customHeight="1" x14ac:dyDescent="0.15">
      <c r="A66" s="5">
        <v>50</v>
      </c>
      <c r="B66" s="22">
        <v>122</v>
      </c>
      <c r="C66" s="14">
        <v>104</v>
      </c>
      <c r="D66" s="18">
        <v>226</v>
      </c>
    </row>
    <row r="67" spans="1:4" ht="18" customHeight="1" x14ac:dyDescent="0.15">
      <c r="A67" s="5">
        <v>51</v>
      </c>
      <c r="B67" s="22">
        <v>110</v>
      </c>
      <c r="C67" s="14">
        <v>111</v>
      </c>
      <c r="D67" s="18">
        <v>221</v>
      </c>
    </row>
    <row r="68" spans="1:4" ht="18" customHeight="1" x14ac:dyDescent="0.15">
      <c r="A68" s="5">
        <v>52</v>
      </c>
      <c r="B68" s="22">
        <v>124</v>
      </c>
      <c r="C68" s="14">
        <v>122</v>
      </c>
      <c r="D68" s="18">
        <v>246</v>
      </c>
    </row>
    <row r="69" spans="1:4" ht="18" customHeight="1" x14ac:dyDescent="0.15">
      <c r="A69" s="5">
        <v>53</v>
      </c>
      <c r="B69" s="22">
        <v>124</v>
      </c>
      <c r="C69" s="14">
        <v>126</v>
      </c>
      <c r="D69" s="18">
        <v>250</v>
      </c>
    </row>
    <row r="70" spans="1:4" ht="18" customHeight="1" x14ac:dyDescent="0.15">
      <c r="A70" s="5">
        <v>54</v>
      </c>
      <c r="B70" s="22">
        <v>102</v>
      </c>
      <c r="C70" s="14">
        <v>109</v>
      </c>
      <c r="D70" s="18">
        <v>211</v>
      </c>
    </row>
    <row r="71" spans="1:4" ht="18" customHeight="1" x14ac:dyDescent="0.15">
      <c r="A71" s="5" t="s">
        <v>22</v>
      </c>
      <c r="B71" s="22">
        <v>582</v>
      </c>
      <c r="C71" s="14">
        <v>572</v>
      </c>
      <c r="D71" s="18">
        <v>1154</v>
      </c>
    </row>
    <row r="72" spans="1:4" ht="18" customHeight="1" x14ac:dyDescent="0.15">
      <c r="A72" s="5">
        <v>55</v>
      </c>
      <c r="B72" s="22">
        <v>130</v>
      </c>
      <c r="C72" s="14">
        <v>90</v>
      </c>
      <c r="D72" s="18">
        <v>220</v>
      </c>
    </row>
    <row r="73" spans="1:4" ht="18" customHeight="1" x14ac:dyDescent="0.15">
      <c r="A73" s="5">
        <v>56</v>
      </c>
      <c r="B73" s="22">
        <v>102</v>
      </c>
      <c r="C73" s="14">
        <v>88</v>
      </c>
      <c r="D73" s="18">
        <v>190</v>
      </c>
    </row>
    <row r="74" spans="1:4" ht="18" customHeight="1" x14ac:dyDescent="0.15">
      <c r="A74" s="5">
        <v>57</v>
      </c>
      <c r="B74" s="22">
        <v>107</v>
      </c>
      <c r="C74" s="14">
        <v>89</v>
      </c>
      <c r="D74" s="18">
        <v>196</v>
      </c>
    </row>
    <row r="75" spans="1:4" ht="18" customHeight="1" x14ac:dyDescent="0.15">
      <c r="A75" s="5">
        <v>58</v>
      </c>
      <c r="B75" s="22">
        <v>70</v>
      </c>
      <c r="C75" s="14">
        <v>94</v>
      </c>
      <c r="D75" s="18">
        <v>164</v>
      </c>
    </row>
    <row r="76" spans="1:4" ht="18" customHeight="1" x14ac:dyDescent="0.15">
      <c r="A76" s="5">
        <v>59</v>
      </c>
      <c r="B76" s="22">
        <v>68</v>
      </c>
      <c r="C76" s="14">
        <v>70</v>
      </c>
      <c r="D76" s="18">
        <v>138</v>
      </c>
    </row>
    <row r="77" spans="1:4" ht="18" customHeight="1" x14ac:dyDescent="0.15">
      <c r="A77" s="5" t="s">
        <v>27</v>
      </c>
      <c r="B77" s="22">
        <v>477</v>
      </c>
      <c r="C77" s="14">
        <v>431</v>
      </c>
      <c r="D77" s="18">
        <v>908</v>
      </c>
    </row>
    <row r="78" spans="1:4" ht="18" customHeight="1" x14ac:dyDescent="0.15">
      <c r="A78" s="5">
        <v>60</v>
      </c>
      <c r="B78" s="22">
        <v>60</v>
      </c>
      <c r="C78" s="14">
        <v>78</v>
      </c>
      <c r="D78" s="18">
        <v>138</v>
      </c>
    </row>
    <row r="79" spans="1:4" ht="18" customHeight="1" x14ac:dyDescent="0.15">
      <c r="A79" s="5">
        <v>61</v>
      </c>
      <c r="B79" s="22">
        <v>74</v>
      </c>
      <c r="C79" s="14">
        <v>86</v>
      </c>
      <c r="D79" s="18">
        <v>160</v>
      </c>
    </row>
    <row r="80" spans="1:4" ht="18" customHeight="1" x14ac:dyDescent="0.15">
      <c r="A80" s="5">
        <v>62</v>
      </c>
      <c r="B80" s="22">
        <v>65</v>
      </c>
      <c r="C80" s="14">
        <v>67</v>
      </c>
      <c r="D80" s="18">
        <v>132</v>
      </c>
    </row>
    <row r="81" spans="1:4" ht="18" customHeight="1" x14ac:dyDescent="0.15">
      <c r="A81" s="5">
        <v>63</v>
      </c>
      <c r="B81" s="22">
        <v>64</v>
      </c>
      <c r="C81" s="14">
        <v>72</v>
      </c>
      <c r="D81" s="18">
        <v>136</v>
      </c>
    </row>
    <row r="82" spans="1:4" ht="18" customHeight="1" x14ac:dyDescent="0.15">
      <c r="A82" s="5">
        <v>64</v>
      </c>
      <c r="B82" s="22">
        <v>75</v>
      </c>
      <c r="C82" s="14">
        <v>54</v>
      </c>
      <c r="D82" s="18">
        <v>129</v>
      </c>
    </row>
    <row r="83" spans="1:4" ht="18" customHeight="1" x14ac:dyDescent="0.15">
      <c r="A83" s="5" t="s">
        <v>28</v>
      </c>
      <c r="B83" s="22">
        <v>338</v>
      </c>
      <c r="C83" s="14">
        <v>357</v>
      </c>
      <c r="D83" s="18">
        <v>695</v>
      </c>
    </row>
    <row r="84" spans="1:4" ht="18" customHeight="1" x14ac:dyDescent="0.15">
      <c r="A84" s="5" t="s">
        <v>31</v>
      </c>
      <c r="B84" s="22">
        <v>3964</v>
      </c>
      <c r="C84" s="14">
        <v>3771</v>
      </c>
      <c r="D84" s="18">
        <v>7735</v>
      </c>
    </row>
    <row r="85" spans="1:4" ht="18" customHeight="1" x14ac:dyDescent="0.15">
      <c r="A85" s="5">
        <v>65</v>
      </c>
      <c r="B85" s="22">
        <v>53</v>
      </c>
      <c r="C85" s="14">
        <v>68</v>
      </c>
      <c r="D85" s="18">
        <v>121</v>
      </c>
    </row>
    <row r="86" spans="1:4" ht="18" customHeight="1" x14ac:dyDescent="0.15">
      <c r="A86" s="5">
        <v>66</v>
      </c>
      <c r="B86" s="22">
        <v>51</v>
      </c>
      <c r="C86" s="14">
        <v>66</v>
      </c>
      <c r="D86" s="18">
        <v>117</v>
      </c>
    </row>
    <row r="87" spans="1:4" ht="18" customHeight="1" x14ac:dyDescent="0.15">
      <c r="A87" s="5">
        <v>67</v>
      </c>
      <c r="B87" s="22">
        <v>57</v>
      </c>
      <c r="C87" s="14">
        <v>60</v>
      </c>
      <c r="D87" s="18">
        <v>117</v>
      </c>
    </row>
    <row r="88" spans="1:4" ht="18" customHeight="1" x14ac:dyDescent="0.15">
      <c r="A88" s="5">
        <v>68</v>
      </c>
      <c r="B88" s="22">
        <v>51</v>
      </c>
      <c r="C88" s="14">
        <v>53</v>
      </c>
      <c r="D88" s="18">
        <v>104</v>
      </c>
    </row>
    <row r="89" spans="1:4" ht="18" customHeight="1" x14ac:dyDescent="0.15">
      <c r="A89" s="5">
        <v>69</v>
      </c>
      <c r="B89" s="22">
        <v>53</v>
      </c>
      <c r="C89" s="14">
        <v>52</v>
      </c>
      <c r="D89" s="18">
        <v>105</v>
      </c>
    </row>
    <row r="90" spans="1:4" ht="18" customHeight="1" x14ac:dyDescent="0.15">
      <c r="A90" s="5" t="s">
        <v>20</v>
      </c>
      <c r="B90" s="22">
        <v>265</v>
      </c>
      <c r="C90" s="14">
        <v>299</v>
      </c>
      <c r="D90" s="18">
        <v>564</v>
      </c>
    </row>
    <row r="91" spans="1:4" ht="18" customHeight="1" x14ac:dyDescent="0.15">
      <c r="A91" s="5">
        <v>70</v>
      </c>
      <c r="B91" s="22">
        <v>52</v>
      </c>
      <c r="C91" s="14">
        <v>64</v>
      </c>
      <c r="D91" s="18">
        <v>116</v>
      </c>
    </row>
    <row r="92" spans="1:4" ht="18" customHeight="1" x14ac:dyDescent="0.15">
      <c r="A92" s="5">
        <v>71</v>
      </c>
      <c r="B92" s="22">
        <v>64</v>
      </c>
      <c r="C92" s="14">
        <v>62</v>
      </c>
      <c r="D92" s="18">
        <v>126</v>
      </c>
    </row>
    <row r="93" spans="1:4" ht="18" customHeight="1" x14ac:dyDescent="0.15">
      <c r="A93" s="5">
        <v>72</v>
      </c>
      <c r="B93" s="22">
        <v>72</v>
      </c>
      <c r="C93" s="14">
        <v>70</v>
      </c>
      <c r="D93" s="18">
        <v>142</v>
      </c>
    </row>
    <row r="94" spans="1:4" ht="18" customHeight="1" x14ac:dyDescent="0.15">
      <c r="A94" s="5">
        <v>73</v>
      </c>
      <c r="B94" s="22">
        <v>60</v>
      </c>
      <c r="C94" s="14">
        <v>62</v>
      </c>
      <c r="D94" s="18">
        <v>122</v>
      </c>
    </row>
    <row r="95" spans="1:4" ht="18" customHeight="1" x14ac:dyDescent="0.15">
      <c r="A95" s="5">
        <v>74</v>
      </c>
      <c r="B95" s="22">
        <v>55</v>
      </c>
      <c r="C95" s="14">
        <v>61</v>
      </c>
      <c r="D95" s="18">
        <v>116</v>
      </c>
    </row>
    <row r="96" spans="1:4" ht="18" customHeight="1" x14ac:dyDescent="0.15">
      <c r="A96" s="5" t="s">
        <v>33</v>
      </c>
      <c r="B96" s="22">
        <v>303</v>
      </c>
      <c r="C96" s="14">
        <v>319</v>
      </c>
      <c r="D96" s="18">
        <v>622</v>
      </c>
    </row>
    <row r="97" spans="1:4" ht="18" customHeight="1" x14ac:dyDescent="0.15">
      <c r="A97" s="5">
        <v>75</v>
      </c>
      <c r="B97" s="22">
        <v>70</v>
      </c>
      <c r="C97" s="14">
        <v>68</v>
      </c>
      <c r="D97" s="18">
        <v>138</v>
      </c>
    </row>
    <row r="98" spans="1:4" ht="18" customHeight="1" x14ac:dyDescent="0.15">
      <c r="A98" s="5">
        <v>76</v>
      </c>
      <c r="B98" s="22">
        <v>57</v>
      </c>
      <c r="C98" s="14">
        <v>69</v>
      </c>
      <c r="D98" s="18">
        <v>126</v>
      </c>
    </row>
    <row r="99" spans="1:4" ht="18" customHeight="1" x14ac:dyDescent="0.15">
      <c r="A99" s="5">
        <v>77</v>
      </c>
      <c r="B99" s="22">
        <v>83</v>
      </c>
      <c r="C99" s="14">
        <v>88</v>
      </c>
      <c r="D99" s="18">
        <v>171</v>
      </c>
    </row>
    <row r="100" spans="1:4" ht="18" customHeight="1" x14ac:dyDescent="0.15">
      <c r="A100" s="5">
        <v>78</v>
      </c>
      <c r="B100" s="22">
        <v>65</v>
      </c>
      <c r="C100" s="14">
        <v>88</v>
      </c>
      <c r="D100" s="18">
        <v>153</v>
      </c>
    </row>
    <row r="101" spans="1:4" ht="18" customHeight="1" x14ac:dyDescent="0.15">
      <c r="A101" s="5">
        <v>79</v>
      </c>
      <c r="B101" s="22">
        <v>31</v>
      </c>
      <c r="C101" s="14">
        <v>55</v>
      </c>
      <c r="D101" s="18">
        <v>86</v>
      </c>
    </row>
    <row r="102" spans="1:4" ht="18" customHeight="1" x14ac:dyDescent="0.15">
      <c r="A102" s="5" t="s">
        <v>0</v>
      </c>
      <c r="B102" s="22">
        <v>306</v>
      </c>
      <c r="C102" s="14">
        <v>368</v>
      </c>
      <c r="D102" s="18">
        <v>674</v>
      </c>
    </row>
    <row r="103" spans="1:4" ht="18" customHeight="1" x14ac:dyDescent="0.15">
      <c r="A103" s="5">
        <v>80</v>
      </c>
      <c r="B103" s="22">
        <v>25</v>
      </c>
      <c r="C103" s="14">
        <v>30</v>
      </c>
      <c r="D103" s="18">
        <v>55</v>
      </c>
    </row>
    <row r="104" spans="1:4" ht="18" customHeight="1" x14ac:dyDescent="0.15">
      <c r="A104" s="5">
        <v>81</v>
      </c>
      <c r="B104" s="22">
        <v>40</v>
      </c>
      <c r="C104" s="14">
        <v>47</v>
      </c>
      <c r="D104" s="18">
        <v>87</v>
      </c>
    </row>
    <row r="105" spans="1:4" ht="18" customHeight="1" x14ac:dyDescent="0.15">
      <c r="A105" s="5">
        <v>82</v>
      </c>
      <c r="B105" s="22">
        <v>31</v>
      </c>
      <c r="C105" s="14">
        <v>40</v>
      </c>
      <c r="D105" s="18">
        <v>71</v>
      </c>
    </row>
    <row r="106" spans="1:4" ht="18" customHeight="1" x14ac:dyDescent="0.15">
      <c r="A106" s="5">
        <v>83</v>
      </c>
      <c r="B106" s="22">
        <v>35</v>
      </c>
      <c r="C106" s="14">
        <v>41</v>
      </c>
      <c r="D106" s="18">
        <v>76</v>
      </c>
    </row>
    <row r="107" spans="1:4" ht="18" customHeight="1" x14ac:dyDescent="0.15">
      <c r="A107" s="5">
        <v>84</v>
      </c>
      <c r="B107" s="22">
        <v>30</v>
      </c>
      <c r="C107" s="14">
        <v>43</v>
      </c>
      <c r="D107" s="18">
        <v>73</v>
      </c>
    </row>
    <row r="108" spans="1:4" ht="18" customHeight="1" x14ac:dyDescent="0.15">
      <c r="A108" s="5" t="s">
        <v>35</v>
      </c>
      <c r="B108" s="22">
        <v>161</v>
      </c>
      <c r="C108" s="14">
        <v>201</v>
      </c>
      <c r="D108" s="18">
        <v>362</v>
      </c>
    </row>
    <row r="109" spans="1:4" ht="18" customHeight="1" x14ac:dyDescent="0.15">
      <c r="A109" s="5">
        <v>85</v>
      </c>
      <c r="B109" s="22">
        <v>27</v>
      </c>
      <c r="C109" s="14">
        <v>47</v>
      </c>
      <c r="D109" s="18">
        <v>74</v>
      </c>
    </row>
    <row r="110" spans="1:4" ht="18" customHeight="1" x14ac:dyDescent="0.15">
      <c r="A110" s="5">
        <v>86</v>
      </c>
      <c r="B110" s="22">
        <v>22</v>
      </c>
      <c r="C110" s="14">
        <v>32</v>
      </c>
      <c r="D110" s="18">
        <v>54</v>
      </c>
    </row>
    <row r="111" spans="1:4" ht="18" customHeight="1" x14ac:dyDescent="0.15">
      <c r="A111" s="5">
        <v>87</v>
      </c>
      <c r="B111" s="22">
        <v>18</v>
      </c>
      <c r="C111" s="14">
        <v>26</v>
      </c>
      <c r="D111" s="18">
        <v>44</v>
      </c>
    </row>
    <row r="112" spans="1:4" ht="18" customHeight="1" x14ac:dyDescent="0.15">
      <c r="A112" s="5">
        <v>88</v>
      </c>
      <c r="B112" s="22">
        <v>11</v>
      </c>
      <c r="C112" s="14">
        <v>19</v>
      </c>
      <c r="D112" s="18">
        <v>30</v>
      </c>
    </row>
    <row r="113" spans="1:4" ht="18" customHeight="1" x14ac:dyDescent="0.15">
      <c r="A113" s="5">
        <v>89</v>
      </c>
      <c r="B113" s="22">
        <v>12</v>
      </c>
      <c r="C113" s="14">
        <v>25</v>
      </c>
      <c r="D113" s="18">
        <v>37</v>
      </c>
    </row>
    <row r="114" spans="1:4" ht="18" customHeight="1" x14ac:dyDescent="0.15">
      <c r="A114" s="5" t="s">
        <v>37</v>
      </c>
      <c r="B114" s="22">
        <v>90</v>
      </c>
      <c r="C114" s="14">
        <v>149</v>
      </c>
      <c r="D114" s="18">
        <v>239</v>
      </c>
    </row>
    <row r="115" spans="1:4" ht="18" customHeight="1" x14ac:dyDescent="0.15">
      <c r="A115" s="5">
        <v>90</v>
      </c>
      <c r="B115" s="22">
        <v>14</v>
      </c>
      <c r="C115" s="14">
        <v>29</v>
      </c>
      <c r="D115" s="18">
        <v>43</v>
      </c>
    </row>
    <row r="116" spans="1:4" ht="18" customHeight="1" x14ac:dyDescent="0.15">
      <c r="A116" s="5">
        <v>91</v>
      </c>
      <c r="B116" s="22">
        <v>5</v>
      </c>
      <c r="C116" s="14">
        <v>21</v>
      </c>
      <c r="D116" s="18">
        <v>26</v>
      </c>
    </row>
    <row r="117" spans="1:4" ht="18" customHeight="1" x14ac:dyDescent="0.15">
      <c r="A117" s="5">
        <v>92</v>
      </c>
      <c r="B117" s="22">
        <v>7</v>
      </c>
      <c r="C117" s="14">
        <v>20</v>
      </c>
      <c r="D117" s="18">
        <v>27</v>
      </c>
    </row>
    <row r="118" spans="1:4" ht="18" customHeight="1" x14ac:dyDescent="0.15">
      <c r="A118" s="5">
        <v>93</v>
      </c>
      <c r="B118" s="22">
        <v>3</v>
      </c>
      <c r="C118" s="14">
        <v>24</v>
      </c>
      <c r="D118" s="18">
        <v>27</v>
      </c>
    </row>
    <row r="119" spans="1:4" ht="18" customHeight="1" x14ac:dyDescent="0.15">
      <c r="A119" s="5">
        <v>94</v>
      </c>
      <c r="B119" s="22">
        <v>8</v>
      </c>
      <c r="C119" s="14">
        <v>14</v>
      </c>
      <c r="D119" s="18">
        <v>22</v>
      </c>
    </row>
    <row r="120" spans="1:4" ht="18" customHeight="1" x14ac:dyDescent="0.15">
      <c r="A120" s="5" t="s">
        <v>39</v>
      </c>
      <c r="B120" s="22">
        <v>37</v>
      </c>
      <c r="C120" s="14">
        <v>108</v>
      </c>
      <c r="D120" s="18">
        <v>145</v>
      </c>
    </row>
    <row r="121" spans="1:4" ht="18" customHeight="1" x14ac:dyDescent="0.15">
      <c r="A121" s="5">
        <v>95</v>
      </c>
      <c r="B121" s="22">
        <v>5</v>
      </c>
      <c r="C121" s="14">
        <v>17</v>
      </c>
      <c r="D121" s="18">
        <v>22</v>
      </c>
    </row>
    <row r="122" spans="1:4" ht="18" customHeight="1" x14ac:dyDescent="0.15">
      <c r="A122" s="5">
        <v>96</v>
      </c>
      <c r="B122" s="22">
        <v>3</v>
      </c>
      <c r="C122" s="14">
        <v>7</v>
      </c>
      <c r="D122" s="18">
        <v>10</v>
      </c>
    </row>
    <row r="123" spans="1:4" ht="18" customHeight="1" x14ac:dyDescent="0.15">
      <c r="A123" s="5">
        <v>97</v>
      </c>
      <c r="B123" s="22">
        <v>2</v>
      </c>
      <c r="C123" s="14">
        <v>6</v>
      </c>
      <c r="D123" s="18">
        <v>8</v>
      </c>
    </row>
    <row r="124" spans="1:4" ht="18" customHeight="1" x14ac:dyDescent="0.15">
      <c r="A124" s="5">
        <v>98</v>
      </c>
      <c r="B124" s="22">
        <v>2</v>
      </c>
      <c r="C124" s="14">
        <v>4</v>
      </c>
      <c r="D124" s="18">
        <v>6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13</v>
      </c>
      <c r="C126" s="14">
        <v>36</v>
      </c>
      <c r="D126" s="18">
        <v>49</v>
      </c>
    </row>
    <row r="127" spans="1:4" ht="18" customHeight="1" x14ac:dyDescent="0.15">
      <c r="A127" s="5">
        <v>100</v>
      </c>
      <c r="B127" s="22">
        <v>1</v>
      </c>
      <c r="C127" s="14">
        <v>0</v>
      </c>
      <c r="D127" s="18">
        <v>1</v>
      </c>
    </row>
    <row r="128" spans="1:4" ht="18" customHeight="1" x14ac:dyDescent="0.15">
      <c r="A128" s="6" t="s">
        <v>43</v>
      </c>
      <c r="B128" s="22">
        <v>1</v>
      </c>
      <c r="C128" s="14">
        <v>2</v>
      </c>
      <c r="D128" s="18">
        <v>3</v>
      </c>
    </row>
    <row r="129" spans="1:4" ht="18" customHeight="1" x14ac:dyDescent="0.15">
      <c r="A129" s="5" t="s">
        <v>44</v>
      </c>
      <c r="B129" s="22">
        <v>2</v>
      </c>
      <c r="C129" s="14">
        <v>2</v>
      </c>
      <c r="D129" s="18">
        <v>4</v>
      </c>
    </row>
    <row r="130" spans="1:4" ht="18" customHeight="1" x14ac:dyDescent="0.15">
      <c r="A130" s="5" t="s">
        <v>46</v>
      </c>
      <c r="B130" s="22">
        <v>1177</v>
      </c>
      <c r="C130" s="14">
        <v>1482</v>
      </c>
      <c r="D130" s="18">
        <v>2659</v>
      </c>
    </row>
    <row r="131" spans="1:4" ht="18" customHeight="1" x14ac:dyDescent="0.15">
      <c r="A131" s="7" t="s">
        <v>45</v>
      </c>
      <c r="B131" s="23">
        <v>5815</v>
      </c>
      <c r="C131" s="15">
        <v>5881</v>
      </c>
      <c r="D131" s="19">
        <v>1169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8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56</v>
      </c>
      <c r="C5" s="29">
        <v>38</v>
      </c>
      <c r="D5" s="31">
        <v>94</v>
      </c>
    </row>
    <row r="6" spans="1:4" ht="18" customHeight="1" x14ac:dyDescent="0.15">
      <c r="A6" s="5">
        <v>1</v>
      </c>
      <c r="B6" s="27">
        <v>45</v>
      </c>
      <c r="C6" s="14">
        <v>41</v>
      </c>
      <c r="D6" s="18">
        <v>86</v>
      </c>
    </row>
    <row r="7" spans="1:4" ht="18" customHeight="1" x14ac:dyDescent="0.15">
      <c r="A7" s="5">
        <v>2</v>
      </c>
      <c r="B7" s="27">
        <v>39</v>
      </c>
      <c r="C7" s="14">
        <v>39</v>
      </c>
      <c r="D7" s="18">
        <v>78</v>
      </c>
    </row>
    <row r="8" spans="1:4" ht="18" customHeight="1" x14ac:dyDescent="0.15">
      <c r="A8" s="5">
        <v>3</v>
      </c>
      <c r="B8" s="27">
        <v>51</v>
      </c>
      <c r="C8" s="14">
        <v>42</v>
      </c>
      <c r="D8" s="18">
        <v>93</v>
      </c>
    </row>
    <row r="9" spans="1:4" ht="18" customHeight="1" x14ac:dyDescent="0.15">
      <c r="A9" s="5">
        <v>4</v>
      </c>
      <c r="B9" s="28">
        <v>48</v>
      </c>
      <c r="C9" s="30">
        <v>40</v>
      </c>
      <c r="D9" s="32">
        <v>88</v>
      </c>
    </row>
    <row r="10" spans="1:4" ht="18" customHeight="1" x14ac:dyDescent="0.15">
      <c r="A10" s="5" t="s">
        <v>7</v>
      </c>
      <c r="B10" s="22">
        <v>239</v>
      </c>
      <c r="C10" s="14">
        <v>200</v>
      </c>
      <c r="D10" s="18">
        <v>439</v>
      </c>
    </row>
    <row r="11" spans="1:4" ht="18" customHeight="1" x14ac:dyDescent="0.15">
      <c r="A11" s="5">
        <v>5</v>
      </c>
      <c r="B11" s="27">
        <v>55</v>
      </c>
      <c r="C11" s="14">
        <v>51</v>
      </c>
      <c r="D11" s="18">
        <v>106</v>
      </c>
    </row>
    <row r="12" spans="1:4" ht="18" customHeight="1" x14ac:dyDescent="0.15">
      <c r="A12" s="5">
        <v>6</v>
      </c>
      <c r="B12" s="27">
        <v>37</v>
      </c>
      <c r="C12" s="14">
        <v>39</v>
      </c>
      <c r="D12" s="18">
        <v>76</v>
      </c>
    </row>
    <row r="13" spans="1:4" ht="18" customHeight="1" x14ac:dyDescent="0.15">
      <c r="A13" s="5">
        <v>7</v>
      </c>
      <c r="B13" s="27">
        <v>58</v>
      </c>
      <c r="C13" s="14">
        <v>54</v>
      </c>
      <c r="D13" s="18">
        <v>112</v>
      </c>
    </row>
    <row r="14" spans="1:4" ht="18" customHeight="1" x14ac:dyDescent="0.15">
      <c r="A14" s="5">
        <v>8</v>
      </c>
      <c r="B14" s="27">
        <v>50</v>
      </c>
      <c r="C14" s="14">
        <v>51</v>
      </c>
      <c r="D14" s="18">
        <v>101</v>
      </c>
    </row>
    <row r="15" spans="1:4" ht="18" customHeight="1" x14ac:dyDescent="0.15">
      <c r="A15" s="5">
        <v>9</v>
      </c>
      <c r="B15" s="27">
        <v>72</v>
      </c>
      <c r="C15" s="14">
        <v>52</v>
      </c>
      <c r="D15" s="18">
        <v>124</v>
      </c>
    </row>
    <row r="16" spans="1:4" ht="18" customHeight="1" x14ac:dyDescent="0.15">
      <c r="A16" s="5" t="s">
        <v>11</v>
      </c>
      <c r="B16" s="22">
        <v>272</v>
      </c>
      <c r="C16" s="14">
        <v>247</v>
      </c>
      <c r="D16" s="18">
        <v>519</v>
      </c>
    </row>
    <row r="17" spans="1:4" ht="18" customHeight="1" x14ac:dyDescent="0.15">
      <c r="A17" s="5">
        <v>10</v>
      </c>
      <c r="B17" s="22">
        <v>72</v>
      </c>
      <c r="C17" s="14">
        <v>66</v>
      </c>
      <c r="D17" s="18">
        <v>138</v>
      </c>
    </row>
    <row r="18" spans="1:4" ht="18" customHeight="1" x14ac:dyDescent="0.15">
      <c r="A18" s="5">
        <v>11</v>
      </c>
      <c r="B18" s="22">
        <v>58</v>
      </c>
      <c r="C18" s="14">
        <v>51</v>
      </c>
      <c r="D18" s="18">
        <v>109</v>
      </c>
    </row>
    <row r="19" spans="1:4" ht="18" customHeight="1" x14ac:dyDescent="0.15">
      <c r="A19" s="5">
        <v>12</v>
      </c>
      <c r="B19" s="22">
        <v>70</v>
      </c>
      <c r="C19" s="14">
        <v>80</v>
      </c>
      <c r="D19" s="18">
        <v>150</v>
      </c>
    </row>
    <row r="20" spans="1:4" ht="18" customHeight="1" x14ac:dyDescent="0.15">
      <c r="A20" s="5">
        <v>13</v>
      </c>
      <c r="B20" s="22">
        <v>65</v>
      </c>
      <c r="C20" s="14">
        <v>74</v>
      </c>
      <c r="D20" s="18">
        <v>139</v>
      </c>
    </row>
    <row r="21" spans="1:4" ht="18" customHeight="1" x14ac:dyDescent="0.15">
      <c r="A21" s="5">
        <v>14</v>
      </c>
      <c r="B21" s="22">
        <v>61</v>
      </c>
      <c r="C21" s="14">
        <v>68</v>
      </c>
      <c r="D21" s="18">
        <v>129</v>
      </c>
    </row>
    <row r="22" spans="1:4" ht="18" customHeight="1" x14ac:dyDescent="0.15">
      <c r="A22" s="5" t="s">
        <v>12</v>
      </c>
      <c r="B22" s="22">
        <v>326</v>
      </c>
      <c r="C22" s="14">
        <v>339</v>
      </c>
      <c r="D22" s="18">
        <v>665</v>
      </c>
    </row>
    <row r="23" spans="1:4" ht="18" customHeight="1" x14ac:dyDescent="0.15">
      <c r="A23" s="5" t="s">
        <v>6</v>
      </c>
      <c r="B23" s="22">
        <v>837</v>
      </c>
      <c r="C23" s="14">
        <v>786</v>
      </c>
      <c r="D23" s="18">
        <v>1623</v>
      </c>
    </row>
    <row r="24" spans="1:4" ht="18" customHeight="1" x14ac:dyDescent="0.15">
      <c r="A24" s="5">
        <v>15</v>
      </c>
      <c r="B24" s="22">
        <v>91</v>
      </c>
      <c r="C24" s="14">
        <v>53</v>
      </c>
      <c r="D24" s="18">
        <v>144</v>
      </c>
    </row>
    <row r="25" spans="1:4" ht="18" customHeight="1" x14ac:dyDescent="0.15">
      <c r="A25" s="5">
        <v>16</v>
      </c>
      <c r="B25" s="22">
        <v>77</v>
      </c>
      <c r="C25" s="14">
        <v>87</v>
      </c>
      <c r="D25" s="18">
        <v>164</v>
      </c>
    </row>
    <row r="26" spans="1:4" ht="18" customHeight="1" x14ac:dyDescent="0.15">
      <c r="A26" s="5">
        <v>17</v>
      </c>
      <c r="B26" s="22">
        <v>72</v>
      </c>
      <c r="C26" s="14">
        <v>70</v>
      </c>
      <c r="D26" s="18">
        <v>142</v>
      </c>
    </row>
    <row r="27" spans="1:4" ht="18" customHeight="1" x14ac:dyDescent="0.15">
      <c r="A27" s="5">
        <v>18</v>
      </c>
      <c r="B27" s="22">
        <v>71</v>
      </c>
      <c r="C27" s="14">
        <v>79</v>
      </c>
      <c r="D27" s="18">
        <v>150</v>
      </c>
    </row>
    <row r="28" spans="1:4" ht="18" customHeight="1" x14ac:dyDescent="0.15">
      <c r="A28" s="5">
        <v>19</v>
      </c>
      <c r="B28" s="22">
        <v>76</v>
      </c>
      <c r="C28" s="14">
        <v>59</v>
      </c>
      <c r="D28" s="18">
        <v>135</v>
      </c>
    </row>
    <row r="29" spans="1:4" ht="18" customHeight="1" x14ac:dyDescent="0.15">
      <c r="A29" s="5" t="s">
        <v>14</v>
      </c>
      <c r="B29" s="22">
        <v>387</v>
      </c>
      <c r="C29" s="14">
        <v>348</v>
      </c>
      <c r="D29" s="18">
        <v>735</v>
      </c>
    </row>
    <row r="30" spans="1:4" ht="18" customHeight="1" x14ac:dyDescent="0.15">
      <c r="A30" s="5">
        <v>20</v>
      </c>
      <c r="B30" s="22">
        <v>70</v>
      </c>
      <c r="C30" s="14">
        <v>66</v>
      </c>
      <c r="D30" s="18">
        <v>136</v>
      </c>
    </row>
    <row r="31" spans="1:4" ht="18" customHeight="1" x14ac:dyDescent="0.15">
      <c r="A31" s="5">
        <v>21</v>
      </c>
      <c r="B31" s="22">
        <v>75</v>
      </c>
      <c r="C31" s="14">
        <v>61</v>
      </c>
      <c r="D31" s="18">
        <v>136</v>
      </c>
    </row>
    <row r="32" spans="1:4" ht="18" customHeight="1" x14ac:dyDescent="0.15">
      <c r="A32" s="5">
        <v>22</v>
      </c>
      <c r="B32" s="22">
        <v>78</v>
      </c>
      <c r="C32" s="14">
        <v>63</v>
      </c>
      <c r="D32" s="18">
        <v>141</v>
      </c>
    </row>
    <row r="33" spans="1:4" ht="18" customHeight="1" x14ac:dyDescent="0.15">
      <c r="A33" s="5">
        <v>23</v>
      </c>
      <c r="B33" s="22">
        <v>73</v>
      </c>
      <c r="C33" s="14">
        <v>59</v>
      </c>
      <c r="D33" s="18">
        <v>132</v>
      </c>
    </row>
    <row r="34" spans="1:4" ht="18" customHeight="1" x14ac:dyDescent="0.15">
      <c r="A34" s="5">
        <v>24</v>
      </c>
      <c r="B34" s="22">
        <v>63</v>
      </c>
      <c r="C34" s="14">
        <v>56</v>
      </c>
      <c r="D34" s="18">
        <v>119</v>
      </c>
    </row>
    <row r="35" spans="1:4" ht="18" customHeight="1" x14ac:dyDescent="0.15">
      <c r="A35" s="5" t="s">
        <v>9</v>
      </c>
      <c r="B35" s="22">
        <v>359</v>
      </c>
      <c r="C35" s="14">
        <v>305</v>
      </c>
      <c r="D35" s="18">
        <v>664</v>
      </c>
    </row>
    <row r="36" spans="1:4" ht="18" customHeight="1" x14ac:dyDescent="0.15">
      <c r="A36" s="5">
        <v>25</v>
      </c>
      <c r="B36" s="22">
        <v>91</v>
      </c>
      <c r="C36" s="14">
        <v>61</v>
      </c>
      <c r="D36" s="18">
        <v>152</v>
      </c>
    </row>
    <row r="37" spans="1:4" ht="18" customHeight="1" x14ac:dyDescent="0.15">
      <c r="A37" s="5">
        <v>26</v>
      </c>
      <c r="B37" s="22">
        <v>74</v>
      </c>
      <c r="C37" s="14">
        <v>73</v>
      </c>
      <c r="D37" s="18">
        <v>147</v>
      </c>
    </row>
    <row r="38" spans="1:4" ht="18" customHeight="1" x14ac:dyDescent="0.15">
      <c r="A38" s="5">
        <v>27</v>
      </c>
      <c r="B38" s="22">
        <v>73</v>
      </c>
      <c r="C38" s="14">
        <v>60</v>
      </c>
      <c r="D38" s="18">
        <v>133</v>
      </c>
    </row>
    <row r="39" spans="1:4" ht="18" customHeight="1" x14ac:dyDescent="0.15">
      <c r="A39" s="5">
        <v>28</v>
      </c>
      <c r="B39" s="22">
        <v>65</v>
      </c>
      <c r="C39" s="14">
        <v>72</v>
      </c>
      <c r="D39" s="18">
        <v>137</v>
      </c>
    </row>
    <row r="40" spans="1:4" ht="18" customHeight="1" x14ac:dyDescent="0.15">
      <c r="A40" s="5">
        <v>29</v>
      </c>
      <c r="B40" s="22">
        <v>81</v>
      </c>
      <c r="C40" s="14">
        <v>71</v>
      </c>
      <c r="D40" s="18">
        <v>152</v>
      </c>
    </row>
    <row r="41" spans="1:4" ht="18" customHeight="1" x14ac:dyDescent="0.15">
      <c r="A41" s="5" t="s">
        <v>2</v>
      </c>
      <c r="B41" s="22">
        <v>384</v>
      </c>
      <c r="C41" s="14">
        <v>337</v>
      </c>
      <c r="D41" s="18">
        <v>721</v>
      </c>
    </row>
    <row r="42" spans="1:4" ht="18" customHeight="1" x14ac:dyDescent="0.15">
      <c r="A42" s="5">
        <v>30</v>
      </c>
      <c r="B42" s="22">
        <v>100</v>
      </c>
      <c r="C42" s="14">
        <v>64</v>
      </c>
      <c r="D42" s="18">
        <v>164</v>
      </c>
    </row>
    <row r="43" spans="1:4" ht="18" customHeight="1" x14ac:dyDescent="0.15">
      <c r="A43" s="5">
        <v>31</v>
      </c>
      <c r="B43" s="22">
        <v>78</v>
      </c>
      <c r="C43" s="14">
        <v>63</v>
      </c>
      <c r="D43" s="18">
        <v>141</v>
      </c>
    </row>
    <row r="44" spans="1:4" ht="18" customHeight="1" x14ac:dyDescent="0.15">
      <c r="A44" s="5">
        <v>32</v>
      </c>
      <c r="B44" s="22">
        <v>70</v>
      </c>
      <c r="C44" s="14">
        <v>69</v>
      </c>
      <c r="D44" s="18">
        <v>139</v>
      </c>
    </row>
    <row r="45" spans="1:4" ht="18" customHeight="1" x14ac:dyDescent="0.15">
      <c r="A45" s="5">
        <v>33</v>
      </c>
      <c r="B45" s="22">
        <v>73</v>
      </c>
      <c r="C45" s="14">
        <v>69</v>
      </c>
      <c r="D45" s="18">
        <v>142</v>
      </c>
    </row>
    <row r="46" spans="1:4" ht="18" customHeight="1" x14ac:dyDescent="0.15">
      <c r="A46" s="5">
        <v>34</v>
      </c>
      <c r="B46" s="22">
        <v>68</v>
      </c>
      <c r="C46" s="14">
        <v>55</v>
      </c>
      <c r="D46" s="18">
        <v>123</v>
      </c>
    </row>
    <row r="47" spans="1:4" ht="18" customHeight="1" x14ac:dyDescent="0.15">
      <c r="A47" s="5" t="s">
        <v>15</v>
      </c>
      <c r="B47" s="22">
        <v>389</v>
      </c>
      <c r="C47" s="14">
        <v>320</v>
      </c>
      <c r="D47" s="18">
        <v>709</v>
      </c>
    </row>
    <row r="48" spans="1:4" ht="18" customHeight="1" x14ac:dyDescent="0.15">
      <c r="A48" s="5">
        <v>35</v>
      </c>
      <c r="B48" s="22">
        <v>68</v>
      </c>
      <c r="C48" s="14">
        <v>61</v>
      </c>
      <c r="D48" s="18">
        <v>129</v>
      </c>
    </row>
    <row r="49" spans="1:4" ht="18" customHeight="1" x14ac:dyDescent="0.15">
      <c r="A49" s="5">
        <v>36</v>
      </c>
      <c r="B49" s="22">
        <v>68</v>
      </c>
      <c r="C49" s="14">
        <v>59</v>
      </c>
      <c r="D49" s="18">
        <v>127</v>
      </c>
    </row>
    <row r="50" spans="1:4" ht="18" customHeight="1" x14ac:dyDescent="0.15">
      <c r="A50" s="5">
        <v>37</v>
      </c>
      <c r="B50" s="22">
        <v>66</v>
      </c>
      <c r="C50" s="14">
        <v>52</v>
      </c>
      <c r="D50" s="18">
        <v>118</v>
      </c>
    </row>
    <row r="51" spans="1:4" ht="18" customHeight="1" x14ac:dyDescent="0.15">
      <c r="A51" s="5">
        <v>38</v>
      </c>
      <c r="B51" s="22">
        <v>62</v>
      </c>
      <c r="C51" s="14">
        <v>61</v>
      </c>
      <c r="D51" s="18">
        <v>123</v>
      </c>
    </row>
    <row r="52" spans="1:4" ht="18" customHeight="1" x14ac:dyDescent="0.15">
      <c r="A52" s="5">
        <v>39</v>
      </c>
      <c r="B52" s="22">
        <v>63</v>
      </c>
      <c r="C52" s="14">
        <v>66</v>
      </c>
      <c r="D52" s="18">
        <v>129</v>
      </c>
    </row>
    <row r="53" spans="1:4" ht="18" customHeight="1" x14ac:dyDescent="0.15">
      <c r="A53" s="5" t="s">
        <v>18</v>
      </c>
      <c r="B53" s="22">
        <v>327</v>
      </c>
      <c r="C53" s="14">
        <v>299</v>
      </c>
      <c r="D53" s="18">
        <v>626</v>
      </c>
    </row>
    <row r="54" spans="1:4" ht="18" customHeight="1" x14ac:dyDescent="0.15">
      <c r="A54" s="5">
        <v>40</v>
      </c>
      <c r="B54" s="22">
        <v>70</v>
      </c>
      <c r="C54" s="14">
        <v>68</v>
      </c>
      <c r="D54" s="18">
        <v>138</v>
      </c>
    </row>
    <row r="55" spans="1:4" ht="18" customHeight="1" x14ac:dyDescent="0.15">
      <c r="A55" s="5">
        <v>41</v>
      </c>
      <c r="B55" s="22">
        <v>60</v>
      </c>
      <c r="C55" s="14">
        <v>77</v>
      </c>
      <c r="D55" s="18">
        <v>137</v>
      </c>
    </row>
    <row r="56" spans="1:4" ht="18" customHeight="1" x14ac:dyDescent="0.15">
      <c r="A56" s="5">
        <v>42</v>
      </c>
      <c r="B56" s="22">
        <v>90</v>
      </c>
      <c r="C56" s="14">
        <v>93</v>
      </c>
      <c r="D56" s="18">
        <v>183</v>
      </c>
    </row>
    <row r="57" spans="1:4" ht="18" customHeight="1" x14ac:dyDescent="0.15">
      <c r="A57" s="5">
        <v>43</v>
      </c>
      <c r="B57" s="22">
        <v>85</v>
      </c>
      <c r="C57" s="14">
        <v>85</v>
      </c>
      <c r="D57" s="18">
        <v>170</v>
      </c>
    </row>
    <row r="58" spans="1:4" ht="18" customHeight="1" x14ac:dyDescent="0.15">
      <c r="A58" s="5">
        <v>44</v>
      </c>
      <c r="B58" s="22">
        <v>70</v>
      </c>
      <c r="C58" s="14">
        <v>88</v>
      </c>
      <c r="D58" s="18">
        <v>158</v>
      </c>
    </row>
    <row r="59" spans="1:4" ht="18" customHeight="1" x14ac:dyDescent="0.15">
      <c r="A59" s="5" t="s">
        <v>21</v>
      </c>
      <c r="B59" s="22">
        <v>375</v>
      </c>
      <c r="C59" s="14">
        <v>411</v>
      </c>
      <c r="D59" s="18">
        <v>786</v>
      </c>
    </row>
    <row r="60" spans="1:4" ht="18" customHeight="1" x14ac:dyDescent="0.15">
      <c r="A60" s="5">
        <v>45</v>
      </c>
      <c r="B60" s="22">
        <v>100</v>
      </c>
      <c r="C60" s="14">
        <v>85</v>
      </c>
      <c r="D60" s="18">
        <v>185</v>
      </c>
    </row>
    <row r="61" spans="1:4" ht="18" customHeight="1" x14ac:dyDescent="0.15">
      <c r="A61" s="5">
        <v>46</v>
      </c>
      <c r="B61" s="22">
        <v>97</v>
      </c>
      <c r="C61" s="14">
        <v>83</v>
      </c>
      <c r="D61" s="18">
        <v>180</v>
      </c>
    </row>
    <row r="62" spans="1:4" ht="18" customHeight="1" x14ac:dyDescent="0.15">
      <c r="A62" s="5">
        <v>47</v>
      </c>
      <c r="B62" s="22">
        <v>98</v>
      </c>
      <c r="C62" s="14">
        <v>124</v>
      </c>
      <c r="D62" s="18">
        <v>222</v>
      </c>
    </row>
    <row r="63" spans="1:4" ht="18" customHeight="1" x14ac:dyDescent="0.15">
      <c r="A63" s="5">
        <v>48</v>
      </c>
      <c r="B63" s="22">
        <v>123</v>
      </c>
      <c r="C63" s="14">
        <v>104</v>
      </c>
      <c r="D63" s="18">
        <v>227</v>
      </c>
    </row>
    <row r="64" spans="1:4" ht="18" customHeight="1" x14ac:dyDescent="0.15">
      <c r="A64" s="5">
        <v>49</v>
      </c>
      <c r="B64" s="22">
        <v>112</v>
      </c>
      <c r="C64" s="14">
        <v>120</v>
      </c>
      <c r="D64" s="18">
        <v>232</v>
      </c>
    </row>
    <row r="65" spans="1:4" ht="18" customHeight="1" x14ac:dyDescent="0.15">
      <c r="A65" s="5" t="s">
        <v>17</v>
      </c>
      <c r="B65" s="22">
        <v>530</v>
      </c>
      <c r="C65" s="14">
        <v>516</v>
      </c>
      <c r="D65" s="18">
        <v>1046</v>
      </c>
    </row>
    <row r="66" spans="1:4" ht="18" customHeight="1" x14ac:dyDescent="0.15">
      <c r="A66" s="5">
        <v>50</v>
      </c>
      <c r="B66" s="22">
        <v>106</v>
      </c>
      <c r="C66" s="14">
        <v>99</v>
      </c>
      <c r="D66" s="18">
        <v>205</v>
      </c>
    </row>
    <row r="67" spans="1:4" ht="18" customHeight="1" x14ac:dyDescent="0.15">
      <c r="A67" s="5">
        <v>51</v>
      </c>
      <c r="B67" s="22">
        <v>108</v>
      </c>
      <c r="C67" s="14">
        <v>113</v>
      </c>
      <c r="D67" s="18">
        <v>221</v>
      </c>
    </row>
    <row r="68" spans="1:4" ht="18" customHeight="1" x14ac:dyDescent="0.15">
      <c r="A68" s="5">
        <v>52</v>
      </c>
      <c r="B68" s="22">
        <v>122</v>
      </c>
      <c r="C68" s="14">
        <v>115</v>
      </c>
      <c r="D68" s="18">
        <v>237</v>
      </c>
    </row>
    <row r="69" spans="1:4" ht="18" customHeight="1" x14ac:dyDescent="0.15">
      <c r="A69" s="5">
        <v>53</v>
      </c>
      <c r="B69" s="22">
        <v>109</v>
      </c>
      <c r="C69" s="14">
        <v>115</v>
      </c>
      <c r="D69" s="18">
        <v>224</v>
      </c>
    </row>
    <row r="70" spans="1:4" ht="18" customHeight="1" x14ac:dyDescent="0.15">
      <c r="A70" s="5">
        <v>54</v>
      </c>
      <c r="B70" s="22">
        <v>96</v>
      </c>
      <c r="C70" s="14">
        <v>107</v>
      </c>
      <c r="D70" s="18">
        <v>203</v>
      </c>
    </row>
    <row r="71" spans="1:4" ht="18" customHeight="1" x14ac:dyDescent="0.15">
      <c r="A71" s="5" t="s">
        <v>22</v>
      </c>
      <c r="B71" s="22">
        <v>541</v>
      </c>
      <c r="C71" s="14">
        <v>549</v>
      </c>
      <c r="D71" s="18">
        <v>1090</v>
      </c>
    </row>
    <row r="72" spans="1:4" ht="18" customHeight="1" x14ac:dyDescent="0.15">
      <c r="A72" s="5">
        <v>55</v>
      </c>
      <c r="B72" s="22">
        <v>86</v>
      </c>
      <c r="C72" s="14">
        <v>100</v>
      </c>
      <c r="D72" s="18">
        <v>186</v>
      </c>
    </row>
    <row r="73" spans="1:4" ht="18" customHeight="1" x14ac:dyDescent="0.15">
      <c r="A73" s="5">
        <v>56</v>
      </c>
      <c r="B73" s="22">
        <v>83</v>
      </c>
      <c r="C73" s="14">
        <v>83</v>
      </c>
      <c r="D73" s="18">
        <v>166</v>
      </c>
    </row>
    <row r="74" spans="1:4" ht="18" customHeight="1" x14ac:dyDescent="0.15">
      <c r="A74" s="5">
        <v>57</v>
      </c>
      <c r="B74" s="22">
        <v>98</v>
      </c>
      <c r="C74" s="14">
        <v>82</v>
      </c>
      <c r="D74" s="18">
        <v>180</v>
      </c>
    </row>
    <row r="75" spans="1:4" ht="18" customHeight="1" x14ac:dyDescent="0.15">
      <c r="A75" s="5">
        <v>58</v>
      </c>
      <c r="B75" s="22">
        <v>74</v>
      </c>
      <c r="C75" s="14">
        <v>69</v>
      </c>
      <c r="D75" s="18">
        <v>143</v>
      </c>
    </row>
    <row r="76" spans="1:4" ht="18" customHeight="1" x14ac:dyDescent="0.15">
      <c r="A76" s="5">
        <v>59</v>
      </c>
      <c r="B76" s="22">
        <v>52</v>
      </c>
      <c r="C76" s="14">
        <v>46</v>
      </c>
      <c r="D76" s="18">
        <v>98</v>
      </c>
    </row>
    <row r="77" spans="1:4" ht="18" customHeight="1" x14ac:dyDescent="0.15">
      <c r="A77" s="5" t="s">
        <v>27</v>
      </c>
      <c r="B77" s="22">
        <v>393</v>
      </c>
      <c r="C77" s="14">
        <v>380</v>
      </c>
      <c r="D77" s="18">
        <v>773</v>
      </c>
    </row>
    <row r="78" spans="1:4" ht="18" customHeight="1" x14ac:dyDescent="0.15">
      <c r="A78" s="5">
        <v>60</v>
      </c>
      <c r="B78" s="22">
        <v>57</v>
      </c>
      <c r="C78" s="14">
        <v>80</v>
      </c>
      <c r="D78" s="18">
        <v>137</v>
      </c>
    </row>
    <row r="79" spans="1:4" ht="18" customHeight="1" x14ac:dyDescent="0.15">
      <c r="A79" s="5">
        <v>61</v>
      </c>
      <c r="B79" s="22">
        <v>49</v>
      </c>
      <c r="C79" s="14">
        <v>62</v>
      </c>
      <c r="D79" s="18">
        <v>111</v>
      </c>
    </row>
    <row r="80" spans="1:4" ht="18" customHeight="1" x14ac:dyDescent="0.15">
      <c r="A80" s="5">
        <v>62</v>
      </c>
      <c r="B80" s="22">
        <v>79</v>
      </c>
      <c r="C80" s="14">
        <v>67</v>
      </c>
      <c r="D80" s="18">
        <v>146</v>
      </c>
    </row>
    <row r="81" spans="1:4" ht="18" customHeight="1" x14ac:dyDescent="0.15">
      <c r="A81" s="5">
        <v>63</v>
      </c>
      <c r="B81" s="22">
        <v>63</v>
      </c>
      <c r="C81" s="14">
        <v>58</v>
      </c>
      <c r="D81" s="18">
        <v>121</v>
      </c>
    </row>
    <row r="82" spans="1:4" ht="18" customHeight="1" x14ac:dyDescent="0.15">
      <c r="A82" s="5">
        <v>64</v>
      </c>
      <c r="B82" s="22">
        <v>56</v>
      </c>
      <c r="C82" s="14">
        <v>66</v>
      </c>
      <c r="D82" s="18">
        <v>122</v>
      </c>
    </row>
    <row r="83" spans="1:4" ht="18" customHeight="1" x14ac:dyDescent="0.15">
      <c r="A83" s="5" t="s">
        <v>28</v>
      </c>
      <c r="B83" s="22">
        <v>304</v>
      </c>
      <c r="C83" s="14">
        <v>333</v>
      </c>
      <c r="D83" s="18">
        <v>637</v>
      </c>
    </row>
    <row r="84" spans="1:4" ht="18" customHeight="1" x14ac:dyDescent="0.15">
      <c r="A84" s="5" t="s">
        <v>31</v>
      </c>
      <c r="B84" s="22">
        <v>3989</v>
      </c>
      <c r="C84" s="14">
        <v>3798</v>
      </c>
      <c r="D84" s="18">
        <v>7787</v>
      </c>
    </row>
    <row r="85" spans="1:4" ht="18" customHeight="1" x14ac:dyDescent="0.15">
      <c r="A85" s="5">
        <v>65</v>
      </c>
      <c r="B85" s="22">
        <v>56</v>
      </c>
      <c r="C85" s="14">
        <v>62</v>
      </c>
      <c r="D85" s="18">
        <v>118</v>
      </c>
    </row>
    <row r="86" spans="1:4" ht="18" customHeight="1" x14ac:dyDescent="0.15">
      <c r="A86" s="5">
        <v>66</v>
      </c>
      <c r="B86" s="22">
        <v>57</v>
      </c>
      <c r="C86" s="14">
        <v>48</v>
      </c>
      <c r="D86" s="18">
        <v>105</v>
      </c>
    </row>
    <row r="87" spans="1:4" ht="18" customHeight="1" x14ac:dyDescent="0.15">
      <c r="A87" s="5">
        <v>67</v>
      </c>
      <c r="B87" s="22">
        <v>50</v>
      </c>
      <c r="C87" s="14">
        <v>60</v>
      </c>
      <c r="D87" s="18">
        <v>110</v>
      </c>
    </row>
    <row r="88" spans="1:4" ht="18" customHeight="1" x14ac:dyDescent="0.15">
      <c r="A88" s="5">
        <v>68</v>
      </c>
      <c r="B88" s="22">
        <v>52</v>
      </c>
      <c r="C88" s="14">
        <v>45</v>
      </c>
      <c r="D88" s="18">
        <v>97</v>
      </c>
    </row>
    <row r="89" spans="1:4" ht="18" customHeight="1" x14ac:dyDescent="0.15">
      <c r="A89" s="5">
        <v>69</v>
      </c>
      <c r="B89" s="22">
        <v>39</v>
      </c>
      <c r="C89" s="14">
        <v>54</v>
      </c>
      <c r="D89" s="18">
        <v>93</v>
      </c>
    </row>
    <row r="90" spans="1:4" ht="18" customHeight="1" x14ac:dyDescent="0.15">
      <c r="A90" s="5" t="s">
        <v>20</v>
      </c>
      <c r="B90" s="22">
        <v>254</v>
      </c>
      <c r="C90" s="14">
        <v>269</v>
      </c>
      <c r="D90" s="18">
        <v>523</v>
      </c>
    </row>
    <row r="91" spans="1:4" ht="18" customHeight="1" x14ac:dyDescent="0.15">
      <c r="A91" s="5">
        <v>70</v>
      </c>
      <c r="B91" s="22">
        <v>63</v>
      </c>
      <c r="C91" s="14">
        <v>58</v>
      </c>
      <c r="D91" s="18">
        <v>121</v>
      </c>
    </row>
    <row r="92" spans="1:4" ht="18" customHeight="1" x14ac:dyDescent="0.15">
      <c r="A92" s="5">
        <v>71</v>
      </c>
      <c r="B92" s="22">
        <v>43</v>
      </c>
      <c r="C92" s="14">
        <v>57</v>
      </c>
      <c r="D92" s="18">
        <v>100</v>
      </c>
    </row>
    <row r="93" spans="1:4" ht="18" customHeight="1" x14ac:dyDescent="0.15">
      <c r="A93" s="5">
        <v>72</v>
      </c>
      <c r="B93" s="22">
        <v>53</v>
      </c>
      <c r="C93" s="14">
        <v>63</v>
      </c>
      <c r="D93" s="18">
        <v>116</v>
      </c>
    </row>
    <row r="94" spans="1:4" ht="18" customHeight="1" x14ac:dyDescent="0.15">
      <c r="A94" s="5">
        <v>73</v>
      </c>
      <c r="B94" s="22">
        <v>55</v>
      </c>
      <c r="C94" s="14">
        <v>51</v>
      </c>
      <c r="D94" s="18">
        <v>106</v>
      </c>
    </row>
    <row r="95" spans="1:4" ht="18" customHeight="1" x14ac:dyDescent="0.15">
      <c r="A95" s="5">
        <v>74</v>
      </c>
      <c r="B95" s="22">
        <v>42</v>
      </c>
      <c r="C95" s="14">
        <v>61</v>
      </c>
      <c r="D95" s="18">
        <v>103</v>
      </c>
    </row>
    <row r="96" spans="1:4" ht="18" customHeight="1" x14ac:dyDescent="0.15">
      <c r="A96" s="5" t="s">
        <v>33</v>
      </c>
      <c r="B96" s="22">
        <v>256</v>
      </c>
      <c r="C96" s="14">
        <v>290</v>
      </c>
      <c r="D96" s="18">
        <v>546</v>
      </c>
    </row>
    <row r="97" spans="1:4" ht="18" customHeight="1" x14ac:dyDescent="0.15">
      <c r="A97" s="5">
        <v>75</v>
      </c>
      <c r="B97" s="22">
        <v>51</v>
      </c>
      <c r="C97" s="14">
        <v>72</v>
      </c>
      <c r="D97" s="18">
        <v>123</v>
      </c>
    </row>
    <row r="98" spans="1:4" ht="18" customHeight="1" x14ac:dyDescent="0.15">
      <c r="A98" s="5">
        <v>76</v>
      </c>
      <c r="B98" s="22">
        <v>58</v>
      </c>
      <c r="C98" s="14">
        <v>65</v>
      </c>
      <c r="D98" s="18">
        <v>123</v>
      </c>
    </row>
    <row r="99" spans="1:4" ht="18" customHeight="1" x14ac:dyDescent="0.15">
      <c r="A99" s="5">
        <v>77</v>
      </c>
      <c r="B99" s="22">
        <v>48</v>
      </c>
      <c r="C99" s="14">
        <v>60</v>
      </c>
      <c r="D99" s="18">
        <v>108</v>
      </c>
    </row>
    <row r="100" spans="1:4" ht="18" customHeight="1" x14ac:dyDescent="0.15">
      <c r="A100" s="5">
        <v>78</v>
      </c>
      <c r="B100" s="22">
        <v>48</v>
      </c>
      <c r="C100" s="14">
        <v>88</v>
      </c>
      <c r="D100" s="18">
        <v>136</v>
      </c>
    </row>
    <row r="101" spans="1:4" ht="18" customHeight="1" x14ac:dyDescent="0.15">
      <c r="A101" s="5">
        <v>79</v>
      </c>
      <c r="B101" s="22">
        <v>41</v>
      </c>
      <c r="C101" s="14">
        <v>52</v>
      </c>
      <c r="D101" s="18">
        <v>93</v>
      </c>
    </row>
    <row r="102" spans="1:4" ht="18" customHeight="1" x14ac:dyDescent="0.15">
      <c r="A102" s="5" t="s">
        <v>0</v>
      </c>
      <c r="B102" s="22">
        <v>246</v>
      </c>
      <c r="C102" s="14">
        <v>337</v>
      </c>
      <c r="D102" s="18">
        <v>583</v>
      </c>
    </row>
    <row r="103" spans="1:4" ht="18" customHeight="1" x14ac:dyDescent="0.15">
      <c r="A103" s="5">
        <v>80</v>
      </c>
      <c r="B103" s="22">
        <v>27</v>
      </c>
      <c r="C103" s="14">
        <v>26</v>
      </c>
      <c r="D103" s="18">
        <v>53</v>
      </c>
    </row>
    <row r="104" spans="1:4" ht="18" customHeight="1" x14ac:dyDescent="0.15">
      <c r="A104" s="5">
        <v>81</v>
      </c>
      <c r="B104" s="22">
        <v>33</v>
      </c>
      <c r="C104" s="14">
        <v>46</v>
      </c>
      <c r="D104" s="18">
        <v>79</v>
      </c>
    </row>
    <row r="105" spans="1:4" ht="18" customHeight="1" x14ac:dyDescent="0.15">
      <c r="A105" s="5">
        <v>82</v>
      </c>
      <c r="B105" s="22">
        <v>31</v>
      </c>
      <c r="C105" s="14">
        <v>41</v>
      </c>
      <c r="D105" s="18">
        <v>72</v>
      </c>
    </row>
    <row r="106" spans="1:4" ht="18" customHeight="1" x14ac:dyDescent="0.15">
      <c r="A106" s="5">
        <v>83</v>
      </c>
      <c r="B106" s="22">
        <v>35</v>
      </c>
      <c r="C106" s="14">
        <v>49</v>
      </c>
      <c r="D106" s="18">
        <v>84</v>
      </c>
    </row>
    <row r="107" spans="1:4" ht="18" customHeight="1" x14ac:dyDescent="0.15">
      <c r="A107" s="5">
        <v>84</v>
      </c>
      <c r="B107" s="22">
        <v>25</v>
      </c>
      <c r="C107" s="14">
        <v>31</v>
      </c>
      <c r="D107" s="18">
        <v>56</v>
      </c>
    </row>
    <row r="108" spans="1:4" ht="18" customHeight="1" x14ac:dyDescent="0.15">
      <c r="A108" s="5" t="s">
        <v>35</v>
      </c>
      <c r="B108" s="22">
        <v>151</v>
      </c>
      <c r="C108" s="14">
        <v>193</v>
      </c>
      <c r="D108" s="18">
        <v>344</v>
      </c>
    </row>
    <row r="109" spans="1:4" ht="18" customHeight="1" x14ac:dyDescent="0.15">
      <c r="A109" s="5">
        <v>85</v>
      </c>
      <c r="B109" s="22">
        <v>25</v>
      </c>
      <c r="C109" s="14">
        <v>33</v>
      </c>
      <c r="D109" s="18">
        <v>58</v>
      </c>
    </row>
    <row r="110" spans="1:4" ht="18" customHeight="1" x14ac:dyDescent="0.15">
      <c r="A110" s="5">
        <v>86</v>
      </c>
      <c r="B110" s="22">
        <v>16</v>
      </c>
      <c r="C110" s="14">
        <v>28</v>
      </c>
      <c r="D110" s="18">
        <v>44</v>
      </c>
    </row>
    <row r="111" spans="1:4" ht="18" customHeight="1" x14ac:dyDescent="0.15">
      <c r="A111" s="5">
        <v>87</v>
      </c>
      <c r="B111" s="22">
        <v>14</v>
      </c>
      <c r="C111" s="14">
        <v>29</v>
      </c>
      <c r="D111" s="18">
        <v>43</v>
      </c>
    </row>
    <row r="112" spans="1:4" ht="18" customHeight="1" x14ac:dyDescent="0.15">
      <c r="A112" s="5">
        <v>88</v>
      </c>
      <c r="B112" s="22">
        <v>21</v>
      </c>
      <c r="C112" s="14">
        <v>21</v>
      </c>
      <c r="D112" s="18">
        <v>42</v>
      </c>
    </row>
    <row r="113" spans="1:4" ht="18" customHeight="1" x14ac:dyDescent="0.15">
      <c r="A113" s="5">
        <v>89</v>
      </c>
      <c r="B113" s="22">
        <v>10</v>
      </c>
      <c r="C113" s="14">
        <v>20</v>
      </c>
      <c r="D113" s="18">
        <v>30</v>
      </c>
    </row>
    <row r="114" spans="1:4" ht="18" customHeight="1" x14ac:dyDescent="0.15">
      <c r="A114" s="5" t="s">
        <v>37</v>
      </c>
      <c r="B114" s="22">
        <v>86</v>
      </c>
      <c r="C114" s="14">
        <v>131</v>
      </c>
      <c r="D114" s="18">
        <v>217</v>
      </c>
    </row>
    <row r="115" spans="1:4" ht="18" customHeight="1" x14ac:dyDescent="0.15">
      <c r="A115" s="5">
        <v>90</v>
      </c>
      <c r="B115" s="22">
        <v>8</v>
      </c>
      <c r="C115" s="14">
        <v>31</v>
      </c>
      <c r="D115" s="18">
        <v>39</v>
      </c>
    </row>
    <row r="116" spans="1:4" ht="18" customHeight="1" x14ac:dyDescent="0.15">
      <c r="A116" s="5">
        <v>91</v>
      </c>
      <c r="B116" s="22">
        <v>10</v>
      </c>
      <c r="C116" s="14">
        <v>20</v>
      </c>
      <c r="D116" s="18">
        <v>30</v>
      </c>
    </row>
    <row r="117" spans="1:4" ht="18" customHeight="1" x14ac:dyDescent="0.15">
      <c r="A117" s="5">
        <v>92</v>
      </c>
      <c r="B117" s="22">
        <v>6</v>
      </c>
      <c r="C117" s="14">
        <v>29</v>
      </c>
      <c r="D117" s="18">
        <v>35</v>
      </c>
    </row>
    <row r="118" spans="1:4" ht="18" customHeight="1" x14ac:dyDescent="0.15">
      <c r="A118" s="5">
        <v>93</v>
      </c>
      <c r="B118" s="22">
        <v>4</v>
      </c>
      <c r="C118" s="14">
        <v>32</v>
      </c>
      <c r="D118" s="18">
        <v>36</v>
      </c>
    </row>
    <row r="119" spans="1:4" ht="18" customHeight="1" x14ac:dyDescent="0.15">
      <c r="A119" s="5">
        <v>94</v>
      </c>
      <c r="B119" s="22">
        <v>3</v>
      </c>
      <c r="C119" s="14">
        <v>16</v>
      </c>
      <c r="D119" s="18">
        <v>19</v>
      </c>
    </row>
    <row r="120" spans="1:4" ht="18" customHeight="1" x14ac:dyDescent="0.15">
      <c r="A120" s="5" t="s">
        <v>39</v>
      </c>
      <c r="B120" s="22">
        <v>31</v>
      </c>
      <c r="C120" s="14">
        <v>128</v>
      </c>
      <c r="D120" s="18">
        <v>159</v>
      </c>
    </row>
    <row r="121" spans="1:4" ht="18" customHeight="1" x14ac:dyDescent="0.15">
      <c r="A121" s="5">
        <v>95</v>
      </c>
      <c r="B121" s="22">
        <v>4</v>
      </c>
      <c r="C121" s="14">
        <v>14</v>
      </c>
      <c r="D121" s="18">
        <v>18</v>
      </c>
    </row>
    <row r="122" spans="1:4" ht="18" customHeight="1" x14ac:dyDescent="0.15">
      <c r="A122" s="5">
        <v>96</v>
      </c>
      <c r="B122" s="22">
        <v>3</v>
      </c>
      <c r="C122" s="14">
        <v>6</v>
      </c>
      <c r="D122" s="18">
        <v>9</v>
      </c>
    </row>
    <row r="123" spans="1:4" ht="18" customHeight="1" x14ac:dyDescent="0.15">
      <c r="A123" s="5">
        <v>97</v>
      </c>
      <c r="B123" s="22">
        <v>3</v>
      </c>
      <c r="C123" s="14">
        <v>6</v>
      </c>
      <c r="D123" s="18">
        <v>9</v>
      </c>
    </row>
    <row r="124" spans="1:4" ht="18" customHeight="1" x14ac:dyDescent="0.15">
      <c r="A124" s="5">
        <v>98</v>
      </c>
      <c r="B124" s="22">
        <v>1</v>
      </c>
      <c r="C124" s="14">
        <v>3</v>
      </c>
      <c r="D124" s="18">
        <v>4</v>
      </c>
    </row>
    <row r="125" spans="1:4" ht="18" customHeight="1" x14ac:dyDescent="0.15">
      <c r="A125" s="5">
        <v>99</v>
      </c>
      <c r="B125" s="22">
        <v>3</v>
      </c>
      <c r="C125" s="14">
        <v>5</v>
      </c>
      <c r="D125" s="18">
        <v>8</v>
      </c>
    </row>
    <row r="126" spans="1:4" ht="18" customHeight="1" x14ac:dyDescent="0.15">
      <c r="A126" s="5" t="s">
        <v>40</v>
      </c>
      <c r="B126" s="22">
        <v>14</v>
      </c>
      <c r="C126" s="14">
        <v>34</v>
      </c>
      <c r="D126" s="18">
        <v>48</v>
      </c>
    </row>
    <row r="127" spans="1:4" ht="18" customHeight="1" x14ac:dyDescent="0.15">
      <c r="A127" s="5">
        <v>100</v>
      </c>
      <c r="B127" s="22">
        <v>0</v>
      </c>
      <c r="C127" s="14">
        <v>3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9</v>
      </c>
      <c r="D128" s="18">
        <v>9</v>
      </c>
    </row>
    <row r="129" spans="1:4" ht="18" customHeight="1" x14ac:dyDescent="0.15">
      <c r="A129" s="5" t="s">
        <v>44</v>
      </c>
      <c r="B129" s="22">
        <v>0</v>
      </c>
      <c r="C129" s="14">
        <v>12</v>
      </c>
      <c r="D129" s="18">
        <v>12</v>
      </c>
    </row>
    <row r="130" spans="1:4" ht="18" customHeight="1" x14ac:dyDescent="0.15">
      <c r="A130" s="5" t="s">
        <v>46</v>
      </c>
      <c r="B130" s="22">
        <v>1038</v>
      </c>
      <c r="C130" s="14">
        <v>1394</v>
      </c>
      <c r="D130" s="18">
        <v>2432</v>
      </c>
    </row>
    <row r="131" spans="1:4" ht="18" customHeight="1" x14ac:dyDescent="0.15">
      <c r="A131" s="7" t="s">
        <v>45</v>
      </c>
      <c r="B131" s="23">
        <v>5864</v>
      </c>
      <c r="C131" s="15">
        <v>5978</v>
      </c>
      <c r="D131" s="19">
        <v>1184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8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2</v>
      </c>
      <c r="D5" s="31">
        <v>2</v>
      </c>
    </row>
    <row r="6" spans="1:4" ht="18" customHeight="1" x14ac:dyDescent="0.15">
      <c r="A6" s="5">
        <v>1</v>
      </c>
      <c r="B6" s="27">
        <v>6</v>
      </c>
      <c r="C6" s="14">
        <v>6</v>
      </c>
      <c r="D6" s="18">
        <v>12</v>
      </c>
    </row>
    <row r="7" spans="1:4" ht="18" customHeight="1" x14ac:dyDescent="0.15">
      <c r="A7" s="5">
        <v>2</v>
      </c>
      <c r="B7" s="27">
        <v>6</v>
      </c>
      <c r="C7" s="14">
        <v>4</v>
      </c>
      <c r="D7" s="18">
        <v>10</v>
      </c>
    </row>
    <row r="8" spans="1:4" ht="18" customHeight="1" x14ac:dyDescent="0.15">
      <c r="A8" s="5">
        <v>3</v>
      </c>
      <c r="B8" s="27">
        <v>8</v>
      </c>
      <c r="C8" s="14">
        <v>1</v>
      </c>
      <c r="D8" s="18">
        <v>9</v>
      </c>
    </row>
    <row r="9" spans="1:4" ht="18" customHeight="1" x14ac:dyDescent="0.15">
      <c r="A9" s="5">
        <v>4</v>
      </c>
      <c r="B9" s="28">
        <v>5</v>
      </c>
      <c r="C9" s="30">
        <v>6</v>
      </c>
      <c r="D9" s="32">
        <v>11</v>
      </c>
    </row>
    <row r="10" spans="1:4" ht="18" customHeight="1" x14ac:dyDescent="0.15">
      <c r="A10" s="5" t="s">
        <v>7</v>
      </c>
      <c r="B10" s="22">
        <v>25</v>
      </c>
      <c r="C10" s="14">
        <v>19</v>
      </c>
      <c r="D10" s="18">
        <v>44</v>
      </c>
    </row>
    <row r="11" spans="1:4" ht="18" customHeight="1" x14ac:dyDescent="0.15">
      <c r="A11" s="5">
        <v>5</v>
      </c>
      <c r="B11" s="27">
        <v>3</v>
      </c>
      <c r="C11" s="14">
        <v>7</v>
      </c>
      <c r="D11" s="18">
        <v>10</v>
      </c>
    </row>
    <row r="12" spans="1:4" ht="18" customHeight="1" x14ac:dyDescent="0.15">
      <c r="A12" s="5">
        <v>6</v>
      </c>
      <c r="B12" s="27">
        <v>7</v>
      </c>
      <c r="C12" s="14">
        <v>6</v>
      </c>
      <c r="D12" s="18">
        <v>13</v>
      </c>
    </row>
    <row r="13" spans="1:4" ht="18" customHeight="1" x14ac:dyDescent="0.15">
      <c r="A13" s="5">
        <v>7</v>
      </c>
      <c r="B13" s="27">
        <v>7</v>
      </c>
      <c r="C13" s="14">
        <v>7</v>
      </c>
      <c r="D13" s="18">
        <v>14</v>
      </c>
    </row>
    <row r="14" spans="1:4" ht="18" customHeight="1" x14ac:dyDescent="0.15">
      <c r="A14" s="5">
        <v>8</v>
      </c>
      <c r="B14" s="27">
        <v>8</v>
      </c>
      <c r="C14" s="14">
        <v>5</v>
      </c>
      <c r="D14" s="18">
        <v>13</v>
      </c>
    </row>
    <row r="15" spans="1:4" ht="18" customHeight="1" x14ac:dyDescent="0.15">
      <c r="A15" s="5">
        <v>9</v>
      </c>
      <c r="B15" s="27">
        <v>6</v>
      </c>
      <c r="C15" s="14">
        <v>8</v>
      </c>
      <c r="D15" s="18">
        <v>14</v>
      </c>
    </row>
    <row r="16" spans="1:4" ht="18" customHeight="1" x14ac:dyDescent="0.15">
      <c r="A16" s="5" t="s">
        <v>11</v>
      </c>
      <c r="B16" s="22">
        <v>31</v>
      </c>
      <c r="C16" s="14">
        <v>33</v>
      </c>
      <c r="D16" s="18">
        <v>64</v>
      </c>
    </row>
    <row r="17" spans="1:4" ht="18" customHeight="1" x14ac:dyDescent="0.15">
      <c r="A17" s="5">
        <v>10</v>
      </c>
      <c r="B17" s="22">
        <v>5</v>
      </c>
      <c r="C17" s="14">
        <v>4</v>
      </c>
      <c r="D17" s="18">
        <v>9</v>
      </c>
    </row>
    <row r="18" spans="1:4" ht="18" customHeight="1" x14ac:dyDescent="0.15">
      <c r="A18" s="5">
        <v>11</v>
      </c>
      <c r="B18" s="22">
        <v>3</v>
      </c>
      <c r="C18" s="14">
        <v>5</v>
      </c>
      <c r="D18" s="18">
        <v>8</v>
      </c>
    </row>
    <row r="19" spans="1:4" ht="18" customHeight="1" x14ac:dyDescent="0.15">
      <c r="A19" s="5">
        <v>12</v>
      </c>
      <c r="B19" s="22">
        <v>4</v>
      </c>
      <c r="C19" s="14">
        <v>7</v>
      </c>
      <c r="D19" s="18">
        <v>11</v>
      </c>
    </row>
    <row r="20" spans="1:4" ht="18" customHeight="1" x14ac:dyDescent="0.15">
      <c r="A20" s="5">
        <v>13</v>
      </c>
      <c r="B20" s="22">
        <v>9</v>
      </c>
      <c r="C20" s="14">
        <v>3</v>
      </c>
      <c r="D20" s="18">
        <v>12</v>
      </c>
    </row>
    <row r="21" spans="1:4" ht="18" customHeight="1" x14ac:dyDescent="0.15">
      <c r="A21" s="5">
        <v>14</v>
      </c>
      <c r="B21" s="22">
        <v>1</v>
      </c>
      <c r="C21" s="14">
        <v>7</v>
      </c>
      <c r="D21" s="18">
        <v>8</v>
      </c>
    </row>
    <row r="22" spans="1:4" ht="18" customHeight="1" x14ac:dyDescent="0.15">
      <c r="A22" s="5" t="s">
        <v>12</v>
      </c>
      <c r="B22" s="22">
        <v>22</v>
      </c>
      <c r="C22" s="14">
        <v>26</v>
      </c>
      <c r="D22" s="18">
        <v>48</v>
      </c>
    </row>
    <row r="23" spans="1:4" ht="18" customHeight="1" x14ac:dyDescent="0.15">
      <c r="A23" s="5" t="s">
        <v>6</v>
      </c>
      <c r="B23" s="22">
        <v>78</v>
      </c>
      <c r="C23" s="14">
        <v>78</v>
      </c>
      <c r="D23" s="18">
        <v>156</v>
      </c>
    </row>
    <row r="24" spans="1:4" ht="18" customHeight="1" x14ac:dyDescent="0.15">
      <c r="A24" s="5">
        <v>15</v>
      </c>
      <c r="B24" s="22">
        <v>5</v>
      </c>
      <c r="C24" s="14">
        <v>1</v>
      </c>
      <c r="D24" s="18">
        <v>6</v>
      </c>
    </row>
    <row r="25" spans="1:4" ht="18" customHeight="1" x14ac:dyDescent="0.15">
      <c r="A25" s="5">
        <v>16</v>
      </c>
      <c r="B25" s="22">
        <v>0</v>
      </c>
      <c r="C25" s="14">
        <v>5</v>
      </c>
      <c r="D25" s="18">
        <v>5</v>
      </c>
    </row>
    <row r="26" spans="1:4" ht="18" customHeight="1" x14ac:dyDescent="0.15">
      <c r="A26" s="5">
        <v>17</v>
      </c>
      <c r="B26" s="22">
        <v>5</v>
      </c>
      <c r="C26" s="14">
        <v>4</v>
      </c>
      <c r="D26" s="18">
        <v>9</v>
      </c>
    </row>
    <row r="27" spans="1:4" ht="18" customHeight="1" x14ac:dyDescent="0.15">
      <c r="A27" s="5">
        <v>18</v>
      </c>
      <c r="B27" s="22">
        <v>6</v>
      </c>
      <c r="C27" s="14">
        <v>3</v>
      </c>
      <c r="D27" s="18">
        <v>9</v>
      </c>
    </row>
    <row r="28" spans="1:4" ht="18" customHeight="1" x14ac:dyDescent="0.15">
      <c r="A28" s="5">
        <v>19</v>
      </c>
      <c r="B28" s="22">
        <v>2</v>
      </c>
      <c r="C28" s="14">
        <v>2</v>
      </c>
      <c r="D28" s="18">
        <v>4</v>
      </c>
    </row>
    <row r="29" spans="1:4" ht="18" customHeight="1" x14ac:dyDescent="0.15">
      <c r="A29" s="5" t="s">
        <v>14</v>
      </c>
      <c r="B29" s="22">
        <v>18</v>
      </c>
      <c r="C29" s="14">
        <v>15</v>
      </c>
      <c r="D29" s="18">
        <v>33</v>
      </c>
    </row>
    <row r="30" spans="1:4" ht="18" customHeight="1" x14ac:dyDescent="0.15">
      <c r="A30" s="5">
        <v>20</v>
      </c>
      <c r="B30" s="22">
        <v>3</v>
      </c>
      <c r="C30" s="14">
        <v>9</v>
      </c>
      <c r="D30" s="18">
        <v>12</v>
      </c>
    </row>
    <row r="31" spans="1:4" ht="18" customHeight="1" x14ac:dyDescent="0.15">
      <c r="A31" s="5">
        <v>21</v>
      </c>
      <c r="B31" s="22">
        <v>4</v>
      </c>
      <c r="C31" s="14">
        <v>6</v>
      </c>
      <c r="D31" s="18">
        <v>10</v>
      </c>
    </row>
    <row r="32" spans="1:4" ht="18" customHeight="1" x14ac:dyDescent="0.15">
      <c r="A32" s="5">
        <v>22</v>
      </c>
      <c r="B32" s="22">
        <v>1</v>
      </c>
      <c r="C32" s="14">
        <v>4</v>
      </c>
      <c r="D32" s="18">
        <v>5</v>
      </c>
    </row>
    <row r="33" spans="1:4" ht="18" customHeight="1" x14ac:dyDescent="0.15">
      <c r="A33" s="5">
        <v>23</v>
      </c>
      <c r="B33" s="22">
        <v>4</v>
      </c>
      <c r="C33" s="14">
        <v>7</v>
      </c>
      <c r="D33" s="18">
        <v>11</v>
      </c>
    </row>
    <row r="34" spans="1:4" ht="18" customHeight="1" x14ac:dyDescent="0.15">
      <c r="A34" s="5">
        <v>24</v>
      </c>
      <c r="B34" s="22">
        <v>2</v>
      </c>
      <c r="C34" s="14">
        <v>6</v>
      </c>
      <c r="D34" s="18">
        <v>8</v>
      </c>
    </row>
    <row r="35" spans="1:4" ht="18" customHeight="1" x14ac:dyDescent="0.15">
      <c r="A35" s="5" t="s">
        <v>9</v>
      </c>
      <c r="B35" s="22">
        <v>14</v>
      </c>
      <c r="C35" s="14">
        <v>32</v>
      </c>
      <c r="D35" s="18">
        <v>46</v>
      </c>
    </row>
    <row r="36" spans="1:4" ht="18" customHeight="1" x14ac:dyDescent="0.15">
      <c r="A36" s="5">
        <v>25</v>
      </c>
      <c r="B36" s="22">
        <v>5</v>
      </c>
      <c r="C36" s="14">
        <v>4</v>
      </c>
      <c r="D36" s="18">
        <v>9</v>
      </c>
    </row>
    <row r="37" spans="1:4" ht="18" customHeight="1" x14ac:dyDescent="0.15">
      <c r="A37" s="5">
        <v>26</v>
      </c>
      <c r="B37" s="22">
        <v>5</v>
      </c>
      <c r="C37" s="14">
        <v>5</v>
      </c>
      <c r="D37" s="18">
        <v>10</v>
      </c>
    </row>
    <row r="38" spans="1:4" ht="18" customHeight="1" x14ac:dyDescent="0.15">
      <c r="A38" s="5">
        <v>27</v>
      </c>
      <c r="B38" s="22">
        <v>6</v>
      </c>
      <c r="C38" s="14">
        <v>5</v>
      </c>
      <c r="D38" s="18">
        <v>11</v>
      </c>
    </row>
    <row r="39" spans="1:4" ht="18" customHeight="1" x14ac:dyDescent="0.15">
      <c r="A39" s="5">
        <v>28</v>
      </c>
      <c r="B39" s="22">
        <v>8</v>
      </c>
      <c r="C39" s="14">
        <v>1</v>
      </c>
      <c r="D39" s="18">
        <v>9</v>
      </c>
    </row>
    <row r="40" spans="1:4" ht="18" customHeight="1" x14ac:dyDescent="0.15">
      <c r="A40" s="5">
        <v>29</v>
      </c>
      <c r="B40" s="22">
        <v>7</v>
      </c>
      <c r="C40" s="14">
        <v>7</v>
      </c>
      <c r="D40" s="18">
        <v>14</v>
      </c>
    </row>
    <row r="41" spans="1:4" ht="18" customHeight="1" x14ac:dyDescent="0.15">
      <c r="A41" s="5" t="s">
        <v>2</v>
      </c>
      <c r="B41" s="22">
        <v>31</v>
      </c>
      <c r="C41" s="14">
        <v>22</v>
      </c>
      <c r="D41" s="18">
        <v>53</v>
      </c>
    </row>
    <row r="42" spans="1:4" ht="18" customHeight="1" x14ac:dyDescent="0.15">
      <c r="A42" s="5">
        <v>30</v>
      </c>
      <c r="B42" s="22">
        <v>8</v>
      </c>
      <c r="C42" s="14">
        <v>3</v>
      </c>
      <c r="D42" s="18">
        <v>11</v>
      </c>
    </row>
    <row r="43" spans="1:4" ht="18" customHeight="1" x14ac:dyDescent="0.15">
      <c r="A43" s="5">
        <v>31</v>
      </c>
      <c r="B43" s="22">
        <v>6</v>
      </c>
      <c r="C43" s="14">
        <v>7</v>
      </c>
      <c r="D43" s="18">
        <v>13</v>
      </c>
    </row>
    <row r="44" spans="1:4" ht="18" customHeight="1" x14ac:dyDescent="0.15">
      <c r="A44" s="5">
        <v>32</v>
      </c>
      <c r="B44" s="22">
        <v>10</v>
      </c>
      <c r="C44" s="14">
        <v>4</v>
      </c>
      <c r="D44" s="18">
        <v>14</v>
      </c>
    </row>
    <row r="45" spans="1:4" ht="18" customHeight="1" x14ac:dyDescent="0.15">
      <c r="A45" s="5">
        <v>33</v>
      </c>
      <c r="B45" s="22">
        <v>5</v>
      </c>
      <c r="C45" s="14">
        <v>2</v>
      </c>
      <c r="D45" s="18">
        <v>7</v>
      </c>
    </row>
    <row r="46" spans="1:4" ht="18" customHeight="1" x14ac:dyDescent="0.15">
      <c r="A46" s="5">
        <v>34</v>
      </c>
      <c r="B46" s="22">
        <v>13</v>
      </c>
      <c r="C46" s="14">
        <v>10</v>
      </c>
      <c r="D46" s="18">
        <v>23</v>
      </c>
    </row>
    <row r="47" spans="1:4" ht="18" customHeight="1" x14ac:dyDescent="0.15">
      <c r="A47" s="5" t="s">
        <v>15</v>
      </c>
      <c r="B47" s="22">
        <v>42</v>
      </c>
      <c r="C47" s="14">
        <v>26</v>
      </c>
      <c r="D47" s="18">
        <v>68</v>
      </c>
    </row>
    <row r="48" spans="1:4" ht="18" customHeight="1" x14ac:dyDescent="0.15">
      <c r="A48" s="5">
        <v>35</v>
      </c>
      <c r="B48" s="22">
        <v>9</v>
      </c>
      <c r="C48" s="14">
        <v>6</v>
      </c>
      <c r="D48" s="18">
        <v>15</v>
      </c>
    </row>
    <row r="49" spans="1:4" ht="18" customHeight="1" x14ac:dyDescent="0.15">
      <c r="A49" s="5">
        <v>36</v>
      </c>
      <c r="B49" s="22">
        <v>11</v>
      </c>
      <c r="C49" s="14">
        <v>5</v>
      </c>
      <c r="D49" s="18">
        <v>16</v>
      </c>
    </row>
    <row r="50" spans="1:4" ht="18" customHeight="1" x14ac:dyDescent="0.15">
      <c r="A50" s="5">
        <v>37</v>
      </c>
      <c r="B50" s="22">
        <v>4</v>
      </c>
      <c r="C50" s="14">
        <v>12</v>
      </c>
      <c r="D50" s="18">
        <v>16</v>
      </c>
    </row>
    <row r="51" spans="1:4" ht="18" customHeight="1" x14ac:dyDescent="0.15">
      <c r="A51" s="5">
        <v>38</v>
      </c>
      <c r="B51" s="22">
        <v>7</v>
      </c>
      <c r="C51" s="14">
        <v>7</v>
      </c>
      <c r="D51" s="18">
        <v>14</v>
      </c>
    </row>
    <row r="52" spans="1:4" ht="18" customHeight="1" x14ac:dyDescent="0.15">
      <c r="A52" s="5">
        <v>39</v>
      </c>
      <c r="B52" s="22">
        <v>8</v>
      </c>
      <c r="C52" s="14">
        <v>10</v>
      </c>
      <c r="D52" s="18">
        <v>18</v>
      </c>
    </row>
    <row r="53" spans="1:4" ht="18" customHeight="1" x14ac:dyDescent="0.15">
      <c r="A53" s="5" t="s">
        <v>18</v>
      </c>
      <c r="B53" s="22">
        <v>39</v>
      </c>
      <c r="C53" s="14">
        <v>40</v>
      </c>
      <c r="D53" s="18">
        <v>79</v>
      </c>
    </row>
    <row r="54" spans="1:4" ht="18" customHeight="1" x14ac:dyDescent="0.15">
      <c r="A54" s="5">
        <v>40</v>
      </c>
      <c r="B54" s="22">
        <v>7</v>
      </c>
      <c r="C54" s="14">
        <v>10</v>
      </c>
      <c r="D54" s="18">
        <v>17</v>
      </c>
    </row>
    <row r="55" spans="1:4" ht="18" customHeight="1" x14ac:dyDescent="0.15">
      <c r="A55" s="5">
        <v>41</v>
      </c>
      <c r="B55" s="22">
        <v>13</v>
      </c>
      <c r="C55" s="14">
        <v>7</v>
      </c>
      <c r="D55" s="18">
        <v>20</v>
      </c>
    </row>
    <row r="56" spans="1:4" ht="18" customHeight="1" x14ac:dyDescent="0.15">
      <c r="A56" s="5">
        <v>42</v>
      </c>
      <c r="B56" s="22">
        <v>9</v>
      </c>
      <c r="C56" s="14">
        <v>7</v>
      </c>
      <c r="D56" s="18">
        <v>16</v>
      </c>
    </row>
    <row r="57" spans="1:4" ht="18" customHeight="1" x14ac:dyDescent="0.15">
      <c r="A57" s="5">
        <v>43</v>
      </c>
      <c r="B57" s="22">
        <v>3</v>
      </c>
      <c r="C57" s="14">
        <v>13</v>
      </c>
      <c r="D57" s="18">
        <v>16</v>
      </c>
    </row>
    <row r="58" spans="1:4" ht="18" customHeight="1" x14ac:dyDescent="0.15">
      <c r="A58" s="5">
        <v>44</v>
      </c>
      <c r="B58" s="22">
        <v>3</v>
      </c>
      <c r="C58" s="14">
        <v>7</v>
      </c>
      <c r="D58" s="18">
        <v>10</v>
      </c>
    </row>
    <row r="59" spans="1:4" ht="18" customHeight="1" x14ac:dyDescent="0.15">
      <c r="A59" s="5" t="s">
        <v>21</v>
      </c>
      <c r="B59" s="22">
        <v>35</v>
      </c>
      <c r="C59" s="14">
        <v>44</v>
      </c>
      <c r="D59" s="18">
        <v>79</v>
      </c>
    </row>
    <row r="60" spans="1:4" ht="18" customHeight="1" x14ac:dyDescent="0.15">
      <c r="A60" s="5">
        <v>45</v>
      </c>
      <c r="B60" s="22">
        <v>10</v>
      </c>
      <c r="C60" s="14">
        <v>3</v>
      </c>
      <c r="D60" s="18">
        <v>13</v>
      </c>
    </row>
    <row r="61" spans="1:4" ht="18" customHeight="1" x14ac:dyDescent="0.15">
      <c r="A61" s="5">
        <v>46</v>
      </c>
      <c r="B61" s="22">
        <v>11</v>
      </c>
      <c r="C61" s="14">
        <v>6</v>
      </c>
      <c r="D61" s="18">
        <v>17</v>
      </c>
    </row>
    <row r="62" spans="1:4" ht="18" customHeight="1" x14ac:dyDescent="0.15">
      <c r="A62" s="5">
        <v>47</v>
      </c>
      <c r="B62" s="22">
        <v>12</v>
      </c>
      <c r="C62" s="14">
        <v>8</v>
      </c>
      <c r="D62" s="18">
        <v>20</v>
      </c>
    </row>
    <row r="63" spans="1:4" ht="18" customHeight="1" x14ac:dyDescent="0.15">
      <c r="A63" s="5">
        <v>48</v>
      </c>
      <c r="B63" s="22">
        <v>10</v>
      </c>
      <c r="C63" s="14">
        <v>8</v>
      </c>
      <c r="D63" s="18">
        <v>18</v>
      </c>
    </row>
    <row r="64" spans="1:4" ht="18" customHeight="1" x14ac:dyDescent="0.15">
      <c r="A64" s="5">
        <v>49</v>
      </c>
      <c r="B64" s="22">
        <v>3</v>
      </c>
      <c r="C64" s="14">
        <v>5</v>
      </c>
      <c r="D64" s="18">
        <v>8</v>
      </c>
    </row>
    <row r="65" spans="1:4" ht="18" customHeight="1" x14ac:dyDescent="0.15">
      <c r="A65" s="5" t="s">
        <v>17</v>
      </c>
      <c r="B65" s="22">
        <v>46</v>
      </c>
      <c r="C65" s="14">
        <v>30</v>
      </c>
      <c r="D65" s="18">
        <v>76</v>
      </c>
    </row>
    <row r="66" spans="1:4" ht="18" customHeight="1" x14ac:dyDescent="0.15">
      <c r="A66" s="5">
        <v>50</v>
      </c>
      <c r="B66" s="22">
        <v>6</v>
      </c>
      <c r="C66" s="14">
        <v>5</v>
      </c>
      <c r="D66" s="18">
        <v>11</v>
      </c>
    </row>
    <row r="67" spans="1:4" ht="18" customHeight="1" x14ac:dyDescent="0.15">
      <c r="A67" s="5">
        <v>51</v>
      </c>
      <c r="B67" s="22">
        <v>9</v>
      </c>
      <c r="C67" s="14">
        <v>10</v>
      </c>
      <c r="D67" s="18">
        <v>19</v>
      </c>
    </row>
    <row r="68" spans="1:4" ht="18" customHeight="1" x14ac:dyDescent="0.15">
      <c r="A68" s="5">
        <v>52</v>
      </c>
      <c r="B68" s="22">
        <v>12</v>
      </c>
      <c r="C68" s="14">
        <v>12</v>
      </c>
      <c r="D68" s="18">
        <v>24</v>
      </c>
    </row>
    <row r="69" spans="1:4" ht="18" customHeight="1" x14ac:dyDescent="0.15">
      <c r="A69" s="5">
        <v>53</v>
      </c>
      <c r="B69" s="22">
        <v>8</v>
      </c>
      <c r="C69" s="14">
        <v>6</v>
      </c>
      <c r="D69" s="18">
        <v>14</v>
      </c>
    </row>
    <row r="70" spans="1:4" ht="18" customHeight="1" x14ac:dyDescent="0.15">
      <c r="A70" s="5">
        <v>54</v>
      </c>
      <c r="B70" s="22">
        <v>8</v>
      </c>
      <c r="C70" s="14">
        <v>10</v>
      </c>
      <c r="D70" s="18">
        <v>18</v>
      </c>
    </row>
    <row r="71" spans="1:4" ht="18" customHeight="1" x14ac:dyDescent="0.15">
      <c r="A71" s="5" t="s">
        <v>22</v>
      </c>
      <c r="B71" s="22">
        <v>43</v>
      </c>
      <c r="C71" s="14">
        <v>43</v>
      </c>
      <c r="D71" s="18">
        <v>86</v>
      </c>
    </row>
    <row r="72" spans="1:4" ht="18" customHeight="1" x14ac:dyDescent="0.15">
      <c r="A72" s="5">
        <v>55</v>
      </c>
      <c r="B72" s="22">
        <v>6</v>
      </c>
      <c r="C72" s="14">
        <v>11</v>
      </c>
      <c r="D72" s="18">
        <v>17</v>
      </c>
    </row>
    <row r="73" spans="1:4" ht="18" customHeight="1" x14ac:dyDescent="0.15">
      <c r="A73" s="5">
        <v>56</v>
      </c>
      <c r="B73" s="22">
        <v>9</v>
      </c>
      <c r="C73" s="14">
        <v>5</v>
      </c>
      <c r="D73" s="18">
        <v>14</v>
      </c>
    </row>
    <row r="74" spans="1:4" ht="18" customHeight="1" x14ac:dyDescent="0.15">
      <c r="A74" s="5">
        <v>57</v>
      </c>
      <c r="B74" s="22">
        <v>9</v>
      </c>
      <c r="C74" s="14">
        <v>12</v>
      </c>
      <c r="D74" s="18">
        <v>21</v>
      </c>
    </row>
    <row r="75" spans="1:4" ht="18" customHeight="1" x14ac:dyDescent="0.15">
      <c r="A75" s="5">
        <v>58</v>
      </c>
      <c r="B75" s="22">
        <v>10</v>
      </c>
      <c r="C75" s="14">
        <v>7</v>
      </c>
      <c r="D75" s="18">
        <v>17</v>
      </c>
    </row>
    <row r="76" spans="1:4" ht="18" customHeight="1" x14ac:dyDescent="0.15">
      <c r="A76" s="5">
        <v>59</v>
      </c>
      <c r="B76" s="22">
        <v>9</v>
      </c>
      <c r="C76" s="14">
        <v>8</v>
      </c>
      <c r="D76" s="18">
        <v>17</v>
      </c>
    </row>
    <row r="77" spans="1:4" ht="18" customHeight="1" x14ac:dyDescent="0.15">
      <c r="A77" s="5" t="s">
        <v>27</v>
      </c>
      <c r="B77" s="22">
        <v>43</v>
      </c>
      <c r="C77" s="14">
        <v>43</v>
      </c>
      <c r="D77" s="18">
        <v>86</v>
      </c>
    </row>
    <row r="78" spans="1:4" ht="18" customHeight="1" x14ac:dyDescent="0.15">
      <c r="A78" s="5">
        <v>60</v>
      </c>
      <c r="B78" s="22">
        <v>9</v>
      </c>
      <c r="C78" s="14">
        <v>12</v>
      </c>
      <c r="D78" s="18">
        <v>21</v>
      </c>
    </row>
    <row r="79" spans="1:4" ht="18" customHeight="1" x14ac:dyDescent="0.15">
      <c r="A79" s="5">
        <v>61</v>
      </c>
      <c r="B79" s="22">
        <v>10</v>
      </c>
      <c r="C79" s="14">
        <v>8</v>
      </c>
      <c r="D79" s="18">
        <v>18</v>
      </c>
    </row>
    <row r="80" spans="1:4" ht="18" customHeight="1" x14ac:dyDescent="0.15">
      <c r="A80" s="5">
        <v>62</v>
      </c>
      <c r="B80" s="22">
        <v>11</v>
      </c>
      <c r="C80" s="14">
        <v>13</v>
      </c>
      <c r="D80" s="18">
        <v>24</v>
      </c>
    </row>
    <row r="81" spans="1:4" ht="18" customHeight="1" x14ac:dyDescent="0.15">
      <c r="A81" s="5">
        <v>63</v>
      </c>
      <c r="B81" s="22">
        <v>8</v>
      </c>
      <c r="C81" s="14">
        <v>10</v>
      </c>
      <c r="D81" s="18">
        <v>18</v>
      </c>
    </row>
    <row r="82" spans="1:4" ht="18" customHeight="1" x14ac:dyDescent="0.15">
      <c r="A82" s="5">
        <v>64</v>
      </c>
      <c r="B82" s="22">
        <v>3</v>
      </c>
      <c r="C82" s="14">
        <v>14</v>
      </c>
      <c r="D82" s="18">
        <v>17</v>
      </c>
    </row>
    <row r="83" spans="1:4" ht="18" customHeight="1" x14ac:dyDescent="0.15">
      <c r="A83" s="5" t="s">
        <v>28</v>
      </c>
      <c r="B83" s="22">
        <v>41</v>
      </c>
      <c r="C83" s="14">
        <v>57</v>
      </c>
      <c r="D83" s="18">
        <v>98</v>
      </c>
    </row>
    <row r="84" spans="1:4" ht="18" customHeight="1" x14ac:dyDescent="0.15">
      <c r="A84" s="5" t="s">
        <v>31</v>
      </c>
      <c r="B84" s="22">
        <v>352</v>
      </c>
      <c r="C84" s="14">
        <v>352</v>
      </c>
      <c r="D84" s="18">
        <v>704</v>
      </c>
    </row>
    <row r="85" spans="1:4" ht="18" customHeight="1" x14ac:dyDescent="0.15">
      <c r="A85" s="5">
        <v>65</v>
      </c>
      <c r="B85" s="22">
        <v>10</v>
      </c>
      <c r="C85" s="14">
        <v>15</v>
      </c>
      <c r="D85" s="18">
        <v>25</v>
      </c>
    </row>
    <row r="86" spans="1:4" ht="18" customHeight="1" x14ac:dyDescent="0.15">
      <c r="A86" s="5">
        <v>66</v>
      </c>
      <c r="B86" s="22">
        <v>13</v>
      </c>
      <c r="C86" s="14">
        <v>7</v>
      </c>
      <c r="D86" s="18">
        <v>20</v>
      </c>
    </row>
    <row r="87" spans="1:4" ht="18" customHeight="1" x14ac:dyDescent="0.15">
      <c r="A87" s="5">
        <v>67</v>
      </c>
      <c r="B87" s="22">
        <v>12</v>
      </c>
      <c r="C87" s="14">
        <v>13</v>
      </c>
      <c r="D87" s="18">
        <v>25</v>
      </c>
    </row>
    <row r="88" spans="1:4" ht="18" customHeight="1" x14ac:dyDescent="0.15">
      <c r="A88" s="5">
        <v>68</v>
      </c>
      <c r="B88" s="22">
        <v>10</v>
      </c>
      <c r="C88" s="14">
        <v>7</v>
      </c>
      <c r="D88" s="18">
        <v>17</v>
      </c>
    </row>
    <row r="89" spans="1:4" ht="18" customHeight="1" x14ac:dyDescent="0.15">
      <c r="A89" s="5">
        <v>69</v>
      </c>
      <c r="B89" s="22">
        <v>10</v>
      </c>
      <c r="C89" s="14">
        <v>7</v>
      </c>
      <c r="D89" s="18">
        <v>17</v>
      </c>
    </row>
    <row r="90" spans="1:4" ht="18" customHeight="1" x14ac:dyDescent="0.15">
      <c r="A90" s="5" t="s">
        <v>20</v>
      </c>
      <c r="B90" s="22">
        <v>55</v>
      </c>
      <c r="C90" s="14">
        <v>49</v>
      </c>
      <c r="D90" s="18">
        <v>104</v>
      </c>
    </row>
    <row r="91" spans="1:4" ht="18" customHeight="1" x14ac:dyDescent="0.15">
      <c r="A91" s="5">
        <v>70</v>
      </c>
      <c r="B91" s="22">
        <v>8</v>
      </c>
      <c r="C91" s="14">
        <v>12</v>
      </c>
      <c r="D91" s="18">
        <v>20</v>
      </c>
    </row>
    <row r="92" spans="1:4" ht="18" customHeight="1" x14ac:dyDescent="0.15">
      <c r="A92" s="5">
        <v>71</v>
      </c>
      <c r="B92" s="22">
        <v>10</v>
      </c>
      <c r="C92" s="14">
        <v>13</v>
      </c>
      <c r="D92" s="18">
        <v>23</v>
      </c>
    </row>
    <row r="93" spans="1:4" ht="18" customHeight="1" x14ac:dyDescent="0.15">
      <c r="A93" s="5">
        <v>72</v>
      </c>
      <c r="B93" s="22">
        <v>15</v>
      </c>
      <c r="C93" s="14">
        <v>6</v>
      </c>
      <c r="D93" s="18">
        <v>21</v>
      </c>
    </row>
    <row r="94" spans="1:4" ht="18" customHeight="1" x14ac:dyDescent="0.15">
      <c r="A94" s="5">
        <v>73</v>
      </c>
      <c r="B94" s="22">
        <v>7</v>
      </c>
      <c r="C94" s="14">
        <v>13</v>
      </c>
      <c r="D94" s="18">
        <v>20</v>
      </c>
    </row>
    <row r="95" spans="1:4" ht="18" customHeight="1" x14ac:dyDescent="0.15">
      <c r="A95" s="5">
        <v>74</v>
      </c>
      <c r="B95" s="22">
        <v>14</v>
      </c>
      <c r="C95" s="14">
        <v>12</v>
      </c>
      <c r="D95" s="18">
        <v>26</v>
      </c>
    </row>
    <row r="96" spans="1:4" ht="18" customHeight="1" x14ac:dyDescent="0.15">
      <c r="A96" s="5" t="s">
        <v>33</v>
      </c>
      <c r="B96" s="22">
        <v>54</v>
      </c>
      <c r="C96" s="14">
        <v>56</v>
      </c>
      <c r="D96" s="18">
        <v>110</v>
      </c>
    </row>
    <row r="97" spans="1:4" ht="18" customHeight="1" x14ac:dyDescent="0.15">
      <c r="A97" s="5">
        <v>75</v>
      </c>
      <c r="B97" s="22">
        <v>7</v>
      </c>
      <c r="C97" s="14">
        <v>12</v>
      </c>
      <c r="D97" s="18">
        <v>19</v>
      </c>
    </row>
    <row r="98" spans="1:4" ht="18" customHeight="1" x14ac:dyDescent="0.15">
      <c r="A98" s="5">
        <v>76</v>
      </c>
      <c r="B98" s="22">
        <v>8</v>
      </c>
      <c r="C98" s="14">
        <v>10</v>
      </c>
      <c r="D98" s="18">
        <v>18</v>
      </c>
    </row>
    <row r="99" spans="1:4" ht="18" customHeight="1" x14ac:dyDescent="0.15">
      <c r="A99" s="5">
        <v>77</v>
      </c>
      <c r="B99" s="22">
        <v>14</v>
      </c>
      <c r="C99" s="14">
        <v>9</v>
      </c>
      <c r="D99" s="18">
        <v>23</v>
      </c>
    </row>
    <row r="100" spans="1:4" ht="18" customHeight="1" x14ac:dyDescent="0.15">
      <c r="A100" s="5">
        <v>78</v>
      </c>
      <c r="B100" s="22">
        <v>9</v>
      </c>
      <c r="C100" s="14">
        <v>16</v>
      </c>
      <c r="D100" s="18">
        <v>25</v>
      </c>
    </row>
    <row r="101" spans="1:4" ht="18" customHeight="1" x14ac:dyDescent="0.15">
      <c r="A101" s="5">
        <v>79</v>
      </c>
      <c r="B101" s="22">
        <v>6</v>
      </c>
      <c r="C101" s="14">
        <v>6</v>
      </c>
      <c r="D101" s="18">
        <v>12</v>
      </c>
    </row>
    <row r="102" spans="1:4" ht="18" customHeight="1" x14ac:dyDescent="0.15">
      <c r="A102" s="5" t="s">
        <v>0</v>
      </c>
      <c r="B102" s="22">
        <v>44</v>
      </c>
      <c r="C102" s="14">
        <v>53</v>
      </c>
      <c r="D102" s="18">
        <v>97</v>
      </c>
    </row>
    <row r="103" spans="1:4" ht="18" customHeight="1" x14ac:dyDescent="0.15">
      <c r="A103" s="5">
        <v>80</v>
      </c>
      <c r="B103" s="22">
        <v>4</v>
      </c>
      <c r="C103" s="14">
        <v>6</v>
      </c>
      <c r="D103" s="18">
        <v>10</v>
      </c>
    </row>
    <row r="104" spans="1:4" ht="18" customHeight="1" x14ac:dyDescent="0.15">
      <c r="A104" s="5">
        <v>81</v>
      </c>
      <c r="B104" s="22">
        <v>8</v>
      </c>
      <c r="C104" s="14">
        <v>8</v>
      </c>
      <c r="D104" s="18">
        <v>16</v>
      </c>
    </row>
    <row r="105" spans="1:4" ht="18" customHeight="1" x14ac:dyDescent="0.15">
      <c r="A105" s="5">
        <v>82</v>
      </c>
      <c r="B105" s="22">
        <v>4</v>
      </c>
      <c r="C105" s="14">
        <v>13</v>
      </c>
      <c r="D105" s="18">
        <v>17</v>
      </c>
    </row>
    <row r="106" spans="1:4" ht="18" customHeight="1" x14ac:dyDescent="0.15">
      <c r="A106" s="5">
        <v>83</v>
      </c>
      <c r="B106" s="22">
        <v>9</v>
      </c>
      <c r="C106" s="14">
        <v>13</v>
      </c>
      <c r="D106" s="18">
        <v>22</v>
      </c>
    </row>
    <row r="107" spans="1:4" ht="18" customHeight="1" x14ac:dyDescent="0.15">
      <c r="A107" s="5">
        <v>84</v>
      </c>
      <c r="B107" s="22">
        <v>3</v>
      </c>
      <c r="C107" s="14">
        <v>5</v>
      </c>
      <c r="D107" s="18">
        <v>8</v>
      </c>
    </row>
    <row r="108" spans="1:4" ht="18" customHeight="1" x14ac:dyDescent="0.15">
      <c r="A108" s="5" t="s">
        <v>35</v>
      </c>
      <c r="B108" s="22">
        <v>28</v>
      </c>
      <c r="C108" s="14">
        <v>45</v>
      </c>
      <c r="D108" s="18">
        <v>73</v>
      </c>
    </row>
    <row r="109" spans="1:4" ht="18" customHeight="1" x14ac:dyDescent="0.15">
      <c r="A109" s="5">
        <v>85</v>
      </c>
      <c r="B109" s="22">
        <v>6</v>
      </c>
      <c r="C109" s="14">
        <v>11</v>
      </c>
      <c r="D109" s="18">
        <v>17</v>
      </c>
    </row>
    <row r="110" spans="1:4" ht="18" customHeight="1" x14ac:dyDescent="0.15">
      <c r="A110" s="5">
        <v>86</v>
      </c>
      <c r="B110" s="22">
        <v>4</v>
      </c>
      <c r="C110" s="14">
        <v>9</v>
      </c>
      <c r="D110" s="18">
        <v>13</v>
      </c>
    </row>
    <row r="111" spans="1:4" ht="18" customHeight="1" x14ac:dyDescent="0.15">
      <c r="A111" s="5">
        <v>87</v>
      </c>
      <c r="B111" s="22">
        <v>1</v>
      </c>
      <c r="C111" s="14">
        <v>2</v>
      </c>
      <c r="D111" s="18">
        <v>3</v>
      </c>
    </row>
    <row r="112" spans="1:4" ht="18" customHeight="1" x14ac:dyDescent="0.15">
      <c r="A112" s="5">
        <v>88</v>
      </c>
      <c r="B112" s="22">
        <v>4</v>
      </c>
      <c r="C112" s="14">
        <v>8</v>
      </c>
      <c r="D112" s="18">
        <v>12</v>
      </c>
    </row>
    <row r="113" spans="1:4" ht="18" customHeight="1" x14ac:dyDescent="0.15">
      <c r="A113" s="5">
        <v>89</v>
      </c>
      <c r="B113" s="22">
        <v>4</v>
      </c>
      <c r="C113" s="14">
        <v>6</v>
      </c>
      <c r="D113" s="18">
        <v>10</v>
      </c>
    </row>
    <row r="114" spans="1:4" ht="18" customHeight="1" x14ac:dyDescent="0.15">
      <c r="A114" s="5" t="s">
        <v>37</v>
      </c>
      <c r="B114" s="22">
        <v>19</v>
      </c>
      <c r="C114" s="14">
        <v>36</v>
      </c>
      <c r="D114" s="18">
        <v>55</v>
      </c>
    </row>
    <row r="115" spans="1:4" ht="18" customHeight="1" x14ac:dyDescent="0.15">
      <c r="A115" s="5">
        <v>90</v>
      </c>
      <c r="B115" s="22">
        <v>8</v>
      </c>
      <c r="C115" s="14">
        <v>4</v>
      </c>
      <c r="D115" s="18">
        <v>12</v>
      </c>
    </row>
    <row r="116" spans="1:4" ht="18" customHeight="1" x14ac:dyDescent="0.15">
      <c r="A116" s="5">
        <v>91</v>
      </c>
      <c r="B116" s="22">
        <v>1</v>
      </c>
      <c r="C116" s="14">
        <v>8</v>
      </c>
      <c r="D116" s="18">
        <v>9</v>
      </c>
    </row>
    <row r="117" spans="1:4" ht="18" customHeight="1" x14ac:dyDescent="0.15">
      <c r="A117" s="5">
        <v>92</v>
      </c>
      <c r="B117" s="22">
        <v>3</v>
      </c>
      <c r="C117" s="14">
        <v>9</v>
      </c>
      <c r="D117" s="18">
        <v>12</v>
      </c>
    </row>
    <row r="118" spans="1:4" ht="18" customHeight="1" x14ac:dyDescent="0.15">
      <c r="A118" s="5">
        <v>93</v>
      </c>
      <c r="B118" s="22">
        <v>2</v>
      </c>
      <c r="C118" s="14">
        <v>2</v>
      </c>
      <c r="D118" s="18">
        <v>4</v>
      </c>
    </row>
    <row r="119" spans="1:4" ht="18" customHeight="1" x14ac:dyDescent="0.15">
      <c r="A119" s="5">
        <v>94</v>
      </c>
      <c r="B119" s="22">
        <v>3</v>
      </c>
      <c r="C119" s="14">
        <v>7</v>
      </c>
      <c r="D119" s="18">
        <v>10</v>
      </c>
    </row>
    <row r="120" spans="1:4" ht="18" customHeight="1" x14ac:dyDescent="0.15">
      <c r="A120" s="5" t="s">
        <v>39</v>
      </c>
      <c r="B120" s="22">
        <v>17</v>
      </c>
      <c r="C120" s="14">
        <v>30</v>
      </c>
      <c r="D120" s="18">
        <v>47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0</v>
      </c>
      <c r="C123" s="14">
        <v>3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1</v>
      </c>
      <c r="C126" s="14">
        <v>11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18</v>
      </c>
      <c r="C130" s="14">
        <v>282</v>
      </c>
      <c r="D130" s="18">
        <v>500</v>
      </c>
    </row>
    <row r="131" spans="1:4" ht="18" customHeight="1" x14ac:dyDescent="0.15">
      <c r="A131" s="7" t="s">
        <v>45</v>
      </c>
      <c r="B131" s="23">
        <v>648</v>
      </c>
      <c r="C131" s="15">
        <v>712</v>
      </c>
      <c r="D131" s="19">
        <v>136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5</v>
      </c>
      <c r="C5" s="29">
        <v>6</v>
      </c>
      <c r="D5" s="31">
        <v>11</v>
      </c>
    </row>
    <row r="6" spans="1:4" ht="18" customHeight="1" x14ac:dyDescent="0.15">
      <c r="A6" s="5">
        <v>1</v>
      </c>
      <c r="B6" s="27">
        <v>4</v>
      </c>
      <c r="C6" s="14">
        <v>6</v>
      </c>
      <c r="D6" s="18">
        <v>10</v>
      </c>
    </row>
    <row r="7" spans="1:4" ht="18" customHeight="1" x14ac:dyDescent="0.15">
      <c r="A7" s="5">
        <v>2</v>
      </c>
      <c r="B7" s="27">
        <v>8</v>
      </c>
      <c r="C7" s="14">
        <v>8</v>
      </c>
      <c r="D7" s="18">
        <v>16</v>
      </c>
    </row>
    <row r="8" spans="1:4" ht="18" customHeight="1" x14ac:dyDescent="0.15">
      <c r="A8" s="5">
        <v>3</v>
      </c>
      <c r="B8" s="27">
        <v>10</v>
      </c>
      <c r="C8" s="14">
        <v>4</v>
      </c>
      <c r="D8" s="18">
        <v>14</v>
      </c>
    </row>
    <row r="9" spans="1:4" ht="18" customHeight="1" x14ac:dyDescent="0.15">
      <c r="A9" s="5">
        <v>4</v>
      </c>
      <c r="B9" s="28">
        <v>4</v>
      </c>
      <c r="C9" s="30">
        <v>14</v>
      </c>
      <c r="D9" s="32">
        <v>18</v>
      </c>
    </row>
    <row r="10" spans="1:4" ht="18" customHeight="1" x14ac:dyDescent="0.15">
      <c r="A10" s="5" t="s">
        <v>7</v>
      </c>
      <c r="B10" s="22">
        <v>31</v>
      </c>
      <c r="C10" s="14">
        <v>38</v>
      </c>
      <c r="D10" s="18">
        <v>69</v>
      </c>
    </row>
    <row r="11" spans="1:4" ht="18" customHeight="1" x14ac:dyDescent="0.15">
      <c r="A11" s="5">
        <v>5</v>
      </c>
      <c r="B11" s="27">
        <v>10</v>
      </c>
      <c r="C11" s="14">
        <v>11</v>
      </c>
      <c r="D11" s="18">
        <v>21</v>
      </c>
    </row>
    <row r="12" spans="1:4" ht="18" customHeight="1" x14ac:dyDescent="0.15">
      <c r="A12" s="5">
        <v>6</v>
      </c>
      <c r="B12" s="27">
        <v>11</v>
      </c>
      <c r="C12" s="14">
        <v>11</v>
      </c>
      <c r="D12" s="18">
        <v>22</v>
      </c>
    </row>
    <row r="13" spans="1:4" ht="18" customHeight="1" x14ac:dyDescent="0.15">
      <c r="A13" s="5">
        <v>7</v>
      </c>
      <c r="B13" s="27">
        <v>11</v>
      </c>
      <c r="C13" s="14">
        <v>13</v>
      </c>
      <c r="D13" s="18">
        <v>24</v>
      </c>
    </row>
    <row r="14" spans="1:4" ht="18" customHeight="1" x14ac:dyDescent="0.15">
      <c r="A14" s="5">
        <v>8</v>
      </c>
      <c r="B14" s="27">
        <v>13</v>
      </c>
      <c r="C14" s="14">
        <v>13</v>
      </c>
      <c r="D14" s="18">
        <v>26</v>
      </c>
    </row>
    <row r="15" spans="1:4" ht="18" customHeight="1" x14ac:dyDescent="0.15">
      <c r="A15" s="5">
        <v>9</v>
      </c>
      <c r="B15" s="27">
        <v>14</v>
      </c>
      <c r="C15" s="14">
        <v>14</v>
      </c>
      <c r="D15" s="18">
        <v>28</v>
      </c>
    </row>
    <row r="16" spans="1:4" ht="18" customHeight="1" x14ac:dyDescent="0.15">
      <c r="A16" s="5" t="s">
        <v>11</v>
      </c>
      <c r="B16" s="22">
        <v>59</v>
      </c>
      <c r="C16" s="14">
        <v>62</v>
      </c>
      <c r="D16" s="18">
        <v>121</v>
      </c>
    </row>
    <row r="17" spans="1:4" ht="18" customHeight="1" x14ac:dyDescent="0.15">
      <c r="A17" s="5">
        <v>10</v>
      </c>
      <c r="B17" s="22">
        <v>17</v>
      </c>
      <c r="C17" s="14">
        <v>11</v>
      </c>
      <c r="D17" s="18">
        <v>28</v>
      </c>
    </row>
    <row r="18" spans="1:4" ht="18" customHeight="1" x14ac:dyDescent="0.15">
      <c r="A18" s="5">
        <v>11</v>
      </c>
      <c r="B18" s="22">
        <v>11</v>
      </c>
      <c r="C18" s="14">
        <v>8</v>
      </c>
      <c r="D18" s="18">
        <v>19</v>
      </c>
    </row>
    <row r="19" spans="1:4" ht="18" customHeight="1" x14ac:dyDescent="0.15">
      <c r="A19" s="5">
        <v>12</v>
      </c>
      <c r="B19" s="22">
        <v>12</v>
      </c>
      <c r="C19" s="14">
        <v>15</v>
      </c>
      <c r="D19" s="18">
        <v>27</v>
      </c>
    </row>
    <row r="20" spans="1:4" ht="18" customHeight="1" x14ac:dyDescent="0.15">
      <c r="A20" s="5">
        <v>13</v>
      </c>
      <c r="B20" s="22">
        <v>12</v>
      </c>
      <c r="C20" s="14">
        <v>10</v>
      </c>
      <c r="D20" s="18">
        <v>22</v>
      </c>
    </row>
    <row r="21" spans="1:4" ht="18" customHeight="1" x14ac:dyDescent="0.15">
      <c r="A21" s="5">
        <v>14</v>
      </c>
      <c r="B21" s="22">
        <v>12</v>
      </c>
      <c r="C21" s="14">
        <v>11</v>
      </c>
      <c r="D21" s="18">
        <v>23</v>
      </c>
    </row>
    <row r="22" spans="1:4" ht="18" customHeight="1" x14ac:dyDescent="0.15">
      <c r="A22" s="5" t="s">
        <v>12</v>
      </c>
      <c r="B22" s="22">
        <v>64</v>
      </c>
      <c r="C22" s="14">
        <v>55</v>
      </c>
      <c r="D22" s="18">
        <v>119</v>
      </c>
    </row>
    <row r="23" spans="1:4" ht="18" customHeight="1" x14ac:dyDescent="0.15">
      <c r="A23" s="5" t="s">
        <v>6</v>
      </c>
      <c r="B23" s="22">
        <v>154</v>
      </c>
      <c r="C23" s="14">
        <v>155</v>
      </c>
      <c r="D23" s="18">
        <v>309</v>
      </c>
    </row>
    <row r="24" spans="1:4" ht="18" customHeight="1" x14ac:dyDescent="0.15">
      <c r="A24" s="5">
        <v>15</v>
      </c>
      <c r="B24" s="22">
        <v>7</v>
      </c>
      <c r="C24" s="14">
        <v>9</v>
      </c>
      <c r="D24" s="18">
        <v>16</v>
      </c>
    </row>
    <row r="25" spans="1:4" ht="18" customHeight="1" x14ac:dyDescent="0.15">
      <c r="A25" s="5">
        <v>16</v>
      </c>
      <c r="B25" s="22">
        <v>9</v>
      </c>
      <c r="C25" s="14">
        <v>8</v>
      </c>
      <c r="D25" s="18">
        <v>17</v>
      </c>
    </row>
    <row r="26" spans="1:4" ht="18" customHeight="1" x14ac:dyDescent="0.15">
      <c r="A26" s="5">
        <v>17</v>
      </c>
      <c r="B26" s="22">
        <v>3</v>
      </c>
      <c r="C26" s="14">
        <v>6</v>
      </c>
      <c r="D26" s="18">
        <v>9</v>
      </c>
    </row>
    <row r="27" spans="1:4" ht="18" customHeight="1" x14ac:dyDescent="0.15">
      <c r="A27" s="5">
        <v>18</v>
      </c>
      <c r="B27" s="22">
        <v>10</v>
      </c>
      <c r="C27" s="14">
        <v>4</v>
      </c>
      <c r="D27" s="18">
        <v>14</v>
      </c>
    </row>
    <row r="28" spans="1:4" ht="18" customHeight="1" x14ac:dyDescent="0.15">
      <c r="A28" s="5">
        <v>19</v>
      </c>
      <c r="B28" s="22">
        <v>9</v>
      </c>
      <c r="C28" s="14">
        <v>6</v>
      </c>
      <c r="D28" s="18">
        <v>15</v>
      </c>
    </row>
    <row r="29" spans="1:4" ht="18" customHeight="1" x14ac:dyDescent="0.15">
      <c r="A29" s="5" t="s">
        <v>14</v>
      </c>
      <c r="B29" s="22">
        <v>38</v>
      </c>
      <c r="C29" s="14">
        <v>33</v>
      </c>
      <c r="D29" s="18">
        <v>71</v>
      </c>
    </row>
    <row r="30" spans="1:4" ht="18" customHeight="1" x14ac:dyDescent="0.15">
      <c r="A30" s="5">
        <v>20</v>
      </c>
      <c r="B30" s="22">
        <v>2</v>
      </c>
      <c r="C30" s="14">
        <v>5</v>
      </c>
      <c r="D30" s="18">
        <v>7</v>
      </c>
    </row>
    <row r="31" spans="1:4" ht="18" customHeight="1" x14ac:dyDescent="0.15">
      <c r="A31" s="5">
        <v>21</v>
      </c>
      <c r="B31" s="22">
        <v>5</v>
      </c>
      <c r="C31" s="14">
        <v>7</v>
      </c>
      <c r="D31" s="18">
        <v>12</v>
      </c>
    </row>
    <row r="32" spans="1:4" ht="18" customHeight="1" x14ac:dyDescent="0.15">
      <c r="A32" s="5">
        <v>22</v>
      </c>
      <c r="B32" s="22">
        <v>4</v>
      </c>
      <c r="C32" s="14">
        <v>6</v>
      </c>
      <c r="D32" s="18">
        <v>10</v>
      </c>
    </row>
    <row r="33" spans="1:4" ht="18" customHeight="1" x14ac:dyDescent="0.15">
      <c r="A33" s="5">
        <v>23</v>
      </c>
      <c r="B33" s="22">
        <v>10</v>
      </c>
      <c r="C33" s="14">
        <v>8</v>
      </c>
      <c r="D33" s="18">
        <v>18</v>
      </c>
    </row>
    <row r="34" spans="1:4" ht="18" customHeight="1" x14ac:dyDescent="0.15">
      <c r="A34" s="5">
        <v>24</v>
      </c>
      <c r="B34" s="22">
        <v>7</v>
      </c>
      <c r="C34" s="14">
        <v>5</v>
      </c>
      <c r="D34" s="18">
        <v>12</v>
      </c>
    </row>
    <row r="35" spans="1:4" ht="18" customHeight="1" x14ac:dyDescent="0.15">
      <c r="A35" s="5" t="s">
        <v>9</v>
      </c>
      <c r="B35" s="22">
        <v>28</v>
      </c>
      <c r="C35" s="14">
        <v>31</v>
      </c>
      <c r="D35" s="18">
        <v>59</v>
      </c>
    </row>
    <row r="36" spans="1:4" ht="18" customHeight="1" x14ac:dyDescent="0.15">
      <c r="A36" s="5">
        <v>25</v>
      </c>
      <c r="B36" s="22">
        <v>6</v>
      </c>
      <c r="C36" s="14">
        <v>5</v>
      </c>
      <c r="D36" s="18">
        <v>11</v>
      </c>
    </row>
    <row r="37" spans="1:4" ht="18" customHeight="1" x14ac:dyDescent="0.15">
      <c r="A37" s="5">
        <v>26</v>
      </c>
      <c r="B37" s="22">
        <v>9</v>
      </c>
      <c r="C37" s="14">
        <v>8</v>
      </c>
      <c r="D37" s="18">
        <v>17</v>
      </c>
    </row>
    <row r="38" spans="1:4" ht="18" customHeight="1" x14ac:dyDescent="0.15">
      <c r="A38" s="5">
        <v>27</v>
      </c>
      <c r="B38" s="22">
        <v>4</v>
      </c>
      <c r="C38" s="14">
        <v>7</v>
      </c>
      <c r="D38" s="18">
        <v>11</v>
      </c>
    </row>
    <row r="39" spans="1:4" ht="18" customHeight="1" x14ac:dyDescent="0.15">
      <c r="A39" s="5">
        <v>28</v>
      </c>
      <c r="B39" s="22">
        <v>10</v>
      </c>
      <c r="C39" s="14">
        <v>7</v>
      </c>
      <c r="D39" s="18">
        <v>17</v>
      </c>
    </row>
    <row r="40" spans="1:4" ht="18" customHeight="1" x14ac:dyDescent="0.15">
      <c r="A40" s="5">
        <v>29</v>
      </c>
      <c r="B40" s="22">
        <v>3</v>
      </c>
      <c r="C40" s="14">
        <v>6</v>
      </c>
      <c r="D40" s="18">
        <v>9</v>
      </c>
    </row>
    <row r="41" spans="1:4" ht="18" customHeight="1" x14ac:dyDescent="0.15">
      <c r="A41" s="5" t="s">
        <v>2</v>
      </c>
      <c r="B41" s="22">
        <v>32</v>
      </c>
      <c r="C41" s="14">
        <v>33</v>
      </c>
      <c r="D41" s="18">
        <v>65</v>
      </c>
    </row>
    <row r="42" spans="1:4" ht="18" customHeight="1" x14ac:dyDescent="0.15">
      <c r="A42" s="5">
        <v>30</v>
      </c>
      <c r="B42" s="22">
        <v>9</v>
      </c>
      <c r="C42" s="14">
        <v>12</v>
      </c>
      <c r="D42" s="18">
        <v>21</v>
      </c>
    </row>
    <row r="43" spans="1:4" ht="18" customHeight="1" x14ac:dyDescent="0.15">
      <c r="A43" s="5">
        <v>31</v>
      </c>
      <c r="B43" s="22">
        <v>12</v>
      </c>
      <c r="C43" s="14">
        <v>8</v>
      </c>
      <c r="D43" s="18">
        <v>20</v>
      </c>
    </row>
    <row r="44" spans="1:4" ht="18" customHeight="1" x14ac:dyDescent="0.15">
      <c r="A44" s="5">
        <v>32</v>
      </c>
      <c r="B44" s="22">
        <v>7</v>
      </c>
      <c r="C44" s="14">
        <v>9</v>
      </c>
      <c r="D44" s="18">
        <v>16</v>
      </c>
    </row>
    <row r="45" spans="1:4" ht="18" customHeight="1" x14ac:dyDescent="0.15">
      <c r="A45" s="5">
        <v>33</v>
      </c>
      <c r="B45" s="22">
        <v>10</v>
      </c>
      <c r="C45" s="14">
        <v>8</v>
      </c>
      <c r="D45" s="18">
        <v>18</v>
      </c>
    </row>
    <row r="46" spans="1:4" ht="18" customHeight="1" x14ac:dyDescent="0.15">
      <c r="A46" s="5">
        <v>34</v>
      </c>
      <c r="B46" s="22">
        <v>10</v>
      </c>
      <c r="C46" s="14">
        <v>11</v>
      </c>
      <c r="D46" s="18">
        <v>21</v>
      </c>
    </row>
    <row r="47" spans="1:4" ht="18" customHeight="1" x14ac:dyDescent="0.15">
      <c r="A47" s="5" t="s">
        <v>15</v>
      </c>
      <c r="B47" s="22">
        <v>48</v>
      </c>
      <c r="C47" s="14">
        <v>48</v>
      </c>
      <c r="D47" s="18">
        <v>96</v>
      </c>
    </row>
    <row r="48" spans="1:4" ht="18" customHeight="1" x14ac:dyDescent="0.15">
      <c r="A48" s="5">
        <v>35</v>
      </c>
      <c r="B48" s="22">
        <v>17</v>
      </c>
      <c r="C48" s="14">
        <v>9</v>
      </c>
      <c r="D48" s="18">
        <v>26</v>
      </c>
    </row>
    <row r="49" spans="1:4" ht="18" customHeight="1" x14ac:dyDescent="0.15">
      <c r="A49" s="5">
        <v>36</v>
      </c>
      <c r="B49" s="22">
        <v>13</v>
      </c>
      <c r="C49" s="14">
        <v>9</v>
      </c>
      <c r="D49" s="18">
        <v>22</v>
      </c>
    </row>
    <row r="50" spans="1:4" ht="18" customHeight="1" x14ac:dyDescent="0.15">
      <c r="A50" s="5">
        <v>37</v>
      </c>
      <c r="B50" s="22">
        <v>19</v>
      </c>
      <c r="C50" s="14">
        <v>23</v>
      </c>
      <c r="D50" s="18">
        <v>42</v>
      </c>
    </row>
    <row r="51" spans="1:4" ht="18" customHeight="1" x14ac:dyDescent="0.15">
      <c r="A51" s="5">
        <v>38</v>
      </c>
      <c r="B51" s="22">
        <v>9</v>
      </c>
      <c r="C51" s="14">
        <v>15</v>
      </c>
      <c r="D51" s="18">
        <v>24</v>
      </c>
    </row>
    <row r="52" spans="1:4" ht="18" customHeight="1" x14ac:dyDescent="0.15">
      <c r="A52" s="5">
        <v>39</v>
      </c>
      <c r="B52" s="22">
        <v>21</v>
      </c>
      <c r="C52" s="14">
        <v>13</v>
      </c>
      <c r="D52" s="18">
        <v>34</v>
      </c>
    </row>
    <row r="53" spans="1:4" ht="18" customHeight="1" x14ac:dyDescent="0.15">
      <c r="A53" s="5" t="s">
        <v>18</v>
      </c>
      <c r="B53" s="22">
        <v>79</v>
      </c>
      <c r="C53" s="14">
        <v>69</v>
      </c>
      <c r="D53" s="18">
        <v>148</v>
      </c>
    </row>
    <row r="54" spans="1:4" ht="18" customHeight="1" x14ac:dyDescent="0.15">
      <c r="A54" s="5">
        <v>40</v>
      </c>
      <c r="B54" s="22">
        <v>13</v>
      </c>
      <c r="C54" s="14">
        <v>14</v>
      </c>
      <c r="D54" s="18">
        <v>27</v>
      </c>
    </row>
    <row r="55" spans="1:4" ht="18" customHeight="1" x14ac:dyDescent="0.15">
      <c r="A55" s="5">
        <v>41</v>
      </c>
      <c r="B55" s="22">
        <v>20</v>
      </c>
      <c r="C55" s="14">
        <v>12</v>
      </c>
      <c r="D55" s="18">
        <v>32</v>
      </c>
    </row>
    <row r="56" spans="1:4" ht="18" customHeight="1" x14ac:dyDescent="0.15">
      <c r="A56" s="5">
        <v>42</v>
      </c>
      <c r="B56" s="22">
        <v>14</v>
      </c>
      <c r="C56" s="14">
        <v>18</v>
      </c>
      <c r="D56" s="18">
        <v>32</v>
      </c>
    </row>
    <row r="57" spans="1:4" ht="18" customHeight="1" x14ac:dyDescent="0.15">
      <c r="A57" s="5">
        <v>43</v>
      </c>
      <c r="B57" s="22">
        <v>13</v>
      </c>
      <c r="C57" s="14">
        <v>12</v>
      </c>
      <c r="D57" s="18">
        <v>25</v>
      </c>
    </row>
    <row r="58" spans="1:4" ht="18" customHeight="1" x14ac:dyDescent="0.15">
      <c r="A58" s="5">
        <v>44</v>
      </c>
      <c r="B58" s="22">
        <v>17</v>
      </c>
      <c r="C58" s="14">
        <v>13</v>
      </c>
      <c r="D58" s="18">
        <v>30</v>
      </c>
    </row>
    <row r="59" spans="1:4" ht="18" customHeight="1" x14ac:dyDescent="0.15">
      <c r="A59" s="5" t="s">
        <v>21</v>
      </c>
      <c r="B59" s="22">
        <v>77</v>
      </c>
      <c r="C59" s="14">
        <v>69</v>
      </c>
      <c r="D59" s="18">
        <v>146</v>
      </c>
    </row>
    <row r="60" spans="1:4" ht="18" customHeight="1" x14ac:dyDescent="0.15">
      <c r="A60" s="5">
        <v>45</v>
      </c>
      <c r="B60" s="22">
        <v>16</v>
      </c>
      <c r="C60" s="14">
        <v>8</v>
      </c>
      <c r="D60" s="18">
        <v>24</v>
      </c>
    </row>
    <row r="61" spans="1:4" ht="18" customHeight="1" x14ac:dyDescent="0.15">
      <c r="A61" s="5">
        <v>46</v>
      </c>
      <c r="B61" s="22">
        <v>15</v>
      </c>
      <c r="C61" s="14">
        <v>10</v>
      </c>
      <c r="D61" s="18">
        <v>25</v>
      </c>
    </row>
    <row r="62" spans="1:4" ht="18" customHeight="1" x14ac:dyDescent="0.15">
      <c r="A62" s="5">
        <v>47</v>
      </c>
      <c r="B62" s="22">
        <v>16</v>
      </c>
      <c r="C62" s="14">
        <v>12</v>
      </c>
      <c r="D62" s="18">
        <v>28</v>
      </c>
    </row>
    <row r="63" spans="1:4" ht="18" customHeight="1" x14ac:dyDescent="0.15">
      <c r="A63" s="5">
        <v>48</v>
      </c>
      <c r="B63" s="22">
        <v>12</v>
      </c>
      <c r="C63" s="14">
        <v>8</v>
      </c>
      <c r="D63" s="18">
        <v>20</v>
      </c>
    </row>
    <row r="64" spans="1:4" ht="18" customHeight="1" x14ac:dyDescent="0.15">
      <c r="A64" s="5">
        <v>49</v>
      </c>
      <c r="B64" s="22">
        <v>20</v>
      </c>
      <c r="C64" s="14">
        <v>12</v>
      </c>
      <c r="D64" s="18">
        <v>32</v>
      </c>
    </row>
    <row r="65" spans="1:4" ht="18" customHeight="1" x14ac:dyDescent="0.15">
      <c r="A65" s="5" t="s">
        <v>17</v>
      </c>
      <c r="B65" s="22">
        <v>79</v>
      </c>
      <c r="C65" s="14">
        <v>50</v>
      </c>
      <c r="D65" s="18">
        <v>129</v>
      </c>
    </row>
    <row r="66" spans="1:4" ht="18" customHeight="1" x14ac:dyDescent="0.15">
      <c r="A66" s="5">
        <v>50</v>
      </c>
      <c r="B66" s="22">
        <v>10</v>
      </c>
      <c r="C66" s="14">
        <v>10</v>
      </c>
      <c r="D66" s="18">
        <v>20</v>
      </c>
    </row>
    <row r="67" spans="1:4" ht="18" customHeight="1" x14ac:dyDescent="0.15">
      <c r="A67" s="5">
        <v>51</v>
      </c>
      <c r="B67" s="22">
        <v>15</v>
      </c>
      <c r="C67" s="14">
        <v>15</v>
      </c>
      <c r="D67" s="18">
        <v>30</v>
      </c>
    </row>
    <row r="68" spans="1:4" ht="18" customHeight="1" x14ac:dyDescent="0.15">
      <c r="A68" s="5">
        <v>52</v>
      </c>
      <c r="B68" s="22">
        <v>12</v>
      </c>
      <c r="C68" s="14">
        <v>16</v>
      </c>
      <c r="D68" s="18">
        <v>28</v>
      </c>
    </row>
    <row r="69" spans="1:4" ht="18" customHeight="1" x14ac:dyDescent="0.15">
      <c r="A69" s="5">
        <v>53</v>
      </c>
      <c r="B69" s="22">
        <v>18</v>
      </c>
      <c r="C69" s="14">
        <v>7</v>
      </c>
      <c r="D69" s="18">
        <v>25</v>
      </c>
    </row>
    <row r="70" spans="1:4" ht="18" customHeight="1" x14ac:dyDescent="0.15">
      <c r="A70" s="5">
        <v>54</v>
      </c>
      <c r="B70" s="22">
        <v>14</v>
      </c>
      <c r="C70" s="14">
        <v>7</v>
      </c>
      <c r="D70" s="18">
        <v>21</v>
      </c>
    </row>
    <row r="71" spans="1:4" ht="18" customHeight="1" x14ac:dyDescent="0.15">
      <c r="A71" s="5" t="s">
        <v>22</v>
      </c>
      <c r="B71" s="22">
        <v>69</v>
      </c>
      <c r="C71" s="14">
        <v>55</v>
      </c>
      <c r="D71" s="18">
        <v>124</v>
      </c>
    </row>
    <row r="72" spans="1:4" ht="18" customHeight="1" x14ac:dyDescent="0.15">
      <c r="A72" s="5">
        <v>55</v>
      </c>
      <c r="B72" s="22">
        <v>13</v>
      </c>
      <c r="C72" s="14">
        <v>23</v>
      </c>
      <c r="D72" s="18">
        <v>36</v>
      </c>
    </row>
    <row r="73" spans="1:4" ht="18" customHeight="1" x14ac:dyDescent="0.15">
      <c r="A73" s="5">
        <v>56</v>
      </c>
      <c r="B73" s="22">
        <v>12</v>
      </c>
      <c r="C73" s="14">
        <v>7</v>
      </c>
      <c r="D73" s="18">
        <v>19</v>
      </c>
    </row>
    <row r="74" spans="1:4" ht="18" customHeight="1" x14ac:dyDescent="0.15">
      <c r="A74" s="5">
        <v>57</v>
      </c>
      <c r="B74" s="22">
        <v>8</v>
      </c>
      <c r="C74" s="14">
        <v>17</v>
      </c>
      <c r="D74" s="18">
        <v>25</v>
      </c>
    </row>
    <row r="75" spans="1:4" ht="18" customHeight="1" x14ac:dyDescent="0.15">
      <c r="A75" s="5">
        <v>58</v>
      </c>
      <c r="B75" s="22">
        <v>8</v>
      </c>
      <c r="C75" s="14">
        <v>12</v>
      </c>
      <c r="D75" s="18">
        <v>20</v>
      </c>
    </row>
    <row r="76" spans="1:4" ht="18" customHeight="1" x14ac:dyDescent="0.15">
      <c r="A76" s="5">
        <v>59</v>
      </c>
      <c r="B76" s="22">
        <v>10</v>
      </c>
      <c r="C76" s="14">
        <v>8</v>
      </c>
      <c r="D76" s="18">
        <v>18</v>
      </c>
    </row>
    <row r="77" spans="1:4" ht="18" customHeight="1" x14ac:dyDescent="0.15">
      <c r="A77" s="5" t="s">
        <v>27</v>
      </c>
      <c r="B77" s="22">
        <v>51</v>
      </c>
      <c r="C77" s="14">
        <v>67</v>
      </c>
      <c r="D77" s="18">
        <v>118</v>
      </c>
    </row>
    <row r="78" spans="1:4" ht="18" customHeight="1" x14ac:dyDescent="0.15">
      <c r="A78" s="5">
        <v>60</v>
      </c>
      <c r="B78" s="22">
        <v>13</v>
      </c>
      <c r="C78" s="14">
        <v>15</v>
      </c>
      <c r="D78" s="18">
        <v>28</v>
      </c>
    </row>
    <row r="79" spans="1:4" ht="18" customHeight="1" x14ac:dyDescent="0.15">
      <c r="A79" s="5">
        <v>61</v>
      </c>
      <c r="B79" s="22">
        <v>12</v>
      </c>
      <c r="C79" s="14">
        <v>11</v>
      </c>
      <c r="D79" s="18">
        <v>23</v>
      </c>
    </row>
    <row r="80" spans="1:4" ht="18" customHeight="1" x14ac:dyDescent="0.15">
      <c r="A80" s="5">
        <v>62</v>
      </c>
      <c r="B80" s="22">
        <v>6</v>
      </c>
      <c r="C80" s="14">
        <v>14</v>
      </c>
      <c r="D80" s="18">
        <v>20</v>
      </c>
    </row>
    <row r="81" spans="1:4" ht="18" customHeight="1" x14ac:dyDescent="0.15">
      <c r="A81" s="5">
        <v>63</v>
      </c>
      <c r="B81" s="22">
        <v>14</v>
      </c>
      <c r="C81" s="14">
        <v>12</v>
      </c>
      <c r="D81" s="18">
        <v>26</v>
      </c>
    </row>
    <row r="82" spans="1:4" ht="18" customHeight="1" x14ac:dyDescent="0.15">
      <c r="A82" s="5">
        <v>64</v>
      </c>
      <c r="B82" s="22">
        <v>13</v>
      </c>
      <c r="C82" s="14">
        <v>16</v>
      </c>
      <c r="D82" s="18">
        <v>29</v>
      </c>
    </row>
    <row r="83" spans="1:4" ht="18" customHeight="1" x14ac:dyDescent="0.15">
      <c r="A83" s="5" t="s">
        <v>28</v>
      </c>
      <c r="B83" s="22">
        <v>58</v>
      </c>
      <c r="C83" s="14">
        <v>68</v>
      </c>
      <c r="D83" s="18">
        <v>126</v>
      </c>
    </row>
    <row r="84" spans="1:4" ht="18" customHeight="1" x14ac:dyDescent="0.15">
      <c r="A84" s="5" t="s">
        <v>31</v>
      </c>
      <c r="B84" s="22">
        <v>559</v>
      </c>
      <c r="C84" s="14">
        <v>523</v>
      </c>
      <c r="D84" s="18">
        <v>1082</v>
      </c>
    </row>
    <row r="85" spans="1:4" ht="18" customHeight="1" x14ac:dyDescent="0.15">
      <c r="A85" s="5">
        <v>65</v>
      </c>
      <c r="B85" s="22">
        <v>11</v>
      </c>
      <c r="C85" s="14">
        <v>25</v>
      </c>
      <c r="D85" s="18">
        <v>36</v>
      </c>
    </row>
    <row r="86" spans="1:4" ht="18" customHeight="1" x14ac:dyDescent="0.15">
      <c r="A86" s="5">
        <v>66</v>
      </c>
      <c r="B86" s="22">
        <v>21</v>
      </c>
      <c r="C86" s="14">
        <v>12</v>
      </c>
      <c r="D86" s="18">
        <v>33</v>
      </c>
    </row>
    <row r="87" spans="1:4" ht="18" customHeight="1" x14ac:dyDescent="0.15">
      <c r="A87" s="5">
        <v>67</v>
      </c>
      <c r="B87" s="22">
        <v>18</v>
      </c>
      <c r="C87" s="14">
        <v>18</v>
      </c>
      <c r="D87" s="18">
        <v>36</v>
      </c>
    </row>
    <row r="88" spans="1:4" ht="18" customHeight="1" x14ac:dyDescent="0.15">
      <c r="A88" s="5">
        <v>68</v>
      </c>
      <c r="B88" s="22">
        <v>16</v>
      </c>
      <c r="C88" s="14">
        <v>17</v>
      </c>
      <c r="D88" s="18">
        <v>33</v>
      </c>
    </row>
    <row r="89" spans="1:4" ht="18" customHeight="1" x14ac:dyDescent="0.15">
      <c r="A89" s="5">
        <v>69</v>
      </c>
      <c r="B89" s="22">
        <v>17</v>
      </c>
      <c r="C89" s="14">
        <v>10</v>
      </c>
      <c r="D89" s="18">
        <v>27</v>
      </c>
    </row>
    <row r="90" spans="1:4" ht="18" customHeight="1" x14ac:dyDescent="0.15">
      <c r="A90" s="5" t="s">
        <v>20</v>
      </c>
      <c r="B90" s="22">
        <v>83</v>
      </c>
      <c r="C90" s="14">
        <v>82</v>
      </c>
      <c r="D90" s="18">
        <v>165</v>
      </c>
    </row>
    <row r="91" spans="1:4" ht="18" customHeight="1" x14ac:dyDescent="0.15">
      <c r="A91" s="5">
        <v>70</v>
      </c>
      <c r="B91" s="22">
        <v>20</v>
      </c>
      <c r="C91" s="14">
        <v>23</v>
      </c>
      <c r="D91" s="18">
        <v>43</v>
      </c>
    </row>
    <row r="92" spans="1:4" ht="18" customHeight="1" x14ac:dyDescent="0.15">
      <c r="A92" s="5">
        <v>71</v>
      </c>
      <c r="B92" s="22">
        <v>8</v>
      </c>
      <c r="C92" s="14">
        <v>13</v>
      </c>
      <c r="D92" s="18">
        <v>21</v>
      </c>
    </row>
    <row r="93" spans="1:4" ht="18" customHeight="1" x14ac:dyDescent="0.15">
      <c r="A93" s="5">
        <v>72</v>
      </c>
      <c r="B93" s="22">
        <v>8</v>
      </c>
      <c r="C93" s="14">
        <v>19</v>
      </c>
      <c r="D93" s="18">
        <v>27</v>
      </c>
    </row>
    <row r="94" spans="1:4" ht="18" customHeight="1" x14ac:dyDescent="0.15">
      <c r="A94" s="5">
        <v>73</v>
      </c>
      <c r="B94" s="22">
        <v>21</v>
      </c>
      <c r="C94" s="14">
        <v>15</v>
      </c>
      <c r="D94" s="18">
        <v>36</v>
      </c>
    </row>
    <row r="95" spans="1:4" ht="18" customHeight="1" x14ac:dyDescent="0.15">
      <c r="A95" s="5">
        <v>74</v>
      </c>
      <c r="B95" s="22">
        <v>18</v>
      </c>
      <c r="C95" s="14">
        <v>25</v>
      </c>
      <c r="D95" s="18">
        <v>43</v>
      </c>
    </row>
    <row r="96" spans="1:4" ht="18" customHeight="1" x14ac:dyDescent="0.15">
      <c r="A96" s="5" t="s">
        <v>33</v>
      </c>
      <c r="B96" s="22">
        <v>75</v>
      </c>
      <c r="C96" s="14">
        <v>95</v>
      </c>
      <c r="D96" s="18">
        <v>170</v>
      </c>
    </row>
    <row r="97" spans="1:4" ht="18" customHeight="1" x14ac:dyDescent="0.15">
      <c r="A97" s="5">
        <v>75</v>
      </c>
      <c r="B97" s="22">
        <v>15</v>
      </c>
      <c r="C97" s="14">
        <v>19</v>
      </c>
      <c r="D97" s="18">
        <v>34</v>
      </c>
    </row>
    <row r="98" spans="1:4" ht="18" customHeight="1" x14ac:dyDescent="0.15">
      <c r="A98" s="5">
        <v>76</v>
      </c>
      <c r="B98" s="22">
        <v>19</v>
      </c>
      <c r="C98" s="14">
        <v>18</v>
      </c>
      <c r="D98" s="18">
        <v>37</v>
      </c>
    </row>
    <row r="99" spans="1:4" ht="18" customHeight="1" x14ac:dyDescent="0.15">
      <c r="A99" s="5">
        <v>77</v>
      </c>
      <c r="B99" s="22">
        <v>30</v>
      </c>
      <c r="C99" s="14">
        <v>20</v>
      </c>
      <c r="D99" s="18">
        <v>50</v>
      </c>
    </row>
    <row r="100" spans="1:4" ht="18" customHeight="1" x14ac:dyDescent="0.15">
      <c r="A100" s="5">
        <v>78</v>
      </c>
      <c r="B100" s="22">
        <v>20</v>
      </c>
      <c r="C100" s="14">
        <v>22</v>
      </c>
      <c r="D100" s="18">
        <v>42</v>
      </c>
    </row>
    <row r="101" spans="1:4" ht="18" customHeight="1" x14ac:dyDescent="0.15">
      <c r="A101" s="5">
        <v>79</v>
      </c>
      <c r="B101" s="22">
        <v>11</v>
      </c>
      <c r="C101" s="14">
        <v>15</v>
      </c>
      <c r="D101" s="18">
        <v>26</v>
      </c>
    </row>
    <row r="102" spans="1:4" ht="18" customHeight="1" x14ac:dyDescent="0.15">
      <c r="A102" s="5" t="s">
        <v>0</v>
      </c>
      <c r="B102" s="22">
        <v>95</v>
      </c>
      <c r="C102" s="14">
        <v>94</v>
      </c>
      <c r="D102" s="18">
        <v>189</v>
      </c>
    </row>
    <row r="103" spans="1:4" ht="18" customHeight="1" x14ac:dyDescent="0.15">
      <c r="A103" s="5">
        <v>80</v>
      </c>
      <c r="B103" s="22">
        <v>4</v>
      </c>
      <c r="C103" s="14">
        <v>8</v>
      </c>
      <c r="D103" s="18">
        <v>12</v>
      </c>
    </row>
    <row r="104" spans="1:4" ht="18" customHeight="1" x14ac:dyDescent="0.15">
      <c r="A104" s="5">
        <v>81</v>
      </c>
      <c r="B104" s="22">
        <v>10</v>
      </c>
      <c r="C104" s="14">
        <v>17</v>
      </c>
      <c r="D104" s="18">
        <v>27</v>
      </c>
    </row>
    <row r="105" spans="1:4" ht="18" customHeight="1" x14ac:dyDescent="0.15">
      <c r="A105" s="5">
        <v>82</v>
      </c>
      <c r="B105" s="22">
        <v>8</v>
      </c>
      <c r="C105" s="14">
        <v>11</v>
      </c>
      <c r="D105" s="18">
        <v>19</v>
      </c>
    </row>
    <row r="106" spans="1:4" ht="18" customHeight="1" x14ac:dyDescent="0.15">
      <c r="A106" s="5">
        <v>83</v>
      </c>
      <c r="B106" s="22">
        <v>11</v>
      </c>
      <c r="C106" s="14">
        <v>7</v>
      </c>
      <c r="D106" s="18">
        <v>18</v>
      </c>
    </row>
    <row r="107" spans="1:4" ht="18" customHeight="1" x14ac:dyDescent="0.15">
      <c r="A107" s="5">
        <v>84</v>
      </c>
      <c r="B107" s="22">
        <v>14</v>
      </c>
      <c r="C107" s="14">
        <v>13</v>
      </c>
      <c r="D107" s="18">
        <v>27</v>
      </c>
    </row>
    <row r="108" spans="1:4" ht="18" customHeight="1" x14ac:dyDescent="0.15">
      <c r="A108" s="5" t="s">
        <v>35</v>
      </c>
      <c r="B108" s="22">
        <v>47</v>
      </c>
      <c r="C108" s="14">
        <v>56</v>
      </c>
      <c r="D108" s="18">
        <v>103</v>
      </c>
    </row>
    <row r="109" spans="1:4" ht="18" customHeight="1" x14ac:dyDescent="0.15">
      <c r="A109" s="5">
        <v>85</v>
      </c>
      <c r="B109" s="22">
        <v>7</v>
      </c>
      <c r="C109" s="14">
        <v>13</v>
      </c>
      <c r="D109" s="18">
        <v>20</v>
      </c>
    </row>
    <row r="110" spans="1:4" ht="18" customHeight="1" x14ac:dyDescent="0.15">
      <c r="A110" s="5">
        <v>86</v>
      </c>
      <c r="B110" s="22">
        <v>5</v>
      </c>
      <c r="C110" s="14">
        <v>9</v>
      </c>
      <c r="D110" s="18">
        <v>14</v>
      </c>
    </row>
    <row r="111" spans="1:4" ht="18" customHeight="1" x14ac:dyDescent="0.15">
      <c r="A111" s="5">
        <v>87</v>
      </c>
      <c r="B111" s="22">
        <v>4</v>
      </c>
      <c r="C111" s="14">
        <v>7</v>
      </c>
      <c r="D111" s="18">
        <v>11</v>
      </c>
    </row>
    <row r="112" spans="1:4" ht="18" customHeight="1" x14ac:dyDescent="0.15">
      <c r="A112" s="5">
        <v>88</v>
      </c>
      <c r="B112" s="22">
        <v>7</v>
      </c>
      <c r="C112" s="14">
        <v>12</v>
      </c>
      <c r="D112" s="18">
        <v>19</v>
      </c>
    </row>
    <row r="113" spans="1:4" ht="18" customHeight="1" x14ac:dyDescent="0.15">
      <c r="A113" s="5">
        <v>89</v>
      </c>
      <c r="B113" s="22">
        <v>6</v>
      </c>
      <c r="C113" s="14">
        <v>6</v>
      </c>
      <c r="D113" s="18">
        <v>12</v>
      </c>
    </row>
    <row r="114" spans="1:4" ht="18" customHeight="1" x14ac:dyDescent="0.15">
      <c r="A114" s="5" t="s">
        <v>37</v>
      </c>
      <c r="B114" s="22">
        <v>29</v>
      </c>
      <c r="C114" s="14">
        <v>47</v>
      </c>
      <c r="D114" s="18">
        <v>76</v>
      </c>
    </row>
    <row r="115" spans="1:4" ht="18" customHeight="1" x14ac:dyDescent="0.15">
      <c r="A115" s="5">
        <v>90</v>
      </c>
      <c r="B115" s="22">
        <v>3</v>
      </c>
      <c r="C115" s="14">
        <v>5</v>
      </c>
      <c r="D115" s="18">
        <v>8</v>
      </c>
    </row>
    <row r="116" spans="1:4" ht="18" customHeight="1" x14ac:dyDescent="0.15">
      <c r="A116" s="5">
        <v>91</v>
      </c>
      <c r="B116" s="22">
        <v>2</v>
      </c>
      <c r="C116" s="14">
        <v>5</v>
      </c>
      <c r="D116" s="18">
        <v>7</v>
      </c>
    </row>
    <row r="117" spans="1:4" ht="18" customHeight="1" x14ac:dyDescent="0.15">
      <c r="A117" s="5">
        <v>92</v>
      </c>
      <c r="B117" s="22">
        <v>1</v>
      </c>
      <c r="C117" s="14">
        <v>10</v>
      </c>
      <c r="D117" s="18">
        <v>11</v>
      </c>
    </row>
    <row r="118" spans="1:4" ht="18" customHeight="1" x14ac:dyDescent="0.15">
      <c r="A118" s="5">
        <v>93</v>
      </c>
      <c r="B118" s="22">
        <v>0</v>
      </c>
      <c r="C118" s="14">
        <v>5</v>
      </c>
      <c r="D118" s="18">
        <v>5</v>
      </c>
    </row>
    <row r="119" spans="1:4" ht="18" customHeight="1" x14ac:dyDescent="0.15">
      <c r="A119" s="5">
        <v>94</v>
      </c>
      <c r="B119" s="22">
        <v>1</v>
      </c>
      <c r="C119" s="14">
        <v>4</v>
      </c>
      <c r="D119" s="18">
        <v>5</v>
      </c>
    </row>
    <row r="120" spans="1:4" ht="18" customHeight="1" x14ac:dyDescent="0.15">
      <c r="A120" s="5" t="s">
        <v>39</v>
      </c>
      <c r="B120" s="22">
        <v>7</v>
      </c>
      <c r="C120" s="14">
        <v>29</v>
      </c>
      <c r="D120" s="18">
        <v>36</v>
      </c>
    </row>
    <row r="121" spans="1:4" ht="18" customHeight="1" x14ac:dyDescent="0.15">
      <c r="A121" s="5">
        <v>95</v>
      </c>
      <c r="B121" s="22">
        <v>0</v>
      </c>
      <c r="C121" s="14">
        <v>7</v>
      </c>
      <c r="D121" s="18">
        <v>7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4</v>
      </c>
      <c r="D123" s="18">
        <v>5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14</v>
      </c>
      <c r="D126" s="18">
        <v>15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337</v>
      </c>
      <c r="C130" s="14">
        <v>421</v>
      </c>
      <c r="D130" s="18">
        <v>758</v>
      </c>
    </row>
    <row r="131" spans="1:4" ht="18" customHeight="1" x14ac:dyDescent="0.15">
      <c r="A131" s="7" t="s">
        <v>45</v>
      </c>
      <c r="B131" s="23">
        <v>1050</v>
      </c>
      <c r="C131" s="15">
        <v>1099</v>
      </c>
      <c r="D131" s="19">
        <v>214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0</v>
      </c>
      <c r="C5" s="29">
        <v>11</v>
      </c>
      <c r="D5" s="31">
        <v>21</v>
      </c>
    </row>
    <row r="6" spans="1:4" ht="18" customHeight="1" x14ac:dyDescent="0.15">
      <c r="A6" s="5">
        <v>1</v>
      </c>
      <c r="B6" s="27">
        <v>14</v>
      </c>
      <c r="C6" s="14">
        <v>10</v>
      </c>
      <c r="D6" s="18">
        <v>24</v>
      </c>
    </row>
    <row r="7" spans="1:4" ht="18" customHeight="1" x14ac:dyDescent="0.15">
      <c r="A7" s="5">
        <v>2</v>
      </c>
      <c r="B7" s="27">
        <v>11</v>
      </c>
      <c r="C7" s="14">
        <v>11</v>
      </c>
      <c r="D7" s="18">
        <v>22</v>
      </c>
    </row>
    <row r="8" spans="1:4" ht="18" customHeight="1" x14ac:dyDescent="0.15">
      <c r="A8" s="5">
        <v>3</v>
      </c>
      <c r="B8" s="27">
        <v>18</v>
      </c>
      <c r="C8" s="14">
        <v>11</v>
      </c>
      <c r="D8" s="18">
        <v>29</v>
      </c>
    </row>
    <row r="9" spans="1:4" ht="18" customHeight="1" x14ac:dyDescent="0.15">
      <c r="A9" s="5">
        <v>4</v>
      </c>
      <c r="B9" s="28">
        <v>22</v>
      </c>
      <c r="C9" s="30">
        <v>19</v>
      </c>
      <c r="D9" s="32">
        <v>41</v>
      </c>
    </row>
    <row r="10" spans="1:4" ht="18" customHeight="1" x14ac:dyDescent="0.15">
      <c r="A10" s="5" t="s">
        <v>7</v>
      </c>
      <c r="B10" s="22">
        <v>75</v>
      </c>
      <c r="C10" s="14">
        <v>62</v>
      </c>
      <c r="D10" s="18">
        <v>137</v>
      </c>
    </row>
    <row r="11" spans="1:4" ht="18" customHeight="1" x14ac:dyDescent="0.15">
      <c r="A11" s="5">
        <v>5</v>
      </c>
      <c r="B11" s="27">
        <v>13</v>
      </c>
      <c r="C11" s="14">
        <v>8</v>
      </c>
      <c r="D11" s="18">
        <v>21</v>
      </c>
    </row>
    <row r="12" spans="1:4" ht="18" customHeight="1" x14ac:dyDescent="0.15">
      <c r="A12" s="5">
        <v>6</v>
      </c>
      <c r="B12" s="27">
        <v>22</v>
      </c>
      <c r="C12" s="14">
        <v>18</v>
      </c>
      <c r="D12" s="18">
        <v>40</v>
      </c>
    </row>
    <row r="13" spans="1:4" ht="18" customHeight="1" x14ac:dyDescent="0.15">
      <c r="A13" s="5">
        <v>7</v>
      </c>
      <c r="B13" s="27">
        <v>27</v>
      </c>
      <c r="C13" s="14">
        <v>19</v>
      </c>
      <c r="D13" s="18">
        <v>46</v>
      </c>
    </row>
    <row r="14" spans="1:4" ht="18" customHeight="1" x14ac:dyDescent="0.15">
      <c r="A14" s="5">
        <v>8</v>
      </c>
      <c r="B14" s="27">
        <v>26</v>
      </c>
      <c r="C14" s="14">
        <v>17</v>
      </c>
      <c r="D14" s="18">
        <v>43</v>
      </c>
    </row>
    <row r="15" spans="1:4" ht="18" customHeight="1" x14ac:dyDescent="0.15">
      <c r="A15" s="5">
        <v>9</v>
      </c>
      <c r="B15" s="27">
        <v>14</v>
      </c>
      <c r="C15" s="14">
        <v>18</v>
      </c>
      <c r="D15" s="18">
        <v>32</v>
      </c>
    </row>
    <row r="16" spans="1:4" ht="18" customHeight="1" x14ac:dyDescent="0.15">
      <c r="A16" s="5" t="s">
        <v>11</v>
      </c>
      <c r="B16" s="22">
        <v>102</v>
      </c>
      <c r="C16" s="14">
        <v>80</v>
      </c>
      <c r="D16" s="18">
        <v>182</v>
      </c>
    </row>
    <row r="17" spans="1:4" ht="18" customHeight="1" x14ac:dyDescent="0.15">
      <c r="A17" s="5">
        <v>10</v>
      </c>
      <c r="B17" s="22">
        <v>20</v>
      </c>
      <c r="C17" s="14">
        <v>12</v>
      </c>
      <c r="D17" s="18">
        <v>32</v>
      </c>
    </row>
    <row r="18" spans="1:4" ht="18" customHeight="1" x14ac:dyDescent="0.15">
      <c r="A18" s="5">
        <v>11</v>
      </c>
      <c r="B18" s="22">
        <v>24</v>
      </c>
      <c r="C18" s="14">
        <v>15</v>
      </c>
      <c r="D18" s="18">
        <v>39</v>
      </c>
    </row>
    <row r="19" spans="1:4" ht="18" customHeight="1" x14ac:dyDescent="0.15">
      <c r="A19" s="5">
        <v>12</v>
      </c>
      <c r="B19" s="22">
        <v>19</v>
      </c>
      <c r="C19" s="14">
        <v>14</v>
      </c>
      <c r="D19" s="18">
        <v>33</v>
      </c>
    </row>
    <row r="20" spans="1:4" ht="18" customHeight="1" x14ac:dyDescent="0.15">
      <c r="A20" s="5">
        <v>13</v>
      </c>
      <c r="B20" s="22">
        <v>16</v>
      </c>
      <c r="C20" s="14">
        <v>12</v>
      </c>
      <c r="D20" s="18">
        <v>28</v>
      </c>
    </row>
    <row r="21" spans="1:4" ht="18" customHeight="1" x14ac:dyDescent="0.15">
      <c r="A21" s="5">
        <v>14</v>
      </c>
      <c r="B21" s="22">
        <v>12</v>
      </c>
      <c r="C21" s="14">
        <v>17</v>
      </c>
      <c r="D21" s="18">
        <v>29</v>
      </c>
    </row>
    <row r="22" spans="1:4" ht="18" customHeight="1" x14ac:dyDescent="0.15">
      <c r="A22" s="5" t="s">
        <v>12</v>
      </c>
      <c r="B22" s="22">
        <v>91</v>
      </c>
      <c r="C22" s="14">
        <v>70</v>
      </c>
      <c r="D22" s="18">
        <v>161</v>
      </c>
    </row>
    <row r="23" spans="1:4" ht="18" customHeight="1" x14ac:dyDescent="0.15">
      <c r="A23" s="5" t="s">
        <v>6</v>
      </c>
      <c r="B23" s="22">
        <v>268</v>
      </c>
      <c r="C23" s="14">
        <v>212</v>
      </c>
      <c r="D23" s="18">
        <v>480</v>
      </c>
    </row>
    <row r="24" spans="1:4" ht="18" customHeight="1" x14ac:dyDescent="0.15">
      <c r="A24" s="5">
        <v>15</v>
      </c>
      <c r="B24" s="22">
        <v>14</v>
      </c>
      <c r="C24" s="14">
        <v>17</v>
      </c>
      <c r="D24" s="18">
        <v>31</v>
      </c>
    </row>
    <row r="25" spans="1:4" ht="18" customHeight="1" x14ac:dyDescent="0.15">
      <c r="A25" s="5">
        <v>16</v>
      </c>
      <c r="B25" s="22">
        <v>16</v>
      </c>
      <c r="C25" s="14">
        <v>19</v>
      </c>
      <c r="D25" s="18">
        <v>35</v>
      </c>
    </row>
    <row r="26" spans="1:4" ht="18" customHeight="1" x14ac:dyDescent="0.15">
      <c r="A26" s="5">
        <v>17</v>
      </c>
      <c r="B26" s="22">
        <v>13</v>
      </c>
      <c r="C26" s="14">
        <v>20</v>
      </c>
      <c r="D26" s="18">
        <v>33</v>
      </c>
    </row>
    <row r="27" spans="1:4" ht="18" customHeight="1" x14ac:dyDescent="0.15">
      <c r="A27" s="5">
        <v>18</v>
      </c>
      <c r="B27" s="22">
        <v>20</v>
      </c>
      <c r="C27" s="14">
        <v>16</v>
      </c>
      <c r="D27" s="18">
        <v>36</v>
      </c>
    </row>
    <row r="28" spans="1:4" ht="18" customHeight="1" x14ac:dyDescent="0.15">
      <c r="A28" s="5">
        <v>19</v>
      </c>
      <c r="B28" s="22">
        <v>18</v>
      </c>
      <c r="C28" s="14">
        <v>16</v>
      </c>
      <c r="D28" s="18">
        <v>34</v>
      </c>
    </row>
    <row r="29" spans="1:4" ht="18" customHeight="1" x14ac:dyDescent="0.15">
      <c r="A29" s="5" t="s">
        <v>14</v>
      </c>
      <c r="B29" s="22">
        <v>81</v>
      </c>
      <c r="C29" s="14">
        <v>88</v>
      </c>
      <c r="D29" s="18">
        <v>169</v>
      </c>
    </row>
    <row r="30" spans="1:4" ht="18" customHeight="1" x14ac:dyDescent="0.15">
      <c r="A30" s="5">
        <v>20</v>
      </c>
      <c r="B30" s="22">
        <v>16</v>
      </c>
      <c r="C30" s="14">
        <v>16</v>
      </c>
      <c r="D30" s="18">
        <v>32</v>
      </c>
    </row>
    <row r="31" spans="1:4" ht="18" customHeight="1" x14ac:dyDescent="0.15">
      <c r="A31" s="5">
        <v>21</v>
      </c>
      <c r="B31" s="22">
        <v>19</v>
      </c>
      <c r="C31" s="14">
        <v>8</v>
      </c>
      <c r="D31" s="18">
        <v>27</v>
      </c>
    </row>
    <row r="32" spans="1:4" ht="18" customHeight="1" x14ac:dyDescent="0.15">
      <c r="A32" s="5">
        <v>22</v>
      </c>
      <c r="B32" s="22">
        <v>14</v>
      </c>
      <c r="C32" s="14">
        <v>14</v>
      </c>
      <c r="D32" s="18">
        <v>28</v>
      </c>
    </row>
    <row r="33" spans="1:4" ht="18" customHeight="1" x14ac:dyDescent="0.15">
      <c r="A33" s="5">
        <v>23</v>
      </c>
      <c r="B33" s="22">
        <v>28</v>
      </c>
      <c r="C33" s="14">
        <v>19</v>
      </c>
      <c r="D33" s="18">
        <v>47</v>
      </c>
    </row>
    <row r="34" spans="1:4" ht="18" customHeight="1" x14ac:dyDescent="0.15">
      <c r="A34" s="5">
        <v>24</v>
      </c>
      <c r="B34" s="22">
        <v>15</v>
      </c>
      <c r="C34" s="14">
        <v>12</v>
      </c>
      <c r="D34" s="18">
        <v>27</v>
      </c>
    </row>
    <row r="35" spans="1:4" ht="18" customHeight="1" x14ac:dyDescent="0.15">
      <c r="A35" s="5" t="s">
        <v>9</v>
      </c>
      <c r="B35" s="22">
        <v>92</v>
      </c>
      <c r="C35" s="14">
        <v>69</v>
      </c>
      <c r="D35" s="18">
        <v>161</v>
      </c>
    </row>
    <row r="36" spans="1:4" ht="18" customHeight="1" x14ac:dyDescent="0.15">
      <c r="A36" s="5">
        <v>25</v>
      </c>
      <c r="B36" s="22">
        <v>20</v>
      </c>
      <c r="C36" s="14">
        <v>13</v>
      </c>
      <c r="D36" s="18">
        <v>33</v>
      </c>
    </row>
    <row r="37" spans="1:4" ht="18" customHeight="1" x14ac:dyDescent="0.15">
      <c r="A37" s="5">
        <v>26</v>
      </c>
      <c r="B37" s="22">
        <v>14</v>
      </c>
      <c r="C37" s="14">
        <v>20</v>
      </c>
      <c r="D37" s="18">
        <v>34</v>
      </c>
    </row>
    <row r="38" spans="1:4" ht="18" customHeight="1" x14ac:dyDescent="0.15">
      <c r="A38" s="5">
        <v>27</v>
      </c>
      <c r="B38" s="22">
        <v>15</v>
      </c>
      <c r="C38" s="14">
        <v>28</v>
      </c>
      <c r="D38" s="18">
        <v>43</v>
      </c>
    </row>
    <row r="39" spans="1:4" ht="18" customHeight="1" x14ac:dyDescent="0.15">
      <c r="A39" s="5">
        <v>28</v>
      </c>
      <c r="B39" s="22">
        <v>12</v>
      </c>
      <c r="C39" s="14">
        <v>15</v>
      </c>
      <c r="D39" s="18">
        <v>27</v>
      </c>
    </row>
    <row r="40" spans="1:4" ht="18" customHeight="1" x14ac:dyDescent="0.15">
      <c r="A40" s="5">
        <v>29</v>
      </c>
      <c r="B40" s="22">
        <v>15</v>
      </c>
      <c r="C40" s="14">
        <v>22</v>
      </c>
      <c r="D40" s="18">
        <v>37</v>
      </c>
    </row>
    <row r="41" spans="1:4" ht="18" customHeight="1" x14ac:dyDescent="0.15">
      <c r="A41" s="5" t="s">
        <v>2</v>
      </c>
      <c r="B41" s="22">
        <v>76</v>
      </c>
      <c r="C41" s="14">
        <v>98</v>
      </c>
      <c r="D41" s="18">
        <v>174</v>
      </c>
    </row>
    <row r="42" spans="1:4" ht="18" customHeight="1" x14ac:dyDescent="0.15">
      <c r="A42" s="5">
        <v>30</v>
      </c>
      <c r="B42" s="22">
        <v>20</v>
      </c>
      <c r="C42" s="14">
        <v>22</v>
      </c>
      <c r="D42" s="18">
        <v>42</v>
      </c>
    </row>
    <row r="43" spans="1:4" ht="18" customHeight="1" x14ac:dyDescent="0.15">
      <c r="A43" s="5">
        <v>31</v>
      </c>
      <c r="B43" s="22">
        <v>23</v>
      </c>
      <c r="C43" s="14">
        <v>20</v>
      </c>
      <c r="D43" s="18">
        <v>43</v>
      </c>
    </row>
    <row r="44" spans="1:4" ht="18" customHeight="1" x14ac:dyDescent="0.15">
      <c r="A44" s="5">
        <v>32</v>
      </c>
      <c r="B44" s="22">
        <v>15</v>
      </c>
      <c r="C44" s="14">
        <v>22</v>
      </c>
      <c r="D44" s="18">
        <v>37</v>
      </c>
    </row>
    <row r="45" spans="1:4" ht="18" customHeight="1" x14ac:dyDescent="0.15">
      <c r="A45" s="5">
        <v>33</v>
      </c>
      <c r="B45" s="22">
        <v>11</v>
      </c>
      <c r="C45" s="14">
        <v>16</v>
      </c>
      <c r="D45" s="18">
        <v>27</v>
      </c>
    </row>
    <row r="46" spans="1:4" ht="18" customHeight="1" x14ac:dyDescent="0.15">
      <c r="A46" s="5">
        <v>34</v>
      </c>
      <c r="B46" s="22">
        <v>17</v>
      </c>
      <c r="C46" s="14">
        <v>21</v>
      </c>
      <c r="D46" s="18">
        <v>38</v>
      </c>
    </row>
    <row r="47" spans="1:4" ht="18" customHeight="1" x14ac:dyDescent="0.15">
      <c r="A47" s="5" t="s">
        <v>15</v>
      </c>
      <c r="B47" s="22">
        <v>86</v>
      </c>
      <c r="C47" s="14">
        <v>101</v>
      </c>
      <c r="D47" s="18">
        <v>187</v>
      </c>
    </row>
    <row r="48" spans="1:4" ht="18" customHeight="1" x14ac:dyDescent="0.15">
      <c r="A48" s="5">
        <v>35</v>
      </c>
      <c r="B48" s="22">
        <v>25</v>
      </c>
      <c r="C48" s="14">
        <v>18</v>
      </c>
      <c r="D48" s="18">
        <v>43</v>
      </c>
    </row>
    <row r="49" spans="1:4" ht="18" customHeight="1" x14ac:dyDescent="0.15">
      <c r="A49" s="5">
        <v>36</v>
      </c>
      <c r="B49" s="22">
        <v>32</v>
      </c>
      <c r="C49" s="14">
        <v>22</v>
      </c>
      <c r="D49" s="18">
        <v>54</v>
      </c>
    </row>
    <row r="50" spans="1:4" ht="18" customHeight="1" x14ac:dyDescent="0.15">
      <c r="A50" s="5">
        <v>37</v>
      </c>
      <c r="B50" s="22">
        <v>23</v>
      </c>
      <c r="C50" s="14">
        <v>16</v>
      </c>
      <c r="D50" s="18">
        <v>39</v>
      </c>
    </row>
    <row r="51" spans="1:4" ht="18" customHeight="1" x14ac:dyDescent="0.15">
      <c r="A51" s="5">
        <v>38</v>
      </c>
      <c r="B51" s="22">
        <v>23</v>
      </c>
      <c r="C51" s="14">
        <v>18</v>
      </c>
      <c r="D51" s="18">
        <v>41</v>
      </c>
    </row>
    <row r="52" spans="1:4" ht="18" customHeight="1" x14ac:dyDescent="0.15">
      <c r="A52" s="5">
        <v>39</v>
      </c>
      <c r="B52" s="22">
        <v>29</v>
      </c>
      <c r="C52" s="14">
        <v>28</v>
      </c>
      <c r="D52" s="18">
        <v>57</v>
      </c>
    </row>
    <row r="53" spans="1:4" ht="18" customHeight="1" x14ac:dyDescent="0.15">
      <c r="A53" s="5" t="s">
        <v>18</v>
      </c>
      <c r="B53" s="22">
        <v>132</v>
      </c>
      <c r="C53" s="14">
        <v>102</v>
      </c>
      <c r="D53" s="18">
        <v>234</v>
      </c>
    </row>
    <row r="54" spans="1:4" ht="18" customHeight="1" x14ac:dyDescent="0.15">
      <c r="A54" s="5">
        <v>40</v>
      </c>
      <c r="B54" s="22">
        <v>25</v>
      </c>
      <c r="C54" s="14">
        <v>28</v>
      </c>
      <c r="D54" s="18">
        <v>53</v>
      </c>
    </row>
    <row r="55" spans="1:4" ht="18" customHeight="1" x14ac:dyDescent="0.15">
      <c r="A55" s="5">
        <v>41</v>
      </c>
      <c r="B55" s="22">
        <v>22</v>
      </c>
      <c r="C55" s="14">
        <v>22</v>
      </c>
      <c r="D55" s="18">
        <v>44</v>
      </c>
    </row>
    <row r="56" spans="1:4" ht="18" customHeight="1" x14ac:dyDescent="0.15">
      <c r="A56" s="5">
        <v>42</v>
      </c>
      <c r="B56" s="22">
        <v>22</v>
      </c>
      <c r="C56" s="14">
        <v>13</v>
      </c>
      <c r="D56" s="18">
        <v>35</v>
      </c>
    </row>
    <row r="57" spans="1:4" ht="18" customHeight="1" x14ac:dyDescent="0.15">
      <c r="A57" s="5">
        <v>43</v>
      </c>
      <c r="B57" s="22">
        <v>27</v>
      </c>
      <c r="C57" s="14">
        <v>30</v>
      </c>
      <c r="D57" s="18">
        <v>57</v>
      </c>
    </row>
    <row r="58" spans="1:4" ht="18" customHeight="1" x14ac:dyDescent="0.15">
      <c r="A58" s="5">
        <v>44</v>
      </c>
      <c r="B58" s="22">
        <v>23</v>
      </c>
      <c r="C58" s="14">
        <v>21</v>
      </c>
      <c r="D58" s="18">
        <v>44</v>
      </c>
    </row>
    <row r="59" spans="1:4" ht="18" customHeight="1" x14ac:dyDescent="0.15">
      <c r="A59" s="5" t="s">
        <v>21</v>
      </c>
      <c r="B59" s="22">
        <v>119</v>
      </c>
      <c r="C59" s="14">
        <v>114</v>
      </c>
      <c r="D59" s="18">
        <v>233</v>
      </c>
    </row>
    <row r="60" spans="1:4" ht="18" customHeight="1" x14ac:dyDescent="0.15">
      <c r="A60" s="5">
        <v>45</v>
      </c>
      <c r="B60" s="22">
        <v>20</v>
      </c>
      <c r="C60" s="14">
        <v>24</v>
      </c>
      <c r="D60" s="18">
        <v>44</v>
      </c>
    </row>
    <row r="61" spans="1:4" ht="18" customHeight="1" x14ac:dyDescent="0.15">
      <c r="A61" s="5">
        <v>46</v>
      </c>
      <c r="B61" s="22">
        <v>33</v>
      </c>
      <c r="C61" s="14">
        <v>30</v>
      </c>
      <c r="D61" s="18">
        <v>63</v>
      </c>
    </row>
    <row r="62" spans="1:4" ht="18" customHeight="1" x14ac:dyDescent="0.15">
      <c r="A62" s="5">
        <v>47</v>
      </c>
      <c r="B62" s="22">
        <v>30</v>
      </c>
      <c r="C62" s="14">
        <v>23</v>
      </c>
      <c r="D62" s="18">
        <v>53</v>
      </c>
    </row>
    <row r="63" spans="1:4" ht="18" customHeight="1" x14ac:dyDescent="0.15">
      <c r="A63" s="5">
        <v>48</v>
      </c>
      <c r="B63" s="22">
        <v>44</v>
      </c>
      <c r="C63" s="14">
        <v>26</v>
      </c>
      <c r="D63" s="18">
        <v>70</v>
      </c>
    </row>
    <row r="64" spans="1:4" ht="18" customHeight="1" x14ac:dyDescent="0.15">
      <c r="A64" s="5">
        <v>49</v>
      </c>
      <c r="B64" s="22">
        <v>26</v>
      </c>
      <c r="C64" s="14">
        <v>24</v>
      </c>
      <c r="D64" s="18">
        <v>50</v>
      </c>
    </row>
    <row r="65" spans="1:4" ht="18" customHeight="1" x14ac:dyDescent="0.15">
      <c r="A65" s="5" t="s">
        <v>17</v>
      </c>
      <c r="B65" s="22">
        <v>153</v>
      </c>
      <c r="C65" s="14">
        <v>127</v>
      </c>
      <c r="D65" s="18">
        <v>280</v>
      </c>
    </row>
    <row r="66" spans="1:4" ht="18" customHeight="1" x14ac:dyDescent="0.15">
      <c r="A66" s="5">
        <v>50</v>
      </c>
      <c r="B66" s="22">
        <v>35</v>
      </c>
      <c r="C66" s="14">
        <v>36</v>
      </c>
      <c r="D66" s="18">
        <v>71</v>
      </c>
    </row>
    <row r="67" spans="1:4" ht="18" customHeight="1" x14ac:dyDescent="0.15">
      <c r="A67" s="5">
        <v>51</v>
      </c>
      <c r="B67" s="22">
        <v>39</v>
      </c>
      <c r="C67" s="14">
        <v>37</v>
      </c>
      <c r="D67" s="18">
        <v>76</v>
      </c>
    </row>
    <row r="68" spans="1:4" ht="18" customHeight="1" x14ac:dyDescent="0.15">
      <c r="A68" s="5">
        <v>52</v>
      </c>
      <c r="B68" s="22">
        <v>30</v>
      </c>
      <c r="C68" s="14">
        <v>27</v>
      </c>
      <c r="D68" s="18">
        <v>57</v>
      </c>
    </row>
    <row r="69" spans="1:4" ht="18" customHeight="1" x14ac:dyDescent="0.15">
      <c r="A69" s="5">
        <v>53</v>
      </c>
      <c r="B69" s="22">
        <v>17</v>
      </c>
      <c r="C69" s="14">
        <v>15</v>
      </c>
      <c r="D69" s="18">
        <v>32</v>
      </c>
    </row>
    <row r="70" spans="1:4" ht="18" customHeight="1" x14ac:dyDescent="0.15">
      <c r="A70" s="5">
        <v>54</v>
      </c>
      <c r="B70" s="22">
        <v>20</v>
      </c>
      <c r="C70" s="14">
        <v>25</v>
      </c>
      <c r="D70" s="18">
        <v>45</v>
      </c>
    </row>
    <row r="71" spans="1:4" ht="18" customHeight="1" x14ac:dyDescent="0.15">
      <c r="A71" s="5" t="s">
        <v>22</v>
      </c>
      <c r="B71" s="22">
        <v>141</v>
      </c>
      <c r="C71" s="14">
        <v>140</v>
      </c>
      <c r="D71" s="18">
        <v>281</v>
      </c>
    </row>
    <row r="72" spans="1:4" ht="18" customHeight="1" x14ac:dyDescent="0.15">
      <c r="A72" s="5">
        <v>55</v>
      </c>
      <c r="B72" s="22">
        <v>18</v>
      </c>
      <c r="C72" s="14">
        <v>25</v>
      </c>
      <c r="D72" s="18">
        <v>43</v>
      </c>
    </row>
    <row r="73" spans="1:4" ht="18" customHeight="1" x14ac:dyDescent="0.15">
      <c r="A73" s="5">
        <v>56</v>
      </c>
      <c r="B73" s="22">
        <v>19</v>
      </c>
      <c r="C73" s="14">
        <v>22</v>
      </c>
      <c r="D73" s="18">
        <v>41</v>
      </c>
    </row>
    <row r="74" spans="1:4" ht="18" customHeight="1" x14ac:dyDescent="0.15">
      <c r="A74" s="5">
        <v>57</v>
      </c>
      <c r="B74" s="22">
        <v>17</v>
      </c>
      <c r="C74" s="14">
        <v>22</v>
      </c>
      <c r="D74" s="18">
        <v>39</v>
      </c>
    </row>
    <row r="75" spans="1:4" ht="18" customHeight="1" x14ac:dyDescent="0.15">
      <c r="A75" s="5">
        <v>58</v>
      </c>
      <c r="B75" s="22">
        <v>14</v>
      </c>
      <c r="C75" s="14">
        <v>18</v>
      </c>
      <c r="D75" s="18">
        <v>32</v>
      </c>
    </row>
    <row r="76" spans="1:4" ht="18" customHeight="1" x14ac:dyDescent="0.15">
      <c r="A76" s="5">
        <v>59</v>
      </c>
      <c r="B76" s="22">
        <v>20</v>
      </c>
      <c r="C76" s="14">
        <v>9</v>
      </c>
      <c r="D76" s="18">
        <v>29</v>
      </c>
    </row>
    <row r="77" spans="1:4" ht="18" customHeight="1" x14ac:dyDescent="0.15">
      <c r="A77" s="5" t="s">
        <v>27</v>
      </c>
      <c r="B77" s="22">
        <v>88</v>
      </c>
      <c r="C77" s="14">
        <v>96</v>
      </c>
      <c r="D77" s="18">
        <v>184</v>
      </c>
    </row>
    <row r="78" spans="1:4" ht="18" customHeight="1" x14ac:dyDescent="0.15">
      <c r="A78" s="5">
        <v>60</v>
      </c>
      <c r="B78" s="22">
        <v>18</v>
      </c>
      <c r="C78" s="14">
        <v>24</v>
      </c>
      <c r="D78" s="18">
        <v>42</v>
      </c>
    </row>
    <row r="79" spans="1:4" ht="18" customHeight="1" x14ac:dyDescent="0.15">
      <c r="A79" s="5">
        <v>61</v>
      </c>
      <c r="B79" s="22">
        <v>21</v>
      </c>
      <c r="C79" s="14">
        <v>14</v>
      </c>
      <c r="D79" s="18">
        <v>35</v>
      </c>
    </row>
    <row r="80" spans="1:4" ht="18" customHeight="1" x14ac:dyDescent="0.15">
      <c r="A80" s="5">
        <v>62</v>
      </c>
      <c r="B80" s="22">
        <v>18</v>
      </c>
      <c r="C80" s="14">
        <v>22</v>
      </c>
      <c r="D80" s="18">
        <v>40</v>
      </c>
    </row>
    <row r="81" spans="1:4" ht="18" customHeight="1" x14ac:dyDescent="0.15">
      <c r="A81" s="5">
        <v>63</v>
      </c>
      <c r="B81" s="22">
        <v>20</v>
      </c>
      <c r="C81" s="14">
        <v>18</v>
      </c>
      <c r="D81" s="18">
        <v>38</v>
      </c>
    </row>
    <row r="82" spans="1:4" ht="18" customHeight="1" x14ac:dyDescent="0.15">
      <c r="A82" s="5">
        <v>64</v>
      </c>
      <c r="B82" s="22">
        <v>15</v>
      </c>
      <c r="C82" s="14">
        <v>20</v>
      </c>
      <c r="D82" s="18">
        <v>35</v>
      </c>
    </row>
    <row r="83" spans="1:4" ht="18" customHeight="1" x14ac:dyDescent="0.15">
      <c r="A83" s="5" t="s">
        <v>28</v>
      </c>
      <c r="B83" s="22">
        <v>92</v>
      </c>
      <c r="C83" s="14">
        <v>98</v>
      </c>
      <c r="D83" s="18">
        <v>190</v>
      </c>
    </row>
    <row r="84" spans="1:4" ht="18" customHeight="1" x14ac:dyDescent="0.15">
      <c r="A84" s="5" t="s">
        <v>31</v>
      </c>
      <c r="B84" s="22">
        <v>1060</v>
      </c>
      <c r="C84" s="14">
        <v>1033</v>
      </c>
      <c r="D84" s="18">
        <v>2093</v>
      </c>
    </row>
    <row r="85" spans="1:4" ht="18" customHeight="1" x14ac:dyDescent="0.15">
      <c r="A85" s="5">
        <v>65</v>
      </c>
      <c r="B85" s="22">
        <v>17</v>
      </c>
      <c r="C85" s="14">
        <v>20</v>
      </c>
      <c r="D85" s="18">
        <v>37</v>
      </c>
    </row>
    <row r="86" spans="1:4" ht="18" customHeight="1" x14ac:dyDescent="0.15">
      <c r="A86" s="5">
        <v>66</v>
      </c>
      <c r="B86" s="22">
        <v>15</v>
      </c>
      <c r="C86" s="14">
        <v>18</v>
      </c>
      <c r="D86" s="18">
        <v>33</v>
      </c>
    </row>
    <row r="87" spans="1:4" ht="18" customHeight="1" x14ac:dyDescent="0.15">
      <c r="A87" s="5">
        <v>67</v>
      </c>
      <c r="B87" s="22">
        <v>9</v>
      </c>
      <c r="C87" s="14">
        <v>22</v>
      </c>
      <c r="D87" s="18">
        <v>31</v>
      </c>
    </row>
    <row r="88" spans="1:4" ht="18" customHeight="1" x14ac:dyDescent="0.15">
      <c r="A88" s="5">
        <v>68</v>
      </c>
      <c r="B88" s="22">
        <v>13</v>
      </c>
      <c r="C88" s="14">
        <v>29</v>
      </c>
      <c r="D88" s="18">
        <v>42</v>
      </c>
    </row>
    <row r="89" spans="1:4" ht="18" customHeight="1" x14ac:dyDescent="0.15">
      <c r="A89" s="5">
        <v>69</v>
      </c>
      <c r="B89" s="22">
        <v>29</v>
      </c>
      <c r="C89" s="14">
        <v>23</v>
      </c>
      <c r="D89" s="18">
        <v>52</v>
      </c>
    </row>
    <row r="90" spans="1:4" ht="18" customHeight="1" x14ac:dyDescent="0.15">
      <c r="A90" s="5" t="s">
        <v>20</v>
      </c>
      <c r="B90" s="22">
        <v>83</v>
      </c>
      <c r="C90" s="14">
        <v>112</v>
      </c>
      <c r="D90" s="18">
        <v>195</v>
      </c>
    </row>
    <row r="91" spans="1:4" ht="18" customHeight="1" x14ac:dyDescent="0.15">
      <c r="A91" s="5">
        <v>70</v>
      </c>
      <c r="B91" s="22">
        <v>16</v>
      </c>
      <c r="C91" s="14">
        <v>27</v>
      </c>
      <c r="D91" s="18">
        <v>43</v>
      </c>
    </row>
    <row r="92" spans="1:4" ht="18" customHeight="1" x14ac:dyDescent="0.15">
      <c r="A92" s="5">
        <v>71</v>
      </c>
      <c r="B92" s="22">
        <v>21</v>
      </c>
      <c r="C92" s="14">
        <v>18</v>
      </c>
      <c r="D92" s="18">
        <v>39</v>
      </c>
    </row>
    <row r="93" spans="1:4" ht="18" customHeight="1" x14ac:dyDescent="0.15">
      <c r="A93" s="5">
        <v>72</v>
      </c>
      <c r="B93" s="22">
        <v>29</v>
      </c>
      <c r="C93" s="14">
        <v>28</v>
      </c>
      <c r="D93" s="18">
        <v>57</v>
      </c>
    </row>
    <row r="94" spans="1:4" ht="18" customHeight="1" x14ac:dyDescent="0.15">
      <c r="A94" s="5">
        <v>73</v>
      </c>
      <c r="B94" s="22">
        <v>25</v>
      </c>
      <c r="C94" s="14">
        <v>30</v>
      </c>
      <c r="D94" s="18">
        <v>55</v>
      </c>
    </row>
    <row r="95" spans="1:4" ht="18" customHeight="1" x14ac:dyDescent="0.15">
      <c r="A95" s="5">
        <v>74</v>
      </c>
      <c r="B95" s="22">
        <v>23</v>
      </c>
      <c r="C95" s="14">
        <v>36</v>
      </c>
      <c r="D95" s="18">
        <v>59</v>
      </c>
    </row>
    <row r="96" spans="1:4" ht="18" customHeight="1" x14ac:dyDescent="0.15">
      <c r="A96" s="5" t="s">
        <v>33</v>
      </c>
      <c r="B96" s="22">
        <v>114</v>
      </c>
      <c r="C96" s="14">
        <v>139</v>
      </c>
      <c r="D96" s="18">
        <v>253</v>
      </c>
    </row>
    <row r="97" spans="1:4" ht="18" customHeight="1" x14ac:dyDescent="0.15">
      <c r="A97" s="5">
        <v>75</v>
      </c>
      <c r="B97" s="22">
        <v>31</v>
      </c>
      <c r="C97" s="14">
        <v>25</v>
      </c>
      <c r="D97" s="18">
        <v>56</v>
      </c>
    </row>
    <row r="98" spans="1:4" ht="18" customHeight="1" x14ac:dyDescent="0.15">
      <c r="A98" s="5">
        <v>76</v>
      </c>
      <c r="B98" s="22">
        <v>37</v>
      </c>
      <c r="C98" s="14">
        <v>36</v>
      </c>
      <c r="D98" s="18">
        <v>73</v>
      </c>
    </row>
    <row r="99" spans="1:4" ht="18" customHeight="1" x14ac:dyDescent="0.15">
      <c r="A99" s="5">
        <v>77</v>
      </c>
      <c r="B99" s="22">
        <v>35</v>
      </c>
      <c r="C99" s="14">
        <v>35</v>
      </c>
      <c r="D99" s="18">
        <v>70</v>
      </c>
    </row>
    <row r="100" spans="1:4" ht="18" customHeight="1" x14ac:dyDescent="0.15">
      <c r="A100" s="5">
        <v>78</v>
      </c>
      <c r="B100" s="22">
        <v>24</v>
      </c>
      <c r="C100" s="14">
        <v>35</v>
      </c>
      <c r="D100" s="18">
        <v>59</v>
      </c>
    </row>
    <row r="101" spans="1:4" ht="18" customHeight="1" x14ac:dyDescent="0.15">
      <c r="A101" s="5">
        <v>79</v>
      </c>
      <c r="B101" s="22">
        <v>24</v>
      </c>
      <c r="C101" s="14">
        <v>26</v>
      </c>
      <c r="D101" s="18">
        <v>50</v>
      </c>
    </row>
    <row r="102" spans="1:4" ht="18" customHeight="1" x14ac:dyDescent="0.15">
      <c r="A102" s="5" t="s">
        <v>0</v>
      </c>
      <c r="B102" s="22">
        <v>151</v>
      </c>
      <c r="C102" s="14">
        <v>157</v>
      </c>
      <c r="D102" s="18">
        <v>308</v>
      </c>
    </row>
    <row r="103" spans="1:4" ht="18" customHeight="1" x14ac:dyDescent="0.15">
      <c r="A103" s="5">
        <v>80</v>
      </c>
      <c r="B103" s="22">
        <v>14</v>
      </c>
      <c r="C103" s="14">
        <v>11</v>
      </c>
      <c r="D103" s="18">
        <v>25</v>
      </c>
    </row>
    <row r="104" spans="1:4" ht="18" customHeight="1" x14ac:dyDescent="0.15">
      <c r="A104" s="5">
        <v>81</v>
      </c>
      <c r="B104" s="22">
        <v>16</v>
      </c>
      <c r="C104" s="14">
        <v>16</v>
      </c>
      <c r="D104" s="18">
        <v>32</v>
      </c>
    </row>
    <row r="105" spans="1:4" ht="18" customHeight="1" x14ac:dyDescent="0.15">
      <c r="A105" s="5">
        <v>82</v>
      </c>
      <c r="B105" s="22">
        <v>12</v>
      </c>
      <c r="C105" s="14">
        <v>15</v>
      </c>
      <c r="D105" s="18">
        <v>27</v>
      </c>
    </row>
    <row r="106" spans="1:4" ht="18" customHeight="1" x14ac:dyDescent="0.15">
      <c r="A106" s="5">
        <v>83</v>
      </c>
      <c r="B106" s="22">
        <v>14</v>
      </c>
      <c r="C106" s="14">
        <v>19</v>
      </c>
      <c r="D106" s="18">
        <v>33</v>
      </c>
    </row>
    <row r="107" spans="1:4" ht="18" customHeight="1" x14ac:dyDescent="0.15">
      <c r="A107" s="5">
        <v>84</v>
      </c>
      <c r="B107" s="22">
        <v>13</v>
      </c>
      <c r="C107" s="14">
        <v>15</v>
      </c>
      <c r="D107" s="18">
        <v>28</v>
      </c>
    </row>
    <row r="108" spans="1:4" ht="18" customHeight="1" x14ac:dyDescent="0.15">
      <c r="A108" s="5" t="s">
        <v>35</v>
      </c>
      <c r="B108" s="22">
        <v>69</v>
      </c>
      <c r="C108" s="14">
        <v>76</v>
      </c>
      <c r="D108" s="18">
        <v>145</v>
      </c>
    </row>
    <row r="109" spans="1:4" ht="18" customHeight="1" x14ac:dyDescent="0.15">
      <c r="A109" s="5">
        <v>85</v>
      </c>
      <c r="B109" s="22">
        <v>11</v>
      </c>
      <c r="C109" s="14">
        <v>13</v>
      </c>
      <c r="D109" s="18">
        <v>24</v>
      </c>
    </row>
    <row r="110" spans="1:4" ht="18" customHeight="1" x14ac:dyDescent="0.15">
      <c r="A110" s="5">
        <v>86</v>
      </c>
      <c r="B110" s="22">
        <v>10</v>
      </c>
      <c r="C110" s="14">
        <v>12</v>
      </c>
      <c r="D110" s="18">
        <v>22</v>
      </c>
    </row>
    <row r="111" spans="1:4" ht="18" customHeight="1" x14ac:dyDescent="0.15">
      <c r="A111" s="5">
        <v>87</v>
      </c>
      <c r="B111" s="22">
        <v>5</v>
      </c>
      <c r="C111" s="14">
        <v>8</v>
      </c>
      <c r="D111" s="18">
        <v>13</v>
      </c>
    </row>
    <row r="112" spans="1:4" ht="18" customHeight="1" x14ac:dyDescent="0.15">
      <c r="A112" s="5">
        <v>88</v>
      </c>
      <c r="B112" s="22">
        <v>4</v>
      </c>
      <c r="C112" s="14">
        <v>6</v>
      </c>
      <c r="D112" s="18">
        <v>10</v>
      </c>
    </row>
    <row r="113" spans="1:4" ht="18" customHeight="1" x14ac:dyDescent="0.15">
      <c r="A113" s="5">
        <v>89</v>
      </c>
      <c r="B113" s="22">
        <v>4</v>
      </c>
      <c r="C113" s="14">
        <v>9</v>
      </c>
      <c r="D113" s="18">
        <v>13</v>
      </c>
    </row>
    <row r="114" spans="1:4" ht="18" customHeight="1" x14ac:dyDescent="0.15">
      <c r="A114" s="5" t="s">
        <v>37</v>
      </c>
      <c r="B114" s="22">
        <v>34</v>
      </c>
      <c r="C114" s="14">
        <v>48</v>
      </c>
      <c r="D114" s="18">
        <v>82</v>
      </c>
    </row>
    <row r="115" spans="1:4" ht="18" customHeight="1" x14ac:dyDescent="0.15">
      <c r="A115" s="5">
        <v>90</v>
      </c>
      <c r="B115" s="22">
        <v>8</v>
      </c>
      <c r="C115" s="14">
        <v>9</v>
      </c>
      <c r="D115" s="18">
        <v>17</v>
      </c>
    </row>
    <row r="116" spans="1:4" ht="18" customHeight="1" x14ac:dyDescent="0.15">
      <c r="A116" s="5">
        <v>91</v>
      </c>
      <c r="B116" s="22">
        <v>2</v>
      </c>
      <c r="C116" s="14">
        <v>6</v>
      </c>
      <c r="D116" s="18">
        <v>8</v>
      </c>
    </row>
    <row r="117" spans="1:4" ht="18" customHeight="1" x14ac:dyDescent="0.15">
      <c r="A117" s="5">
        <v>92</v>
      </c>
      <c r="B117" s="22">
        <v>0</v>
      </c>
      <c r="C117" s="14">
        <v>8</v>
      </c>
      <c r="D117" s="18">
        <v>8</v>
      </c>
    </row>
    <row r="118" spans="1:4" ht="18" customHeight="1" x14ac:dyDescent="0.15">
      <c r="A118" s="5">
        <v>93</v>
      </c>
      <c r="B118" s="22">
        <v>0</v>
      </c>
      <c r="C118" s="14">
        <v>4</v>
      </c>
      <c r="D118" s="18">
        <v>4</v>
      </c>
    </row>
    <row r="119" spans="1:4" ht="18" customHeight="1" x14ac:dyDescent="0.15">
      <c r="A119" s="5">
        <v>94</v>
      </c>
      <c r="B119" s="22">
        <v>0</v>
      </c>
      <c r="C119" s="14">
        <v>4</v>
      </c>
      <c r="D119" s="18">
        <v>4</v>
      </c>
    </row>
    <row r="120" spans="1:4" ht="18" customHeight="1" x14ac:dyDescent="0.15">
      <c r="A120" s="5" t="s">
        <v>39</v>
      </c>
      <c r="B120" s="22">
        <v>10</v>
      </c>
      <c r="C120" s="14">
        <v>31</v>
      </c>
      <c r="D120" s="18">
        <v>41</v>
      </c>
    </row>
    <row r="121" spans="1:4" ht="18" customHeight="1" x14ac:dyDescent="0.15">
      <c r="A121" s="5">
        <v>95</v>
      </c>
      <c r="B121" s="22">
        <v>4</v>
      </c>
      <c r="C121" s="14">
        <v>2</v>
      </c>
      <c r="D121" s="18">
        <v>6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2</v>
      </c>
      <c r="C123" s="14">
        <v>1</v>
      </c>
      <c r="D123" s="18">
        <v>3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7</v>
      </c>
      <c r="C126" s="14">
        <v>7</v>
      </c>
      <c r="D126" s="18">
        <v>14</v>
      </c>
    </row>
    <row r="127" spans="1:4" ht="18" customHeight="1" x14ac:dyDescent="0.15">
      <c r="A127" s="5">
        <v>100</v>
      </c>
      <c r="B127" s="22">
        <v>1</v>
      </c>
      <c r="C127" s="14">
        <v>2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1</v>
      </c>
      <c r="C129" s="14">
        <v>2</v>
      </c>
      <c r="D129" s="18">
        <v>3</v>
      </c>
    </row>
    <row r="130" spans="1:4" ht="18" customHeight="1" x14ac:dyDescent="0.15">
      <c r="A130" s="5" t="s">
        <v>46</v>
      </c>
      <c r="B130" s="22">
        <v>469</v>
      </c>
      <c r="C130" s="14">
        <v>572</v>
      </c>
      <c r="D130" s="18">
        <v>1041</v>
      </c>
    </row>
    <row r="131" spans="1:4" ht="18" customHeight="1" x14ac:dyDescent="0.15">
      <c r="A131" s="7" t="s">
        <v>45</v>
      </c>
      <c r="B131" s="23">
        <v>1797</v>
      </c>
      <c r="C131" s="15">
        <v>1817</v>
      </c>
      <c r="D131" s="19">
        <v>361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9</v>
      </c>
      <c r="C5" s="29">
        <v>9</v>
      </c>
      <c r="D5" s="31">
        <v>18</v>
      </c>
    </row>
    <row r="6" spans="1:4" ht="18" customHeight="1" x14ac:dyDescent="0.15">
      <c r="A6" s="5">
        <v>1</v>
      </c>
      <c r="B6" s="27">
        <v>5</v>
      </c>
      <c r="C6" s="14">
        <v>7</v>
      </c>
      <c r="D6" s="18">
        <v>12</v>
      </c>
    </row>
    <row r="7" spans="1:4" ht="18" customHeight="1" x14ac:dyDescent="0.15">
      <c r="A7" s="5">
        <v>2</v>
      </c>
      <c r="B7" s="27">
        <v>8</v>
      </c>
      <c r="C7" s="14">
        <v>7</v>
      </c>
      <c r="D7" s="18">
        <v>15</v>
      </c>
    </row>
    <row r="8" spans="1:4" ht="18" customHeight="1" x14ac:dyDescent="0.15">
      <c r="A8" s="5">
        <v>3</v>
      </c>
      <c r="B8" s="27">
        <v>8</v>
      </c>
      <c r="C8" s="14">
        <v>12</v>
      </c>
      <c r="D8" s="18">
        <v>20</v>
      </c>
    </row>
    <row r="9" spans="1:4" ht="18" customHeight="1" x14ac:dyDescent="0.15">
      <c r="A9" s="5">
        <v>4</v>
      </c>
      <c r="B9" s="28">
        <v>8</v>
      </c>
      <c r="C9" s="30">
        <v>12</v>
      </c>
      <c r="D9" s="32">
        <v>20</v>
      </c>
    </row>
    <row r="10" spans="1:4" ht="18" customHeight="1" x14ac:dyDescent="0.15">
      <c r="A10" s="5" t="s">
        <v>7</v>
      </c>
      <c r="B10" s="22">
        <v>38</v>
      </c>
      <c r="C10" s="14">
        <v>47</v>
      </c>
      <c r="D10" s="18">
        <v>85</v>
      </c>
    </row>
    <row r="11" spans="1:4" ht="18" customHeight="1" x14ac:dyDescent="0.15">
      <c r="A11" s="5">
        <v>5</v>
      </c>
      <c r="B11" s="27">
        <v>6</v>
      </c>
      <c r="C11" s="14">
        <v>17</v>
      </c>
      <c r="D11" s="18">
        <v>23</v>
      </c>
    </row>
    <row r="12" spans="1:4" ht="18" customHeight="1" x14ac:dyDescent="0.15">
      <c r="A12" s="5">
        <v>6</v>
      </c>
      <c r="B12" s="27">
        <v>12</v>
      </c>
      <c r="C12" s="14">
        <v>5</v>
      </c>
      <c r="D12" s="18">
        <v>17</v>
      </c>
    </row>
    <row r="13" spans="1:4" ht="18" customHeight="1" x14ac:dyDescent="0.15">
      <c r="A13" s="5">
        <v>7</v>
      </c>
      <c r="B13" s="27">
        <v>13</v>
      </c>
      <c r="C13" s="14">
        <v>10</v>
      </c>
      <c r="D13" s="18">
        <v>23</v>
      </c>
    </row>
    <row r="14" spans="1:4" ht="18" customHeight="1" x14ac:dyDescent="0.15">
      <c r="A14" s="5">
        <v>8</v>
      </c>
      <c r="B14" s="27">
        <v>11</v>
      </c>
      <c r="C14" s="14">
        <v>11</v>
      </c>
      <c r="D14" s="18">
        <v>22</v>
      </c>
    </row>
    <row r="15" spans="1:4" ht="18" customHeight="1" x14ac:dyDescent="0.15">
      <c r="A15" s="5">
        <v>9</v>
      </c>
      <c r="B15" s="27">
        <v>11</v>
      </c>
      <c r="C15" s="14">
        <v>16</v>
      </c>
      <c r="D15" s="18">
        <v>27</v>
      </c>
    </row>
    <row r="16" spans="1:4" ht="18" customHeight="1" x14ac:dyDescent="0.15">
      <c r="A16" s="5" t="s">
        <v>11</v>
      </c>
      <c r="B16" s="22">
        <v>53</v>
      </c>
      <c r="C16" s="14">
        <v>59</v>
      </c>
      <c r="D16" s="18">
        <v>112</v>
      </c>
    </row>
    <row r="17" spans="1:4" ht="18" customHeight="1" x14ac:dyDescent="0.15">
      <c r="A17" s="5">
        <v>10</v>
      </c>
      <c r="B17" s="22">
        <v>18</v>
      </c>
      <c r="C17" s="14">
        <v>13</v>
      </c>
      <c r="D17" s="18">
        <v>31</v>
      </c>
    </row>
    <row r="18" spans="1:4" ht="18" customHeight="1" x14ac:dyDescent="0.15">
      <c r="A18" s="5">
        <v>11</v>
      </c>
      <c r="B18" s="22">
        <v>15</v>
      </c>
      <c r="C18" s="14">
        <v>10</v>
      </c>
      <c r="D18" s="18">
        <v>25</v>
      </c>
    </row>
    <row r="19" spans="1:4" ht="18" customHeight="1" x14ac:dyDescent="0.15">
      <c r="A19" s="5">
        <v>12</v>
      </c>
      <c r="B19" s="22">
        <v>17</v>
      </c>
      <c r="C19" s="14">
        <v>21</v>
      </c>
      <c r="D19" s="18">
        <v>38</v>
      </c>
    </row>
    <row r="20" spans="1:4" ht="18" customHeight="1" x14ac:dyDescent="0.15">
      <c r="A20" s="5">
        <v>13</v>
      </c>
      <c r="B20" s="22">
        <v>14</v>
      </c>
      <c r="C20" s="14">
        <v>18</v>
      </c>
      <c r="D20" s="18">
        <v>32</v>
      </c>
    </row>
    <row r="21" spans="1:4" ht="18" customHeight="1" x14ac:dyDescent="0.15">
      <c r="A21" s="5">
        <v>14</v>
      </c>
      <c r="B21" s="22">
        <v>17</v>
      </c>
      <c r="C21" s="14">
        <v>16</v>
      </c>
      <c r="D21" s="18">
        <v>33</v>
      </c>
    </row>
    <row r="22" spans="1:4" ht="18" customHeight="1" x14ac:dyDescent="0.15">
      <c r="A22" s="5" t="s">
        <v>12</v>
      </c>
      <c r="B22" s="22">
        <v>81</v>
      </c>
      <c r="C22" s="14">
        <v>78</v>
      </c>
      <c r="D22" s="18">
        <v>159</v>
      </c>
    </row>
    <row r="23" spans="1:4" ht="18" customHeight="1" x14ac:dyDescent="0.15">
      <c r="A23" s="5" t="s">
        <v>6</v>
      </c>
      <c r="B23" s="22">
        <v>172</v>
      </c>
      <c r="C23" s="14">
        <v>184</v>
      </c>
      <c r="D23" s="18">
        <v>356</v>
      </c>
    </row>
    <row r="24" spans="1:4" ht="18" customHeight="1" x14ac:dyDescent="0.15">
      <c r="A24" s="5">
        <v>15</v>
      </c>
      <c r="B24" s="22">
        <v>20</v>
      </c>
      <c r="C24" s="14">
        <v>21</v>
      </c>
      <c r="D24" s="18">
        <v>41</v>
      </c>
    </row>
    <row r="25" spans="1:4" ht="18" customHeight="1" x14ac:dyDescent="0.15">
      <c r="A25" s="5">
        <v>16</v>
      </c>
      <c r="B25" s="22">
        <v>18</v>
      </c>
      <c r="C25" s="14">
        <v>15</v>
      </c>
      <c r="D25" s="18">
        <v>33</v>
      </c>
    </row>
    <row r="26" spans="1:4" ht="18" customHeight="1" x14ac:dyDescent="0.15">
      <c r="A26" s="5">
        <v>17</v>
      </c>
      <c r="B26" s="22">
        <v>26</v>
      </c>
      <c r="C26" s="14">
        <v>15</v>
      </c>
      <c r="D26" s="18">
        <v>41</v>
      </c>
    </row>
    <row r="27" spans="1:4" ht="18" customHeight="1" x14ac:dyDescent="0.15">
      <c r="A27" s="5">
        <v>18</v>
      </c>
      <c r="B27" s="22">
        <v>16</v>
      </c>
      <c r="C27" s="14">
        <v>11</v>
      </c>
      <c r="D27" s="18">
        <v>27</v>
      </c>
    </row>
    <row r="28" spans="1:4" ht="18" customHeight="1" x14ac:dyDescent="0.15">
      <c r="A28" s="5">
        <v>19</v>
      </c>
      <c r="B28" s="22">
        <v>19</v>
      </c>
      <c r="C28" s="14">
        <v>17</v>
      </c>
      <c r="D28" s="18">
        <v>36</v>
      </c>
    </row>
    <row r="29" spans="1:4" ht="18" customHeight="1" x14ac:dyDescent="0.15">
      <c r="A29" s="5" t="s">
        <v>14</v>
      </c>
      <c r="B29" s="22">
        <v>99</v>
      </c>
      <c r="C29" s="14">
        <v>79</v>
      </c>
      <c r="D29" s="18">
        <v>178</v>
      </c>
    </row>
    <row r="30" spans="1:4" ht="18" customHeight="1" x14ac:dyDescent="0.15">
      <c r="A30" s="5">
        <v>20</v>
      </c>
      <c r="B30" s="22">
        <v>23</v>
      </c>
      <c r="C30" s="14">
        <v>12</v>
      </c>
      <c r="D30" s="18">
        <v>35</v>
      </c>
    </row>
    <row r="31" spans="1:4" ht="18" customHeight="1" x14ac:dyDescent="0.15">
      <c r="A31" s="5">
        <v>21</v>
      </c>
      <c r="B31" s="22">
        <v>18</v>
      </c>
      <c r="C31" s="14">
        <v>14</v>
      </c>
      <c r="D31" s="18">
        <v>32</v>
      </c>
    </row>
    <row r="32" spans="1:4" ht="18" customHeight="1" x14ac:dyDescent="0.15">
      <c r="A32" s="5">
        <v>22</v>
      </c>
      <c r="B32" s="22">
        <v>25</v>
      </c>
      <c r="C32" s="14">
        <v>10</v>
      </c>
      <c r="D32" s="18">
        <v>35</v>
      </c>
    </row>
    <row r="33" spans="1:4" ht="18" customHeight="1" x14ac:dyDescent="0.15">
      <c r="A33" s="5">
        <v>23</v>
      </c>
      <c r="B33" s="22">
        <v>11</v>
      </c>
      <c r="C33" s="14">
        <v>10</v>
      </c>
      <c r="D33" s="18">
        <v>21</v>
      </c>
    </row>
    <row r="34" spans="1:4" ht="18" customHeight="1" x14ac:dyDescent="0.15">
      <c r="A34" s="5">
        <v>24</v>
      </c>
      <c r="B34" s="22">
        <v>15</v>
      </c>
      <c r="C34" s="14">
        <v>18</v>
      </c>
      <c r="D34" s="18">
        <v>33</v>
      </c>
    </row>
    <row r="35" spans="1:4" ht="18" customHeight="1" x14ac:dyDescent="0.15">
      <c r="A35" s="5" t="s">
        <v>9</v>
      </c>
      <c r="B35" s="22">
        <v>92</v>
      </c>
      <c r="C35" s="14">
        <v>64</v>
      </c>
      <c r="D35" s="18">
        <v>156</v>
      </c>
    </row>
    <row r="36" spans="1:4" ht="18" customHeight="1" x14ac:dyDescent="0.15">
      <c r="A36" s="5">
        <v>25</v>
      </c>
      <c r="B36" s="22">
        <v>17</v>
      </c>
      <c r="C36" s="14">
        <v>12</v>
      </c>
      <c r="D36" s="18">
        <v>29</v>
      </c>
    </row>
    <row r="37" spans="1:4" ht="18" customHeight="1" x14ac:dyDescent="0.15">
      <c r="A37" s="5">
        <v>26</v>
      </c>
      <c r="B37" s="22">
        <v>6</v>
      </c>
      <c r="C37" s="14">
        <v>14</v>
      </c>
      <c r="D37" s="18">
        <v>20</v>
      </c>
    </row>
    <row r="38" spans="1:4" ht="18" customHeight="1" x14ac:dyDescent="0.15">
      <c r="A38" s="5">
        <v>27</v>
      </c>
      <c r="B38" s="22">
        <v>9</v>
      </c>
      <c r="C38" s="14">
        <v>13</v>
      </c>
      <c r="D38" s="18">
        <v>22</v>
      </c>
    </row>
    <row r="39" spans="1:4" ht="18" customHeight="1" x14ac:dyDescent="0.15">
      <c r="A39" s="5">
        <v>28</v>
      </c>
      <c r="B39" s="22">
        <v>16</v>
      </c>
      <c r="C39" s="14">
        <v>16</v>
      </c>
      <c r="D39" s="18">
        <v>32</v>
      </c>
    </row>
    <row r="40" spans="1:4" ht="18" customHeight="1" x14ac:dyDescent="0.15">
      <c r="A40" s="5">
        <v>29</v>
      </c>
      <c r="B40" s="22">
        <v>19</v>
      </c>
      <c r="C40" s="14">
        <v>20</v>
      </c>
      <c r="D40" s="18">
        <v>39</v>
      </c>
    </row>
    <row r="41" spans="1:4" ht="18" customHeight="1" x14ac:dyDescent="0.15">
      <c r="A41" s="5" t="s">
        <v>2</v>
      </c>
      <c r="B41" s="22">
        <v>67</v>
      </c>
      <c r="C41" s="14">
        <v>75</v>
      </c>
      <c r="D41" s="18">
        <v>142</v>
      </c>
    </row>
    <row r="42" spans="1:4" ht="18" customHeight="1" x14ac:dyDescent="0.15">
      <c r="A42" s="5">
        <v>30</v>
      </c>
      <c r="B42" s="22">
        <v>11</v>
      </c>
      <c r="C42" s="14">
        <v>7</v>
      </c>
      <c r="D42" s="18">
        <v>18</v>
      </c>
    </row>
    <row r="43" spans="1:4" ht="18" customHeight="1" x14ac:dyDescent="0.15">
      <c r="A43" s="5">
        <v>31</v>
      </c>
      <c r="B43" s="22">
        <v>19</v>
      </c>
      <c r="C43" s="14">
        <v>19</v>
      </c>
      <c r="D43" s="18">
        <v>38</v>
      </c>
    </row>
    <row r="44" spans="1:4" ht="18" customHeight="1" x14ac:dyDescent="0.15">
      <c r="A44" s="5">
        <v>32</v>
      </c>
      <c r="B44" s="22">
        <v>11</v>
      </c>
      <c r="C44" s="14">
        <v>13</v>
      </c>
      <c r="D44" s="18">
        <v>24</v>
      </c>
    </row>
    <row r="45" spans="1:4" ht="18" customHeight="1" x14ac:dyDescent="0.15">
      <c r="A45" s="5">
        <v>33</v>
      </c>
      <c r="B45" s="22">
        <v>18</v>
      </c>
      <c r="C45" s="14">
        <v>9</v>
      </c>
      <c r="D45" s="18">
        <v>27</v>
      </c>
    </row>
    <row r="46" spans="1:4" ht="18" customHeight="1" x14ac:dyDescent="0.15">
      <c r="A46" s="5">
        <v>34</v>
      </c>
      <c r="B46" s="22">
        <v>14</v>
      </c>
      <c r="C46" s="14">
        <v>16</v>
      </c>
      <c r="D46" s="18">
        <v>30</v>
      </c>
    </row>
    <row r="47" spans="1:4" ht="18" customHeight="1" x14ac:dyDescent="0.15">
      <c r="A47" s="5" t="s">
        <v>15</v>
      </c>
      <c r="B47" s="22">
        <v>73</v>
      </c>
      <c r="C47" s="14">
        <v>64</v>
      </c>
      <c r="D47" s="18">
        <v>137</v>
      </c>
    </row>
    <row r="48" spans="1:4" ht="18" customHeight="1" x14ac:dyDescent="0.15">
      <c r="A48" s="5">
        <v>35</v>
      </c>
      <c r="B48" s="22">
        <v>17</v>
      </c>
      <c r="C48" s="14">
        <v>14</v>
      </c>
      <c r="D48" s="18">
        <v>31</v>
      </c>
    </row>
    <row r="49" spans="1:4" ht="18" customHeight="1" x14ac:dyDescent="0.15">
      <c r="A49" s="5">
        <v>36</v>
      </c>
      <c r="B49" s="22">
        <v>17</v>
      </c>
      <c r="C49" s="14">
        <v>14</v>
      </c>
      <c r="D49" s="18">
        <v>31</v>
      </c>
    </row>
    <row r="50" spans="1:4" ht="18" customHeight="1" x14ac:dyDescent="0.15">
      <c r="A50" s="5">
        <v>37</v>
      </c>
      <c r="B50" s="22">
        <v>16</v>
      </c>
      <c r="C50" s="14">
        <v>21</v>
      </c>
      <c r="D50" s="18">
        <v>37</v>
      </c>
    </row>
    <row r="51" spans="1:4" ht="18" customHeight="1" x14ac:dyDescent="0.15">
      <c r="A51" s="5">
        <v>38</v>
      </c>
      <c r="B51" s="22">
        <v>17</v>
      </c>
      <c r="C51" s="14">
        <v>18</v>
      </c>
      <c r="D51" s="18">
        <v>35</v>
      </c>
    </row>
    <row r="52" spans="1:4" ht="18" customHeight="1" x14ac:dyDescent="0.15">
      <c r="A52" s="5">
        <v>39</v>
      </c>
      <c r="B52" s="22">
        <v>25</v>
      </c>
      <c r="C52" s="14">
        <v>20</v>
      </c>
      <c r="D52" s="18">
        <v>45</v>
      </c>
    </row>
    <row r="53" spans="1:4" ht="18" customHeight="1" x14ac:dyDescent="0.15">
      <c r="A53" s="5" t="s">
        <v>18</v>
      </c>
      <c r="B53" s="22">
        <v>92</v>
      </c>
      <c r="C53" s="14">
        <v>87</v>
      </c>
      <c r="D53" s="18">
        <v>179</v>
      </c>
    </row>
    <row r="54" spans="1:4" ht="18" customHeight="1" x14ac:dyDescent="0.15">
      <c r="A54" s="5">
        <v>40</v>
      </c>
      <c r="B54" s="22">
        <v>20</v>
      </c>
      <c r="C54" s="14">
        <v>15</v>
      </c>
      <c r="D54" s="18">
        <v>35</v>
      </c>
    </row>
    <row r="55" spans="1:4" ht="18" customHeight="1" x14ac:dyDescent="0.15">
      <c r="A55" s="5">
        <v>41</v>
      </c>
      <c r="B55" s="22">
        <v>17</v>
      </c>
      <c r="C55" s="14">
        <v>19</v>
      </c>
      <c r="D55" s="18">
        <v>36</v>
      </c>
    </row>
    <row r="56" spans="1:4" ht="18" customHeight="1" x14ac:dyDescent="0.15">
      <c r="A56" s="5">
        <v>42</v>
      </c>
      <c r="B56" s="22">
        <v>16</v>
      </c>
      <c r="C56" s="14">
        <v>14</v>
      </c>
      <c r="D56" s="18">
        <v>30</v>
      </c>
    </row>
    <row r="57" spans="1:4" ht="18" customHeight="1" x14ac:dyDescent="0.15">
      <c r="A57" s="5">
        <v>43</v>
      </c>
      <c r="B57" s="22">
        <v>16</v>
      </c>
      <c r="C57" s="14">
        <v>14</v>
      </c>
      <c r="D57" s="18">
        <v>30</v>
      </c>
    </row>
    <row r="58" spans="1:4" ht="18" customHeight="1" x14ac:dyDescent="0.15">
      <c r="A58" s="5">
        <v>44</v>
      </c>
      <c r="B58" s="22">
        <v>23</v>
      </c>
      <c r="C58" s="14">
        <v>24</v>
      </c>
      <c r="D58" s="18">
        <v>47</v>
      </c>
    </row>
    <row r="59" spans="1:4" ht="18" customHeight="1" x14ac:dyDescent="0.15">
      <c r="A59" s="5" t="s">
        <v>21</v>
      </c>
      <c r="B59" s="22">
        <v>92</v>
      </c>
      <c r="C59" s="14">
        <v>86</v>
      </c>
      <c r="D59" s="18">
        <v>178</v>
      </c>
    </row>
    <row r="60" spans="1:4" ht="18" customHeight="1" x14ac:dyDescent="0.15">
      <c r="A60" s="5">
        <v>45</v>
      </c>
      <c r="B60" s="22">
        <v>23</v>
      </c>
      <c r="C60" s="14">
        <v>16</v>
      </c>
      <c r="D60" s="18">
        <v>39</v>
      </c>
    </row>
    <row r="61" spans="1:4" ht="18" customHeight="1" x14ac:dyDescent="0.15">
      <c r="A61" s="5">
        <v>46</v>
      </c>
      <c r="B61" s="22">
        <v>24</v>
      </c>
      <c r="C61" s="14">
        <v>22</v>
      </c>
      <c r="D61" s="18">
        <v>46</v>
      </c>
    </row>
    <row r="62" spans="1:4" ht="18" customHeight="1" x14ac:dyDescent="0.15">
      <c r="A62" s="5">
        <v>47</v>
      </c>
      <c r="B62" s="22">
        <v>30</v>
      </c>
      <c r="C62" s="14">
        <v>21</v>
      </c>
      <c r="D62" s="18">
        <v>51</v>
      </c>
    </row>
    <row r="63" spans="1:4" ht="18" customHeight="1" x14ac:dyDescent="0.15">
      <c r="A63" s="5">
        <v>48</v>
      </c>
      <c r="B63" s="22">
        <v>20</v>
      </c>
      <c r="C63" s="14">
        <v>27</v>
      </c>
      <c r="D63" s="18">
        <v>47</v>
      </c>
    </row>
    <row r="64" spans="1:4" ht="18" customHeight="1" x14ac:dyDescent="0.15">
      <c r="A64" s="5">
        <v>49</v>
      </c>
      <c r="B64" s="22">
        <v>23</v>
      </c>
      <c r="C64" s="14">
        <v>20</v>
      </c>
      <c r="D64" s="18">
        <v>43</v>
      </c>
    </row>
    <row r="65" spans="1:4" ht="18" customHeight="1" x14ac:dyDescent="0.15">
      <c r="A65" s="5" t="s">
        <v>17</v>
      </c>
      <c r="B65" s="22">
        <v>120</v>
      </c>
      <c r="C65" s="14">
        <v>106</v>
      </c>
      <c r="D65" s="18">
        <v>226</v>
      </c>
    </row>
    <row r="66" spans="1:4" ht="18" customHeight="1" x14ac:dyDescent="0.15">
      <c r="A66" s="5">
        <v>50</v>
      </c>
      <c r="B66" s="22">
        <v>25</v>
      </c>
      <c r="C66" s="14">
        <v>28</v>
      </c>
      <c r="D66" s="18">
        <v>53</v>
      </c>
    </row>
    <row r="67" spans="1:4" ht="18" customHeight="1" x14ac:dyDescent="0.15">
      <c r="A67" s="5">
        <v>51</v>
      </c>
      <c r="B67" s="22">
        <v>27</v>
      </c>
      <c r="C67" s="14">
        <v>33</v>
      </c>
      <c r="D67" s="18">
        <v>60</v>
      </c>
    </row>
    <row r="68" spans="1:4" ht="18" customHeight="1" x14ac:dyDescent="0.15">
      <c r="A68" s="5">
        <v>52</v>
      </c>
      <c r="B68" s="22">
        <v>24</v>
      </c>
      <c r="C68" s="14">
        <v>31</v>
      </c>
      <c r="D68" s="18">
        <v>55</v>
      </c>
    </row>
    <row r="69" spans="1:4" ht="18" customHeight="1" x14ac:dyDescent="0.15">
      <c r="A69" s="5">
        <v>53</v>
      </c>
      <c r="B69" s="22">
        <v>29</v>
      </c>
      <c r="C69" s="14">
        <v>24</v>
      </c>
      <c r="D69" s="18">
        <v>53</v>
      </c>
    </row>
    <row r="70" spans="1:4" ht="18" customHeight="1" x14ac:dyDescent="0.15">
      <c r="A70" s="5">
        <v>54</v>
      </c>
      <c r="B70" s="22">
        <v>27</v>
      </c>
      <c r="C70" s="14">
        <v>31</v>
      </c>
      <c r="D70" s="18">
        <v>58</v>
      </c>
    </row>
    <row r="71" spans="1:4" ht="18" customHeight="1" x14ac:dyDescent="0.15">
      <c r="A71" s="5" t="s">
        <v>22</v>
      </c>
      <c r="B71" s="22">
        <v>132</v>
      </c>
      <c r="C71" s="14">
        <v>147</v>
      </c>
      <c r="D71" s="18">
        <v>279</v>
      </c>
    </row>
    <row r="72" spans="1:4" ht="18" customHeight="1" x14ac:dyDescent="0.15">
      <c r="A72" s="5">
        <v>55</v>
      </c>
      <c r="B72" s="22">
        <v>29</v>
      </c>
      <c r="C72" s="14">
        <v>15</v>
      </c>
      <c r="D72" s="18">
        <v>44</v>
      </c>
    </row>
    <row r="73" spans="1:4" ht="18" customHeight="1" x14ac:dyDescent="0.15">
      <c r="A73" s="5">
        <v>56</v>
      </c>
      <c r="B73" s="22">
        <v>24</v>
      </c>
      <c r="C73" s="14">
        <v>30</v>
      </c>
      <c r="D73" s="18">
        <v>54</v>
      </c>
    </row>
    <row r="74" spans="1:4" ht="18" customHeight="1" x14ac:dyDescent="0.15">
      <c r="A74" s="5">
        <v>57</v>
      </c>
      <c r="B74" s="22">
        <v>27</v>
      </c>
      <c r="C74" s="14">
        <v>25</v>
      </c>
      <c r="D74" s="18">
        <v>52</v>
      </c>
    </row>
    <row r="75" spans="1:4" ht="18" customHeight="1" x14ac:dyDescent="0.15">
      <c r="A75" s="5">
        <v>58</v>
      </c>
      <c r="B75" s="22">
        <v>28</v>
      </c>
      <c r="C75" s="14">
        <v>29</v>
      </c>
      <c r="D75" s="18">
        <v>57</v>
      </c>
    </row>
    <row r="76" spans="1:4" ht="18" customHeight="1" x14ac:dyDescent="0.15">
      <c r="A76" s="5">
        <v>59</v>
      </c>
      <c r="B76" s="22">
        <v>20</v>
      </c>
      <c r="C76" s="14">
        <v>17</v>
      </c>
      <c r="D76" s="18">
        <v>37</v>
      </c>
    </row>
    <row r="77" spans="1:4" ht="18" customHeight="1" x14ac:dyDescent="0.15">
      <c r="A77" s="5" t="s">
        <v>27</v>
      </c>
      <c r="B77" s="22">
        <v>128</v>
      </c>
      <c r="C77" s="14">
        <v>116</v>
      </c>
      <c r="D77" s="18">
        <v>244</v>
      </c>
    </row>
    <row r="78" spans="1:4" ht="18" customHeight="1" x14ac:dyDescent="0.15">
      <c r="A78" s="5">
        <v>60</v>
      </c>
      <c r="B78" s="22">
        <v>31</v>
      </c>
      <c r="C78" s="14">
        <v>27</v>
      </c>
      <c r="D78" s="18">
        <v>58</v>
      </c>
    </row>
    <row r="79" spans="1:4" ht="18" customHeight="1" x14ac:dyDescent="0.15">
      <c r="A79" s="5">
        <v>61</v>
      </c>
      <c r="B79" s="22">
        <v>28</v>
      </c>
      <c r="C79" s="14">
        <v>25</v>
      </c>
      <c r="D79" s="18">
        <v>53</v>
      </c>
    </row>
    <row r="80" spans="1:4" ht="18" customHeight="1" x14ac:dyDescent="0.15">
      <c r="A80" s="5">
        <v>62</v>
      </c>
      <c r="B80" s="22">
        <v>27</v>
      </c>
      <c r="C80" s="14">
        <v>37</v>
      </c>
      <c r="D80" s="18">
        <v>64</v>
      </c>
    </row>
    <row r="81" spans="1:4" ht="18" customHeight="1" x14ac:dyDescent="0.15">
      <c r="A81" s="5">
        <v>63</v>
      </c>
      <c r="B81" s="22">
        <v>18</v>
      </c>
      <c r="C81" s="14">
        <v>29</v>
      </c>
      <c r="D81" s="18">
        <v>47</v>
      </c>
    </row>
    <row r="82" spans="1:4" ht="18" customHeight="1" x14ac:dyDescent="0.15">
      <c r="A82" s="5">
        <v>64</v>
      </c>
      <c r="B82" s="22">
        <v>21</v>
      </c>
      <c r="C82" s="14">
        <v>26</v>
      </c>
      <c r="D82" s="18">
        <v>47</v>
      </c>
    </row>
    <row r="83" spans="1:4" ht="18" customHeight="1" x14ac:dyDescent="0.15">
      <c r="A83" s="5" t="s">
        <v>28</v>
      </c>
      <c r="B83" s="22">
        <v>125</v>
      </c>
      <c r="C83" s="14">
        <v>144</v>
      </c>
      <c r="D83" s="18">
        <v>269</v>
      </c>
    </row>
    <row r="84" spans="1:4" ht="18" customHeight="1" x14ac:dyDescent="0.15">
      <c r="A84" s="5" t="s">
        <v>31</v>
      </c>
      <c r="B84" s="22">
        <v>1020</v>
      </c>
      <c r="C84" s="14">
        <v>968</v>
      </c>
      <c r="D84" s="18">
        <v>1988</v>
      </c>
    </row>
    <row r="85" spans="1:4" ht="18" customHeight="1" x14ac:dyDescent="0.15">
      <c r="A85" s="5">
        <v>65</v>
      </c>
      <c r="B85" s="22">
        <v>29</v>
      </c>
      <c r="C85" s="14">
        <v>20</v>
      </c>
      <c r="D85" s="18">
        <v>49</v>
      </c>
    </row>
    <row r="86" spans="1:4" ht="18" customHeight="1" x14ac:dyDescent="0.15">
      <c r="A86" s="5">
        <v>66</v>
      </c>
      <c r="B86" s="22">
        <v>26</v>
      </c>
      <c r="C86" s="14">
        <v>13</v>
      </c>
      <c r="D86" s="18">
        <v>39</v>
      </c>
    </row>
    <row r="87" spans="1:4" ht="18" customHeight="1" x14ac:dyDescent="0.15">
      <c r="A87" s="5">
        <v>67</v>
      </c>
      <c r="B87" s="22">
        <v>21</v>
      </c>
      <c r="C87" s="14">
        <v>26</v>
      </c>
      <c r="D87" s="18">
        <v>47</v>
      </c>
    </row>
    <row r="88" spans="1:4" ht="18" customHeight="1" x14ac:dyDescent="0.15">
      <c r="A88" s="5">
        <v>68</v>
      </c>
      <c r="B88" s="22">
        <v>22</v>
      </c>
      <c r="C88" s="14">
        <v>34</v>
      </c>
      <c r="D88" s="18">
        <v>56</v>
      </c>
    </row>
    <row r="89" spans="1:4" ht="18" customHeight="1" x14ac:dyDescent="0.15">
      <c r="A89" s="5">
        <v>69</v>
      </c>
      <c r="B89" s="22">
        <v>25</v>
      </c>
      <c r="C89" s="14">
        <v>24</v>
      </c>
      <c r="D89" s="18">
        <v>49</v>
      </c>
    </row>
    <row r="90" spans="1:4" ht="18" customHeight="1" x14ac:dyDescent="0.15">
      <c r="A90" s="5" t="s">
        <v>20</v>
      </c>
      <c r="B90" s="22">
        <v>123</v>
      </c>
      <c r="C90" s="14">
        <v>117</v>
      </c>
      <c r="D90" s="18">
        <v>240</v>
      </c>
    </row>
    <row r="91" spans="1:4" ht="18" customHeight="1" x14ac:dyDescent="0.15">
      <c r="A91" s="5">
        <v>70</v>
      </c>
      <c r="B91" s="22">
        <v>30</v>
      </c>
      <c r="C91" s="14">
        <v>30</v>
      </c>
      <c r="D91" s="18">
        <v>60</v>
      </c>
    </row>
    <row r="92" spans="1:4" ht="18" customHeight="1" x14ac:dyDescent="0.15">
      <c r="A92" s="5">
        <v>71</v>
      </c>
      <c r="B92" s="22">
        <v>32</v>
      </c>
      <c r="C92" s="14">
        <v>33</v>
      </c>
      <c r="D92" s="18">
        <v>65</v>
      </c>
    </row>
    <row r="93" spans="1:4" ht="18" customHeight="1" x14ac:dyDescent="0.15">
      <c r="A93" s="5">
        <v>72</v>
      </c>
      <c r="B93" s="22">
        <v>15</v>
      </c>
      <c r="C93" s="14">
        <v>30</v>
      </c>
      <c r="D93" s="18">
        <v>45</v>
      </c>
    </row>
    <row r="94" spans="1:4" ht="18" customHeight="1" x14ac:dyDescent="0.15">
      <c r="A94" s="5">
        <v>73</v>
      </c>
      <c r="B94" s="22">
        <v>29</v>
      </c>
      <c r="C94" s="14">
        <v>29</v>
      </c>
      <c r="D94" s="18">
        <v>58</v>
      </c>
    </row>
    <row r="95" spans="1:4" ht="18" customHeight="1" x14ac:dyDescent="0.15">
      <c r="A95" s="5">
        <v>74</v>
      </c>
      <c r="B95" s="22">
        <v>32</v>
      </c>
      <c r="C95" s="14">
        <v>21</v>
      </c>
      <c r="D95" s="18">
        <v>53</v>
      </c>
    </row>
    <row r="96" spans="1:4" ht="18" customHeight="1" x14ac:dyDescent="0.15">
      <c r="A96" s="5" t="s">
        <v>33</v>
      </c>
      <c r="B96" s="22">
        <v>138</v>
      </c>
      <c r="C96" s="14">
        <v>143</v>
      </c>
      <c r="D96" s="18">
        <v>281</v>
      </c>
    </row>
    <row r="97" spans="1:4" ht="18" customHeight="1" x14ac:dyDescent="0.15">
      <c r="A97" s="5">
        <v>75</v>
      </c>
      <c r="B97" s="22">
        <v>27</v>
      </c>
      <c r="C97" s="14">
        <v>32</v>
      </c>
      <c r="D97" s="18">
        <v>59</v>
      </c>
    </row>
    <row r="98" spans="1:4" ht="18" customHeight="1" x14ac:dyDescent="0.15">
      <c r="A98" s="5">
        <v>76</v>
      </c>
      <c r="B98" s="22">
        <v>20</v>
      </c>
      <c r="C98" s="14">
        <v>38</v>
      </c>
      <c r="D98" s="18">
        <v>58</v>
      </c>
    </row>
    <row r="99" spans="1:4" ht="18" customHeight="1" x14ac:dyDescent="0.15">
      <c r="A99" s="5">
        <v>77</v>
      </c>
      <c r="B99" s="22">
        <v>39</v>
      </c>
      <c r="C99" s="14">
        <v>40</v>
      </c>
      <c r="D99" s="18">
        <v>79</v>
      </c>
    </row>
    <row r="100" spans="1:4" ht="18" customHeight="1" x14ac:dyDescent="0.15">
      <c r="A100" s="5">
        <v>78</v>
      </c>
      <c r="B100" s="22">
        <v>34</v>
      </c>
      <c r="C100" s="14">
        <v>30</v>
      </c>
      <c r="D100" s="18">
        <v>64</v>
      </c>
    </row>
    <row r="101" spans="1:4" ht="18" customHeight="1" x14ac:dyDescent="0.15">
      <c r="A101" s="5">
        <v>79</v>
      </c>
      <c r="B101" s="22">
        <v>25</v>
      </c>
      <c r="C101" s="14">
        <v>26</v>
      </c>
      <c r="D101" s="18">
        <v>51</v>
      </c>
    </row>
    <row r="102" spans="1:4" ht="18" customHeight="1" x14ac:dyDescent="0.15">
      <c r="A102" s="5" t="s">
        <v>0</v>
      </c>
      <c r="B102" s="22">
        <v>145</v>
      </c>
      <c r="C102" s="14">
        <v>166</v>
      </c>
      <c r="D102" s="18">
        <v>311</v>
      </c>
    </row>
    <row r="103" spans="1:4" ht="18" customHeight="1" x14ac:dyDescent="0.15">
      <c r="A103" s="5">
        <v>80</v>
      </c>
      <c r="B103" s="22">
        <v>21</v>
      </c>
      <c r="C103" s="14">
        <v>18</v>
      </c>
      <c r="D103" s="18">
        <v>39</v>
      </c>
    </row>
    <row r="104" spans="1:4" ht="18" customHeight="1" x14ac:dyDescent="0.15">
      <c r="A104" s="5">
        <v>81</v>
      </c>
      <c r="B104" s="22">
        <v>15</v>
      </c>
      <c r="C104" s="14">
        <v>21</v>
      </c>
      <c r="D104" s="18">
        <v>36</v>
      </c>
    </row>
    <row r="105" spans="1:4" ht="18" customHeight="1" x14ac:dyDescent="0.15">
      <c r="A105" s="5">
        <v>82</v>
      </c>
      <c r="B105" s="22">
        <v>19</v>
      </c>
      <c r="C105" s="14">
        <v>25</v>
      </c>
      <c r="D105" s="18">
        <v>44</v>
      </c>
    </row>
    <row r="106" spans="1:4" ht="18" customHeight="1" x14ac:dyDescent="0.15">
      <c r="A106" s="5">
        <v>83</v>
      </c>
      <c r="B106" s="22">
        <v>12</v>
      </c>
      <c r="C106" s="14">
        <v>29</v>
      </c>
      <c r="D106" s="18">
        <v>41</v>
      </c>
    </row>
    <row r="107" spans="1:4" ht="18" customHeight="1" x14ac:dyDescent="0.15">
      <c r="A107" s="5">
        <v>84</v>
      </c>
      <c r="B107" s="22">
        <v>13</v>
      </c>
      <c r="C107" s="14">
        <v>30</v>
      </c>
      <c r="D107" s="18">
        <v>43</v>
      </c>
    </row>
    <row r="108" spans="1:4" ht="18" customHeight="1" x14ac:dyDescent="0.15">
      <c r="A108" s="5" t="s">
        <v>35</v>
      </c>
      <c r="B108" s="22">
        <v>80</v>
      </c>
      <c r="C108" s="14">
        <v>123</v>
      </c>
      <c r="D108" s="18">
        <v>203</v>
      </c>
    </row>
    <row r="109" spans="1:4" ht="18" customHeight="1" x14ac:dyDescent="0.15">
      <c r="A109" s="5">
        <v>85</v>
      </c>
      <c r="B109" s="22">
        <v>15</v>
      </c>
      <c r="C109" s="14">
        <v>10</v>
      </c>
      <c r="D109" s="18">
        <v>25</v>
      </c>
    </row>
    <row r="110" spans="1:4" ht="18" customHeight="1" x14ac:dyDescent="0.15">
      <c r="A110" s="5">
        <v>86</v>
      </c>
      <c r="B110" s="22">
        <v>14</v>
      </c>
      <c r="C110" s="14">
        <v>18</v>
      </c>
      <c r="D110" s="18">
        <v>32</v>
      </c>
    </row>
    <row r="111" spans="1:4" ht="18" customHeight="1" x14ac:dyDescent="0.15">
      <c r="A111" s="5">
        <v>87</v>
      </c>
      <c r="B111" s="22">
        <v>7</v>
      </c>
      <c r="C111" s="14">
        <v>14</v>
      </c>
      <c r="D111" s="18">
        <v>21</v>
      </c>
    </row>
    <row r="112" spans="1:4" ht="18" customHeight="1" x14ac:dyDescent="0.15">
      <c r="A112" s="5">
        <v>88</v>
      </c>
      <c r="B112" s="22">
        <v>10</v>
      </c>
      <c r="C112" s="14">
        <v>12</v>
      </c>
      <c r="D112" s="18">
        <v>22</v>
      </c>
    </row>
    <row r="113" spans="1:4" ht="18" customHeight="1" x14ac:dyDescent="0.15">
      <c r="A113" s="5">
        <v>89</v>
      </c>
      <c r="B113" s="22">
        <v>6</v>
      </c>
      <c r="C113" s="14">
        <v>11</v>
      </c>
      <c r="D113" s="18">
        <v>17</v>
      </c>
    </row>
    <row r="114" spans="1:4" ht="18" customHeight="1" x14ac:dyDescent="0.15">
      <c r="A114" s="5" t="s">
        <v>37</v>
      </c>
      <c r="B114" s="22">
        <v>52</v>
      </c>
      <c r="C114" s="14">
        <v>65</v>
      </c>
      <c r="D114" s="18">
        <v>117</v>
      </c>
    </row>
    <row r="115" spans="1:4" ht="18" customHeight="1" x14ac:dyDescent="0.15">
      <c r="A115" s="5">
        <v>90</v>
      </c>
      <c r="B115" s="22">
        <v>8</v>
      </c>
      <c r="C115" s="14">
        <v>12</v>
      </c>
      <c r="D115" s="18">
        <v>20</v>
      </c>
    </row>
    <row r="116" spans="1:4" ht="18" customHeight="1" x14ac:dyDescent="0.15">
      <c r="A116" s="5">
        <v>91</v>
      </c>
      <c r="B116" s="22">
        <v>4</v>
      </c>
      <c r="C116" s="14">
        <v>9</v>
      </c>
      <c r="D116" s="18">
        <v>13</v>
      </c>
    </row>
    <row r="117" spans="1:4" ht="18" customHeight="1" x14ac:dyDescent="0.15">
      <c r="A117" s="5">
        <v>92</v>
      </c>
      <c r="B117" s="22">
        <v>2</v>
      </c>
      <c r="C117" s="14">
        <v>16</v>
      </c>
      <c r="D117" s="18">
        <v>18</v>
      </c>
    </row>
    <row r="118" spans="1:4" ht="18" customHeight="1" x14ac:dyDescent="0.15">
      <c r="A118" s="5">
        <v>93</v>
      </c>
      <c r="B118" s="22">
        <v>1</v>
      </c>
      <c r="C118" s="14">
        <v>6</v>
      </c>
      <c r="D118" s="18">
        <v>7</v>
      </c>
    </row>
    <row r="119" spans="1:4" ht="18" customHeight="1" x14ac:dyDescent="0.15">
      <c r="A119" s="5">
        <v>94</v>
      </c>
      <c r="B119" s="22">
        <v>2</v>
      </c>
      <c r="C119" s="14">
        <v>11</v>
      </c>
      <c r="D119" s="18">
        <v>13</v>
      </c>
    </row>
    <row r="120" spans="1:4" ht="18" customHeight="1" x14ac:dyDescent="0.15">
      <c r="A120" s="5" t="s">
        <v>39</v>
      </c>
      <c r="B120" s="22">
        <v>17</v>
      </c>
      <c r="C120" s="14">
        <v>54</v>
      </c>
      <c r="D120" s="18">
        <v>71</v>
      </c>
    </row>
    <row r="121" spans="1:4" ht="18" customHeight="1" x14ac:dyDescent="0.15">
      <c r="A121" s="5">
        <v>95</v>
      </c>
      <c r="B121" s="22">
        <v>2</v>
      </c>
      <c r="C121" s="14">
        <v>7</v>
      </c>
      <c r="D121" s="18">
        <v>9</v>
      </c>
    </row>
    <row r="122" spans="1:4" ht="18" customHeight="1" x14ac:dyDescent="0.15">
      <c r="A122" s="5">
        <v>96</v>
      </c>
      <c r="B122" s="22">
        <v>3</v>
      </c>
      <c r="C122" s="14">
        <v>2</v>
      </c>
      <c r="D122" s="18">
        <v>5</v>
      </c>
    </row>
    <row r="123" spans="1:4" ht="18" customHeight="1" x14ac:dyDescent="0.15">
      <c r="A123" s="5">
        <v>97</v>
      </c>
      <c r="B123" s="22">
        <v>1</v>
      </c>
      <c r="C123" s="14">
        <v>2</v>
      </c>
      <c r="D123" s="18">
        <v>3</v>
      </c>
    </row>
    <row r="124" spans="1:4" ht="18" customHeight="1" x14ac:dyDescent="0.15">
      <c r="A124" s="5">
        <v>98</v>
      </c>
      <c r="B124" s="22">
        <v>0</v>
      </c>
      <c r="C124" s="14">
        <v>4</v>
      </c>
      <c r="D124" s="18">
        <v>4</v>
      </c>
    </row>
    <row r="125" spans="1:4" ht="18" customHeight="1" x14ac:dyDescent="0.15">
      <c r="A125" s="5">
        <v>99</v>
      </c>
      <c r="B125" s="22">
        <v>1</v>
      </c>
      <c r="C125" s="14">
        <v>2</v>
      </c>
      <c r="D125" s="18">
        <v>3</v>
      </c>
    </row>
    <row r="126" spans="1:4" ht="18" customHeight="1" x14ac:dyDescent="0.15">
      <c r="A126" s="5" t="s">
        <v>40</v>
      </c>
      <c r="B126" s="22">
        <v>7</v>
      </c>
      <c r="C126" s="14">
        <v>17</v>
      </c>
      <c r="D126" s="18">
        <v>24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4</v>
      </c>
      <c r="D128" s="18">
        <v>4</v>
      </c>
    </row>
    <row r="129" spans="1:4" ht="18" customHeight="1" x14ac:dyDescent="0.15">
      <c r="A129" s="5" t="s">
        <v>44</v>
      </c>
      <c r="B129" s="22">
        <v>0</v>
      </c>
      <c r="C129" s="14">
        <v>4</v>
      </c>
      <c r="D129" s="18">
        <v>4</v>
      </c>
    </row>
    <row r="130" spans="1:4" ht="18" customHeight="1" x14ac:dyDescent="0.15">
      <c r="A130" s="5" t="s">
        <v>46</v>
      </c>
      <c r="B130" s="22">
        <v>562</v>
      </c>
      <c r="C130" s="14">
        <v>689</v>
      </c>
      <c r="D130" s="18">
        <v>1251</v>
      </c>
    </row>
    <row r="131" spans="1:4" ht="18" customHeight="1" x14ac:dyDescent="0.15">
      <c r="A131" s="7" t="s">
        <v>45</v>
      </c>
      <c r="B131" s="23">
        <v>1754</v>
      </c>
      <c r="C131" s="15">
        <v>1841</v>
      </c>
      <c r="D131" s="19">
        <v>359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1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4</v>
      </c>
      <c r="C5" s="13">
        <v>9</v>
      </c>
      <c r="D5" s="17">
        <v>23</v>
      </c>
    </row>
    <row r="6" spans="1:4" ht="18" customHeight="1" x14ac:dyDescent="0.15">
      <c r="A6" s="5">
        <v>1</v>
      </c>
      <c r="B6" s="22">
        <v>7</v>
      </c>
      <c r="C6" s="14">
        <v>5</v>
      </c>
      <c r="D6" s="18">
        <v>12</v>
      </c>
    </row>
    <row r="7" spans="1:4" ht="18" customHeight="1" x14ac:dyDescent="0.15">
      <c r="A7" s="5">
        <v>2</v>
      </c>
      <c r="B7" s="22">
        <v>7</v>
      </c>
      <c r="C7" s="14">
        <v>11</v>
      </c>
      <c r="D7" s="18">
        <v>18</v>
      </c>
    </row>
    <row r="8" spans="1:4" ht="18" customHeight="1" x14ac:dyDescent="0.15">
      <c r="A8" s="5">
        <v>3</v>
      </c>
      <c r="B8" s="22">
        <v>10</v>
      </c>
      <c r="C8" s="14">
        <v>10</v>
      </c>
      <c r="D8" s="18">
        <v>20</v>
      </c>
    </row>
    <row r="9" spans="1:4" ht="18" customHeight="1" x14ac:dyDescent="0.15">
      <c r="A9" s="5">
        <v>4</v>
      </c>
      <c r="B9" s="22">
        <v>8</v>
      </c>
      <c r="C9" s="14">
        <v>12</v>
      </c>
      <c r="D9" s="18">
        <v>20</v>
      </c>
    </row>
    <row r="10" spans="1:4" ht="18" customHeight="1" x14ac:dyDescent="0.15">
      <c r="A10" s="5" t="s">
        <v>7</v>
      </c>
      <c r="B10" s="22">
        <v>46</v>
      </c>
      <c r="C10" s="14">
        <v>47</v>
      </c>
      <c r="D10" s="18">
        <v>93</v>
      </c>
    </row>
    <row r="11" spans="1:4" ht="18" customHeight="1" x14ac:dyDescent="0.15">
      <c r="A11" s="5">
        <v>5</v>
      </c>
      <c r="B11" s="22">
        <v>17</v>
      </c>
      <c r="C11" s="14">
        <v>8</v>
      </c>
      <c r="D11" s="18">
        <v>25</v>
      </c>
    </row>
    <row r="12" spans="1:4" ht="18" customHeight="1" x14ac:dyDescent="0.15">
      <c r="A12" s="5">
        <v>6</v>
      </c>
      <c r="B12" s="22">
        <v>19</v>
      </c>
      <c r="C12" s="14">
        <v>7</v>
      </c>
      <c r="D12" s="18">
        <v>26</v>
      </c>
    </row>
    <row r="13" spans="1:4" ht="18" customHeight="1" x14ac:dyDescent="0.15">
      <c r="A13" s="5">
        <v>7</v>
      </c>
      <c r="B13" s="22">
        <v>6</v>
      </c>
      <c r="C13" s="14">
        <v>17</v>
      </c>
      <c r="D13" s="18">
        <v>23</v>
      </c>
    </row>
    <row r="14" spans="1:4" ht="18" customHeight="1" x14ac:dyDescent="0.15">
      <c r="A14" s="5">
        <v>8</v>
      </c>
      <c r="B14" s="22">
        <v>19</v>
      </c>
      <c r="C14" s="14">
        <v>12</v>
      </c>
      <c r="D14" s="18">
        <v>31</v>
      </c>
    </row>
    <row r="15" spans="1:4" ht="18" customHeight="1" x14ac:dyDescent="0.15">
      <c r="A15" s="5">
        <v>9</v>
      </c>
      <c r="B15" s="22">
        <v>12</v>
      </c>
      <c r="C15" s="14">
        <v>14</v>
      </c>
      <c r="D15" s="18">
        <v>26</v>
      </c>
    </row>
    <row r="16" spans="1:4" ht="18" customHeight="1" x14ac:dyDescent="0.15">
      <c r="A16" s="5" t="s">
        <v>11</v>
      </c>
      <c r="B16" s="22">
        <v>73</v>
      </c>
      <c r="C16" s="14">
        <v>58</v>
      </c>
      <c r="D16" s="18">
        <v>131</v>
      </c>
    </row>
    <row r="17" spans="1:4" ht="18" customHeight="1" x14ac:dyDescent="0.15">
      <c r="A17" s="5">
        <v>10</v>
      </c>
      <c r="B17" s="22">
        <v>16</v>
      </c>
      <c r="C17" s="14">
        <v>16</v>
      </c>
      <c r="D17" s="18">
        <v>32</v>
      </c>
    </row>
    <row r="18" spans="1:4" ht="18" customHeight="1" x14ac:dyDescent="0.15">
      <c r="A18" s="5">
        <v>11</v>
      </c>
      <c r="B18" s="22">
        <v>15</v>
      </c>
      <c r="C18" s="14">
        <v>21</v>
      </c>
      <c r="D18" s="18">
        <v>36</v>
      </c>
    </row>
    <row r="19" spans="1:4" ht="18" customHeight="1" x14ac:dyDescent="0.15">
      <c r="A19" s="5">
        <v>12</v>
      </c>
      <c r="B19" s="22">
        <v>15</v>
      </c>
      <c r="C19" s="14">
        <v>10</v>
      </c>
      <c r="D19" s="18">
        <v>25</v>
      </c>
    </row>
    <row r="20" spans="1:4" ht="18" customHeight="1" x14ac:dyDescent="0.15">
      <c r="A20" s="5">
        <v>13</v>
      </c>
      <c r="B20" s="22">
        <v>17</v>
      </c>
      <c r="C20" s="14">
        <v>7</v>
      </c>
      <c r="D20" s="18">
        <v>24</v>
      </c>
    </row>
    <row r="21" spans="1:4" ht="18" customHeight="1" x14ac:dyDescent="0.15">
      <c r="A21" s="5">
        <v>14</v>
      </c>
      <c r="B21" s="22">
        <v>25</v>
      </c>
      <c r="C21" s="14">
        <v>13</v>
      </c>
      <c r="D21" s="18">
        <v>38</v>
      </c>
    </row>
    <row r="22" spans="1:4" ht="18" customHeight="1" x14ac:dyDescent="0.15">
      <c r="A22" s="5" t="s">
        <v>12</v>
      </c>
      <c r="B22" s="22">
        <v>88</v>
      </c>
      <c r="C22" s="14">
        <v>67</v>
      </c>
      <c r="D22" s="18">
        <v>155</v>
      </c>
    </row>
    <row r="23" spans="1:4" ht="18" customHeight="1" x14ac:dyDescent="0.15">
      <c r="A23" s="5" t="s">
        <v>6</v>
      </c>
      <c r="B23" s="22">
        <v>207</v>
      </c>
      <c r="C23" s="14">
        <v>172</v>
      </c>
      <c r="D23" s="18">
        <v>379</v>
      </c>
    </row>
    <row r="24" spans="1:4" ht="18" customHeight="1" x14ac:dyDescent="0.15">
      <c r="A24" s="5">
        <v>15</v>
      </c>
      <c r="B24" s="22">
        <v>15</v>
      </c>
      <c r="C24" s="14">
        <v>16</v>
      </c>
      <c r="D24" s="18">
        <v>31</v>
      </c>
    </row>
    <row r="25" spans="1:4" ht="18" customHeight="1" x14ac:dyDescent="0.15">
      <c r="A25" s="5">
        <v>16</v>
      </c>
      <c r="B25" s="22">
        <v>14</v>
      </c>
      <c r="C25" s="14">
        <v>9</v>
      </c>
      <c r="D25" s="18">
        <v>23</v>
      </c>
    </row>
    <row r="26" spans="1:4" ht="18" customHeight="1" x14ac:dyDescent="0.15">
      <c r="A26" s="5">
        <v>17</v>
      </c>
      <c r="B26" s="22">
        <v>28</v>
      </c>
      <c r="C26" s="14">
        <v>12</v>
      </c>
      <c r="D26" s="18">
        <v>40</v>
      </c>
    </row>
    <row r="27" spans="1:4" ht="18" customHeight="1" x14ac:dyDescent="0.15">
      <c r="A27" s="5">
        <v>18</v>
      </c>
      <c r="B27" s="22">
        <v>13</v>
      </c>
      <c r="C27" s="14">
        <v>8</v>
      </c>
      <c r="D27" s="18">
        <v>21</v>
      </c>
    </row>
    <row r="28" spans="1:4" ht="18" customHeight="1" x14ac:dyDescent="0.15">
      <c r="A28" s="5">
        <v>19</v>
      </c>
      <c r="B28" s="22">
        <v>18</v>
      </c>
      <c r="C28" s="14">
        <v>12</v>
      </c>
      <c r="D28" s="18">
        <v>30</v>
      </c>
    </row>
    <row r="29" spans="1:4" ht="18" customHeight="1" x14ac:dyDescent="0.15">
      <c r="A29" s="5" t="s">
        <v>14</v>
      </c>
      <c r="B29" s="22">
        <v>88</v>
      </c>
      <c r="C29" s="14">
        <v>57</v>
      </c>
      <c r="D29" s="18">
        <v>145</v>
      </c>
    </row>
    <row r="30" spans="1:4" ht="18" customHeight="1" x14ac:dyDescent="0.15">
      <c r="A30" s="5">
        <v>20</v>
      </c>
      <c r="B30" s="22">
        <v>8</v>
      </c>
      <c r="C30" s="14">
        <v>9</v>
      </c>
      <c r="D30" s="18">
        <v>17</v>
      </c>
    </row>
    <row r="31" spans="1:4" ht="18" customHeight="1" x14ac:dyDescent="0.15">
      <c r="A31" s="5">
        <v>21</v>
      </c>
      <c r="B31" s="22">
        <v>11</v>
      </c>
      <c r="C31" s="14">
        <v>14</v>
      </c>
      <c r="D31" s="18">
        <v>25</v>
      </c>
    </row>
    <row r="32" spans="1:4" ht="18" customHeight="1" x14ac:dyDescent="0.15">
      <c r="A32" s="5">
        <v>22</v>
      </c>
      <c r="B32" s="22">
        <v>16</v>
      </c>
      <c r="C32" s="14">
        <v>16</v>
      </c>
      <c r="D32" s="18">
        <v>32</v>
      </c>
    </row>
    <row r="33" spans="1:4" ht="18" customHeight="1" x14ac:dyDescent="0.15">
      <c r="A33" s="5">
        <v>23</v>
      </c>
      <c r="B33" s="22">
        <v>8</v>
      </c>
      <c r="C33" s="14">
        <v>14</v>
      </c>
      <c r="D33" s="18">
        <v>22</v>
      </c>
    </row>
    <row r="34" spans="1:4" ht="18" customHeight="1" x14ac:dyDescent="0.15">
      <c r="A34" s="5">
        <v>24</v>
      </c>
      <c r="B34" s="22">
        <v>13</v>
      </c>
      <c r="C34" s="14">
        <v>14</v>
      </c>
      <c r="D34" s="18">
        <v>27</v>
      </c>
    </row>
    <row r="35" spans="1:4" ht="18" customHeight="1" x14ac:dyDescent="0.15">
      <c r="A35" s="5" t="s">
        <v>9</v>
      </c>
      <c r="B35" s="22">
        <v>56</v>
      </c>
      <c r="C35" s="14">
        <v>67</v>
      </c>
      <c r="D35" s="18">
        <v>123</v>
      </c>
    </row>
    <row r="36" spans="1:4" ht="18" customHeight="1" x14ac:dyDescent="0.15">
      <c r="A36" s="5">
        <v>25</v>
      </c>
      <c r="B36" s="22">
        <v>7</v>
      </c>
      <c r="C36" s="14">
        <v>14</v>
      </c>
      <c r="D36" s="18">
        <v>21</v>
      </c>
    </row>
    <row r="37" spans="1:4" ht="18" customHeight="1" x14ac:dyDescent="0.15">
      <c r="A37" s="5">
        <v>26</v>
      </c>
      <c r="B37" s="22">
        <v>15</v>
      </c>
      <c r="C37" s="14">
        <v>10</v>
      </c>
      <c r="D37" s="18">
        <v>25</v>
      </c>
    </row>
    <row r="38" spans="1:4" ht="18" customHeight="1" x14ac:dyDescent="0.15">
      <c r="A38" s="5">
        <v>27</v>
      </c>
      <c r="B38" s="22">
        <v>12</v>
      </c>
      <c r="C38" s="14">
        <v>18</v>
      </c>
      <c r="D38" s="18">
        <v>30</v>
      </c>
    </row>
    <row r="39" spans="1:4" ht="18" customHeight="1" x14ac:dyDescent="0.15">
      <c r="A39" s="5">
        <v>28</v>
      </c>
      <c r="B39" s="22">
        <v>26</v>
      </c>
      <c r="C39" s="14">
        <v>21</v>
      </c>
      <c r="D39" s="18">
        <v>47</v>
      </c>
    </row>
    <row r="40" spans="1:4" ht="18" customHeight="1" x14ac:dyDescent="0.15">
      <c r="A40" s="5">
        <v>29</v>
      </c>
      <c r="B40" s="22">
        <v>10</v>
      </c>
      <c r="C40" s="14">
        <v>15</v>
      </c>
      <c r="D40" s="18">
        <v>25</v>
      </c>
    </row>
    <row r="41" spans="1:4" ht="18" customHeight="1" x14ac:dyDescent="0.15">
      <c r="A41" s="5" t="s">
        <v>2</v>
      </c>
      <c r="B41" s="22">
        <v>70</v>
      </c>
      <c r="C41" s="14">
        <v>78</v>
      </c>
      <c r="D41" s="18">
        <v>148</v>
      </c>
    </row>
    <row r="42" spans="1:4" ht="18" customHeight="1" x14ac:dyDescent="0.15">
      <c r="A42" s="5">
        <v>30</v>
      </c>
      <c r="B42" s="22">
        <v>15</v>
      </c>
      <c r="C42" s="14">
        <v>10</v>
      </c>
      <c r="D42" s="18">
        <v>25</v>
      </c>
    </row>
    <row r="43" spans="1:4" ht="18" customHeight="1" x14ac:dyDescent="0.15">
      <c r="A43" s="5">
        <v>31</v>
      </c>
      <c r="B43" s="22">
        <v>21</v>
      </c>
      <c r="C43" s="14">
        <v>9</v>
      </c>
      <c r="D43" s="18">
        <v>30</v>
      </c>
    </row>
    <row r="44" spans="1:4" ht="18" customHeight="1" x14ac:dyDescent="0.15">
      <c r="A44" s="5">
        <v>32</v>
      </c>
      <c r="B44" s="22">
        <v>23</v>
      </c>
      <c r="C44" s="14">
        <v>14</v>
      </c>
      <c r="D44" s="18">
        <v>37</v>
      </c>
    </row>
    <row r="45" spans="1:4" ht="18" customHeight="1" x14ac:dyDescent="0.15">
      <c r="A45" s="5">
        <v>33</v>
      </c>
      <c r="B45" s="22">
        <v>12</v>
      </c>
      <c r="C45" s="14">
        <v>13</v>
      </c>
      <c r="D45" s="18">
        <v>25</v>
      </c>
    </row>
    <row r="46" spans="1:4" ht="18" customHeight="1" x14ac:dyDescent="0.15">
      <c r="A46" s="5">
        <v>34</v>
      </c>
      <c r="B46" s="22">
        <v>15</v>
      </c>
      <c r="C46" s="14">
        <v>18</v>
      </c>
      <c r="D46" s="18">
        <v>33</v>
      </c>
    </row>
    <row r="47" spans="1:4" ht="18" customHeight="1" x14ac:dyDescent="0.15">
      <c r="A47" s="5" t="s">
        <v>15</v>
      </c>
      <c r="B47" s="22">
        <v>86</v>
      </c>
      <c r="C47" s="14">
        <v>64</v>
      </c>
      <c r="D47" s="18">
        <v>150</v>
      </c>
    </row>
    <row r="48" spans="1:4" ht="18" customHeight="1" x14ac:dyDescent="0.15">
      <c r="A48" s="5">
        <v>35</v>
      </c>
      <c r="B48" s="22">
        <v>16</v>
      </c>
      <c r="C48" s="14">
        <v>15</v>
      </c>
      <c r="D48" s="18">
        <v>31</v>
      </c>
    </row>
    <row r="49" spans="1:4" ht="18" customHeight="1" x14ac:dyDescent="0.15">
      <c r="A49" s="5">
        <v>36</v>
      </c>
      <c r="B49" s="22">
        <v>26</v>
      </c>
      <c r="C49" s="14">
        <v>19</v>
      </c>
      <c r="D49" s="18">
        <v>45</v>
      </c>
    </row>
    <row r="50" spans="1:4" ht="18" customHeight="1" x14ac:dyDescent="0.15">
      <c r="A50" s="5">
        <v>37</v>
      </c>
      <c r="B50" s="22">
        <v>21</v>
      </c>
      <c r="C50" s="14">
        <v>23</v>
      </c>
      <c r="D50" s="18">
        <v>44</v>
      </c>
    </row>
    <row r="51" spans="1:4" ht="18" customHeight="1" x14ac:dyDescent="0.15">
      <c r="A51" s="5">
        <v>38</v>
      </c>
      <c r="B51" s="22">
        <v>27</v>
      </c>
      <c r="C51" s="14">
        <v>19</v>
      </c>
      <c r="D51" s="18">
        <v>46</v>
      </c>
    </row>
    <row r="52" spans="1:4" ht="18" customHeight="1" x14ac:dyDescent="0.15">
      <c r="A52" s="5">
        <v>39</v>
      </c>
      <c r="B52" s="22">
        <v>25</v>
      </c>
      <c r="C52" s="14">
        <v>14</v>
      </c>
      <c r="D52" s="18">
        <v>39</v>
      </c>
    </row>
    <row r="53" spans="1:4" ht="18" customHeight="1" x14ac:dyDescent="0.15">
      <c r="A53" s="5" t="s">
        <v>18</v>
      </c>
      <c r="B53" s="22">
        <v>115</v>
      </c>
      <c r="C53" s="14">
        <v>90</v>
      </c>
      <c r="D53" s="18">
        <v>205</v>
      </c>
    </row>
    <row r="54" spans="1:4" ht="18" customHeight="1" x14ac:dyDescent="0.15">
      <c r="A54" s="5">
        <v>40</v>
      </c>
      <c r="B54" s="22">
        <v>34</v>
      </c>
      <c r="C54" s="14">
        <v>19</v>
      </c>
      <c r="D54" s="18">
        <v>53</v>
      </c>
    </row>
    <row r="55" spans="1:4" ht="18" customHeight="1" x14ac:dyDescent="0.15">
      <c r="A55" s="5">
        <v>41</v>
      </c>
      <c r="B55" s="22">
        <v>21</v>
      </c>
      <c r="C55" s="14">
        <v>19</v>
      </c>
      <c r="D55" s="18">
        <v>40</v>
      </c>
    </row>
    <row r="56" spans="1:4" ht="18" customHeight="1" x14ac:dyDescent="0.15">
      <c r="A56" s="5">
        <v>42</v>
      </c>
      <c r="B56" s="22">
        <v>21</v>
      </c>
      <c r="C56" s="14">
        <v>22</v>
      </c>
      <c r="D56" s="18">
        <v>43</v>
      </c>
    </row>
    <row r="57" spans="1:4" ht="18" customHeight="1" x14ac:dyDescent="0.15">
      <c r="A57" s="5">
        <v>43</v>
      </c>
      <c r="B57" s="22">
        <v>35</v>
      </c>
      <c r="C57" s="14">
        <v>21</v>
      </c>
      <c r="D57" s="18">
        <v>56</v>
      </c>
    </row>
    <row r="58" spans="1:4" ht="18" customHeight="1" x14ac:dyDescent="0.15">
      <c r="A58" s="5">
        <v>44</v>
      </c>
      <c r="B58" s="22">
        <v>30</v>
      </c>
      <c r="C58" s="14">
        <v>34</v>
      </c>
      <c r="D58" s="18">
        <v>64</v>
      </c>
    </row>
    <row r="59" spans="1:4" ht="18" customHeight="1" x14ac:dyDescent="0.15">
      <c r="A59" s="5" t="s">
        <v>21</v>
      </c>
      <c r="B59" s="22">
        <v>141</v>
      </c>
      <c r="C59" s="14">
        <v>115</v>
      </c>
      <c r="D59" s="18">
        <v>256</v>
      </c>
    </row>
    <row r="60" spans="1:4" ht="18" customHeight="1" x14ac:dyDescent="0.15">
      <c r="A60" s="5">
        <v>45</v>
      </c>
      <c r="B60" s="22">
        <v>31</v>
      </c>
      <c r="C60" s="14">
        <v>26</v>
      </c>
      <c r="D60" s="18">
        <v>57</v>
      </c>
    </row>
    <row r="61" spans="1:4" ht="18" customHeight="1" x14ac:dyDescent="0.15">
      <c r="A61" s="5">
        <v>46</v>
      </c>
      <c r="B61" s="22">
        <v>25</v>
      </c>
      <c r="C61" s="14">
        <v>23</v>
      </c>
      <c r="D61" s="18">
        <v>48</v>
      </c>
    </row>
    <row r="62" spans="1:4" ht="18" customHeight="1" x14ac:dyDescent="0.15">
      <c r="A62" s="5">
        <v>47</v>
      </c>
      <c r="B62" s="22">
        <v>15</v>
      </c>
      <c r="C62" s="14">
        <v>25</v>
      </c>
      <c r="D62" s="18">
        <v>40</v>
      </c>
    </row>
    <row r="63" spans="1:4" ht="18" customHeight="1" x14ac:dyDescent="0.15">
      <c r="A63" s="5">
        <v>48</v>
      </c>
      <c r="B63" s="22">
        <v>25</v>
      </c>
      <c r="C63" s="14">
        <v>32</v>
      </c>
      <c r="D63" s="18">
        <v>57</v>
      </c>
    </row>
    <row r="64" spans="1:4" ht="18" customHeight="1" x14ac:dyDescent="0.15">
      <c r="A64" s="5">
        <v>49</v>
      </c>
      <c r="B64" s="22">
        <v>27</v>
      </c>
      <c r="C64" s="14">
        <v>25</v>
      </c>
      <c r="D64" s="18">
        <v>52</v>
      </c>
    </row>
    <row r="65" spans="1:4" ht="18" customHeight="1" x14ac:dyDescent="0.15">
      <c r="A65" s="5" t="s">
        <v>17</v>
      </c>
      <c r="B65" s="22">
        <v>123</v>
      </c>
      <c r="C65" s="14">
        <v>131</v>
      </c>
      <c r="D65" s="18">
        <v>254</v>
      </c>
    </row>
    <row r="66" spans="1:4" ht="18" customHeight="1" x14ac:dyDescent="0.15">
      <c r="A66" s="5">
        <v>50</v>
      </c>
      <c r="B66" s="22">
        <v>35</v>
      </c>
      <c r="C66" s="14">
        <v>30</v>
      </c>
      <c r="D66" s="18">
        <v>65</v>
      </c>
    </row>
    <row r="67" spans="1:4" ht="18" customHeight="1" x14ac:dyDescent="0.15">
      <c r="A67" s="5">
        <v>51</v>
      </c>
      <c r="B67" s="22">
        <v>30</v>
      </c>
      <c r="C67" s="14">
        <v>31</v>
      </c>
      <c r="D67" s="18">
        <v>61</v>
      </c>
    </row>
    <row r="68" spans="1:4" ht="18" customHeight="1" x14ac:dyDescent="0.15">
      <c r="A68" s="5">
        <v>52</v>
      </c>
      <c r="B68" s="22">
        <v>35</v>
      </c>
      <c r="C68" s="14">
        <v>38</v>
      </c>
      <c r="D68" s="18">
        <v>73</v>
      </c>
    </row>
    <row r="69" spans="1:4" ht="18" customHeight="1" x14ac:dyDescent="0.15">
      <c r="A69" s="5">
        <v>53</v>
      </c>
      <c r="B69" s="22">
        <v>19</v>
      </c>
      <c r="C69" s="14">
        <v>27</v>
      </c>
      <c r="D69" s="18">
        <v>46</v>
      </c>
    </row>
    <row r="70" spans="1:4" ht="18" customHeight="1" x14ac:dyDescent="0.15">
      <c r="A70" s="5">
        <v>54</v>
      </c>
      <c r="B70" s="22">
        <v>27</v>
      </c>
      <c r="C70" s="14">
        <v>21</v>
      </c>
      <c r="D70" s="18">
        <v>48</v>
      </c>
    </row>
    <row r="71" spans="1:4" ht="18" customHeight="1" x14ac:dyDescent="0.15">
      <c r="A71" s="5" t="s">
        <v>22</v>
      </c>
      <c r="B71" s="22">
        <v>146</v>
      </c>
      <c r="C71" s="14">
        <v>147</v>
      </c>
      <c r="D71" s="18">
        <v>293</v>
      </c>
    </row>
    <row r="72" spans="1:4" ht="18" customHeight="1" x14ac:dyDescent="0.15">
      <c r="A72" s="5">
        <v>55</v>
      </c>
      <c r="B72" s="22">
        <v>22</v>
      </c>
      <c r="C72" s="14">
        <v>37</v>
      </c>
      <c r="D72" s="18">
        <v>59</v>
      </c>
    </row>
    <row r="73" spans="1:4" ht="18" customHeight="1" x14ac:dyDescent="0.15">
      <c r="A73" s="5">
        <v>56</v>
      </c>
      <c r="B73" s="22">
        <v>24</v>
      </c>
      <c r="C73" s="14">
        <v>30</v>
      </c>
      <c r="D73" s="18">
        <v>54</v>
      </c>
    </row>
    <row r="74" spans="1:4" ht="18" customHeight="1" x14ac:dyDescent="0.15">
      <c r="A74" s="5">
        <v>57</v>
      </c>
      <c r="B74" s="22">
        <v>25</v>
      </c>
      <c r="C74" s="14">
        <v>28</v>
      </c>
      <c r="D74" s="18">
        <v>53</v>
      </c>
    </row>
    <row r="75" spans="1:4" ht="18" customHeight="1" x14ac:dyDescent="0.15">
      <c r="A75" s="5">
        <v>58</v>
      </c>
      <c r="B75" s="22">
        <v>34</v>
      </c>
      <c r="C75" s="14">
        <v>24</v>
      </c>
      <c r="D75" s="18">
        <v>58</v>
      </c>
    </row>
    <row r="76" spans="1:4" ht="18" customHeight="1" x14ac:dyDescent="0.15">
      <c r="A76" s="5">
        <v>59</v>
      </c>
      <c r="B76" s="22">
        <v>33</v>
      </c>
      <c r="C76" s="14">
        <v>24</v>
      </c>
      <c r="D76" s="18">
        <v>57</v>
      </c>
    </row>
    <row r="77" spans="1:4" ht="18" customHeight="1" x14ac:dyDescent="0.15">
      <c r="A77" s="5" t="s">
        <v>27</v>
      </c>
      <c r="B77" s="22">
        <v>138</v>
      </c>
      <c r="C77" s="14">
        <v>143</v>
      </c>
      <c r="D77" s="18">
        <v>281</v>
      </c>
    </row>
    <row r="78" spans="1:4" ht="18" customHeight="1" x14ac:dyDescent="0.15">
      <c r="A78" s="5">
        <v>60</v>
      </c>
      <c r="B78" s="22">
        <v>25</v>
      </c>
      <c r="C78" s="14">
        <v>35</v>
      </c>
      <c r="D78" s="18">
        <v>60</v>
      </c>
    </row>
    <row r="79" spans="1:4" ht="18" customHeight="1" x14ac:dyDescent="0.15">
      <c r="A79" s="5">
        <v>61</v>
      </c>
      <c r="B79" s="22">
        <v>23</v>
      </c>
      <c r="C79" s="14">
        <v>23</v>
      </c>
      <c r="D79" s="18">
        <v>46</v>
      </c>
    </row>
    <row r="80" spans="1:4" ht="18" customHeight="1" x14ac:dyDescent="0.15">
      <c r="A80" s="5">
        <v>62</v>
      </c>
      <c r="B80" s="22">
        <v>32</v>
      </c>
      <c r="C80" s="14">
        <v>22</v>
      </c>
      <c r="D80" s="18">
        <v>54</v>
      </c>
    </row>
    <row r="81" spans="1:4" ht="18" customHeight="1" x14ac:dyDescent="0.15">
      <c r="A81" s="5">
        <v>63</v>
      </c>
      <c r="B81" s="22">
        <v>27</v>
      </c>
      <c r="C81" s="14">
        <v>10</v>
      </c>
      <c r="D81" s="18">
        <v>37</v>
      </c>
    </row>
    <row r="82" spans="1:4" ht="18" customHeight="1" x14ac:dyDescent="0.15">
      <c r="A82" s="5">
        <v>64</v>
      </c>
      <c r="B82" s="22">
        <v>27</v>
      </c>
      <c r="C82" s="14">
        <v>34</v>
      </c>
      <c r="D82" s="18">
        <v>61</v>
      </c>
    </row>
    <row r="83" spans="1:4" ht="18" customHeight="1" x14ac:dyDescent="0.15">
      <c r="A83" s="5" t="s">
        <v>28</v>
      </c>
      <c r="B83" s="22">
        <v>134</v>
      </c>
      <c r="C83" s="14">
        <v>124</v>
      </c>
      <c r="D83" s="18">
        <v>258</v>
      </c>
    </row>
    <row r="84" spans="1:4" ht="18" customHeight="1" x14ac:dyDescent="0.15">
      <c r="A84" s="5" t="s">
        <v>31</v>
      </c>
      <c r="B84" s="22">
        <v>1097</v>
      </c>
      <c r="C84" s="14">
        <v>1016</v>
      </c>
      <c r="D84" s="18">
        <v>2113</v>
      </c>
    </row>
    <row r="85" spans="1:4" ht="18" customHeight="1" x14ac:dyDescent="0.15">
      <c r="A85" s="5">
        <v>65</v>
      </c>
      <c r="B85" s="22">
        <v>31</v>
      </c>
      <c r="C85" s="14">
        <v>33</v>
      </c>
      <c r="D85" s="18">
        <v>64</v>
      </c>
    </row>
    <row r="86" spans="1:4" ht="18" customHeight="1" x14ac:dyDescent="0.15">
      <c r="A86" s="5">
        <v>66</v>
      </c>
      <c r="B86" s="22">
        <v>26</v>
      </c>
      <c r="C86" s="14">
        <v>29</v>
      </c>
      <c r="D86" s="18">
        <v>55</v>
      </c>
    </row>
    <row r="87" spans="1:4" ht="18" customHeight="1" x14ac:dyDescent="0.15">
      <c r="A87" s="5">
        <v>67</v>
      </c>
      <c r="B87" s="22">
        <v>30</v>
      </c>
      <c r="C87" s="14">
        <v>19</v>
      </c>
      <c r="D87" s="18">
        <v>49</v>
      </c>
    </row>
    <row r="88" spans="1:4" ht="18" customHeight="1" x14ac:dyDescent="0.15">
      <c r="A88" s="5">
        <v>68</v>
      </c>
      <c r="B88" s="22">
        <v>26</v>
      </c>
      <c r="C88" s="14">
        <v>22</v>
      </c>
      <c r="D88" s="18">
        <v>48</v>
      </c>
    </row>
    <row r="89" spans="1:4" ht="18" customHeight="1" x14ac:dyDescent="0.15">
      <c r="A89" s="5">
        <v>69</v>
      </c>
      <c r="B89" s="22">
        <v>30</v>
      </c>
      <c r="C89" s="14">
        <v>39</v>
      </c>
      <c r="D89" s="18">
        <v>69</v>
      </c>
    </row>
    <row r="90" spans="1:4" ht="18" customHeight="1" x14ac:dyDescent="0.15">
      <c r="A90" s="5" t="s">
        <v>20</v>
      </c>
      <c r="B90" s="22">
        <v>143</v>
      </c>
      <c r="C90" s="14">
        <v>142</v>
      </c>
      <c r="D90" s="18">
        <v>285</v>
      </c>
    </row>
    <row r="91" spans="1:4" ht="18" customHeight="1" x14ac:dyDescent="0.15">
      <c r="A91" s="5">
        <v>70</v>
      </c>
      <c r="B91" s="22">
        <v>26</v>
      </c>
      <c r="C91" s="14">
        <v>31</v>
      </c>
      <c r="D91" s="18">
        <v>57</v>
      </c>
    </row>
    <row r="92" spans="1:4" ht="18" customHeight="1" x14ac:dyDescent="0.15">
      <c r="A92" s="5">
        <v>71</v>
      </c>
      <c r="B92" s="22">
        <v>28</v>
      </c>
      <c r="C92" s="14">
        <v>21</v>
      </c>
      <c r="D92" s="18">
        <v>49</v>
      </c>
    </row>
    <row r="93" spans="1:4" ht="18" customHeight="1" x14ac:dyDescent="0.15">
      <c r="A93" s="5">
        <v>72</v>
      </c>
      <c r="B93" s="22">
        <v>26</v>
      </c>
      <c r="C93" s="14">
        <v>28</v>
      </c>
      <c r="D93" s="18">
        <v>54</v>
      </c>
    </row>
    <row r="94" spans="1:4" ht="18" customHeight="1" x14ac:dyDescent="0.15">
      <c r="A94" s="5">
        <v>73</v>
      </c>
      <c r="B94" s="22">
        <v>35</v>
      </c>
      <c r="C94" s="14">
        <v>28</v>
      </c>
      <c r="D94" s="18">
        <v>63</v>
      </c>
    </row>
    <row r="95" spans="1:4" ht="18" customHeight="1" x14ac:dyDescent="0.15">
      <c r="A95" s="5">
        <v>74</v>
      </c>
      <c r="B95" s="22">
        <v>33</v>
      </c>
      <c r="C95" s="14">
        <v>26</v>
      </c>
      <c r="D95" s="18">
        <v>59</v>
      </c>
    </row>
    <row r="96" spans="1:4" ht="18" customHeight="1" x14ac:dyDescent="0.15">
      <c r="A96" s="5" t="s">
        <v>33</v>
      </c>
      <c r="B96" s="22">
        <v>148</v>
      </c>
      <c r="C96" s="14">
        <v>134</v>
      </c>
      <c r="D96" s="18">
        <v>282</v>
      </c>
    </row>
    <row r="97" spans="1:4" ht="18" customHeight="1" x14ac:dyDescent="0.15">
      <c r="A97" s="5">
        <v>75</v>
      </c>
      <c r="B97" s="22">
        <v>37</v>
      </c>
      <c r="C97" s="14">
        <v>26</v>
      </c>
      <c r="D97" s="18">
        <v>63</v>
      </c>
    </row>
    <row r="98" spans="1:4" ht="18" customHeight="1" x14ac:dyDescent="0.15">
      <c r="A98" s="5">
        <v>76</v>
      </c>
      <c r="B98" s="22">
        <v>31</v>
      </c>
      <c r="C98" s="14">
        <v>41</v>
      </c>
      <c r="D98" s="18">
        <v>72</v>
      </c>
    </row>
    <row r="99" spans="1:4" ht="18" customHeight="1" x14ac:dyDescent="0.15">
      <c r="A99" s="5">
        <v>77</v>
      </c>
      <c r="B99" s="22">
        <v>27</v>
      </c>
      <c r="C99" s="14">
        <v>39</v>
      </c>
      <c r="D99" s="18">
        <v>66</v>
      </c>
    </row>
    <row r="100" spans="1:4" ht="18" customHeight="1" x14ac:dyDescent="0.15">
      <c r="A100" s="5">
        <v>78</v>
      </c>
      <c r="B100" s="22">
        <v>33</v>
      </c>
      <c r="C100" s="14">
        <v>40</v>
      </c>
      <c r="D100" s="18">
        <v>73</v>
      </c>
    </row>
    <row r="101" spans="1:4" ht="18" customHeight="1" x14ac:dyDescent="0.15">
      <c r="A101" s="5">
        <v>79</v>
      </c>
      <c r="B101" s="22">
        <v>23</v>
      </c>
      <c r="C101" s="14">
        <v>30</v>
      </c>
      <c r="D101" s="18">
        <v>53</v>
      </c>
    </row>
    <row r="102" spans="1:4" ht="18" customHeight="1" x14ac:dyDescent="0.15">
      <c r="A102" s="5" t="s">
        <v>0</v>
      </c>
      <c r="B102" s="22">
        <v>151</v>
      </c>
      <c r="C102" s="14">
        <v>176</v>
      </c>
      <c r="D102" s="18">
        <v>327</v>
      </c>
    </row>
    <row r="103" spans="1:4" ht="18" customHeight="1" x14ac:dyDescent="0.15">
      <c r="A103" s="5">
        <v>80</v>
      </c>
      <c r="B103" s="22">
        <v>12</v>
      </c>
      <c r="C103" s="14">
        <v>22</v>
      </c>
      <c r="D103" s="18">
        <v>34</v>
      </c>
    </row>
    <row r="104" spans="1:4" ht="18" customHeight="1" x14ac:dyDescent="0.15">
      <c r="A104" s="5">
        <v>81</v>
      </c>
      <c r="B104" s="22">
        <v>20</v>
      </c>
      <c r="C104" s="14">
        <v>25</v>
      </c>
      <c r="D104" s="18">
        <v>45</v>
      </c>
    </row>
    <row r="105" spans="1:4" ht="18" customHeight="1" x14ac:dyDescent="0.15">
      <c r="A105" s="5">
        <v>82</v>
      </c>
      <c r="B105" s="22">
        <v>16</v>
      </c>
      <c r="C105" s="14">
        <v>29</v>
      </c>
      <c r="D105" s="18">
        <v>45</v>
      </c>
    </row>
    <row r="106" spans="1:4" ht="18" customHeight="1" x14ac:dyDescent="0.15">
      <c r="A106" s="5">
        <v>83</v>
      </c>
      <c r="B106" s="22">
        <v>19</v>
      </c>
      <c r="C106" s="14">
        <v>26</v>
      </c>
      <c r="D106" s="18">
        <v>45</v>
      </c>
    </row>
    <row r="107" spans="1:4" ht="18" customHeight="1" x14ac:dyDescent="0.15">
      <c r="A107" s="5">
        <v>84</v>
      </c>
      <c r="B107" s="22">
        <v>12</v>
      </c>
      <c r="C107" s="14">
        <v>35</v>
      </c>
      <c r="D107" s="18">
        <v>47</v>
      </c>
    </row>
    <row r="108" spans="1:4" ht="18" customHeight="1" x14ac:dyDescent="0.15">
      <c r="A108" s="5" t="s">
        <v>35</v>
      </c>
      <c r="B108" s="22">
        <v>79</v>
      </c>
      <c r="C108" s="14">
        <v>137</v>
      </c>
      <c r="D108" s="18">
        <v>216</v>
      </c>
    </row>
    <row r="109" spans="1:4" ht="18" customHeight="1" x14ac:dyDescent="0.15">
      <c r="A109" s="5">
        <v>85</v>
      </c>
      <c r="B109" s="22">
        <v>11</v>
      </c>
      <c r="C109" s="14">
        <v>22</v>
      </c>
      <c r="D109" s="18">
        <v>33</v>
      </c>
    </row>
    <row r="110" spans="1:4" ht="18" customHeight="1" x14ac:dyDescent="0.15">
      <c r="A110" s="5">
        <v>86</v>
      </c>
      <c r="B110" s="22">
        <v>9</v>
      </c>
      <c r="C110" s="14">
        <v>21</v>
      </c>
      <c r="D110" s="18">
        <v>30</v>
      </c>
    </row>
    <row r="111" spans="1:4" ht="18" customHeight="1" x14ac:dyDescent="0.15">
      <c r="A111" s="5">
        <v>87</v>
      </c>
      <c r="B111" s="22">
        <v>12</v>
      </c>
      <c r="C111" s="14">
        <v>26</v>
      </c>
      <c r="D111" s="18">
        <v>38</v>
      </c>
    </row>
    <row r="112" spans="1:4" ht="18" customHeight="1" x14ac:dyDescent="0.15">
      <c r="A112" s="5">
        <v>88</v>
      </c>
      <c r="B112" s="22">
        <v>15</v>
      </c>
      <c r="C112" s="14">
        <v>23</v>
      </c>
      <c r="D112" s="18">
        <v>38</v>
      </c>
    </row>
    <row r="113" spans="1:4" ht="18" customHeight="1" x14ac:dyDescent="0.15">
      <c r="A113" s="5">
        <v>89</v>
      </c>
      <c r="B113" s="22">
        <v>13</v>
      </c>
      <c r="C113" s="14">
        <v>22</v>
      </c>
      <c r="D113" s="18">
        <v>35</v>
      </c>
    </row>
    <row r="114" spans="1:4" ht="18" customHeight="1" x14ac:dyDescent="0.15">
      <c r="A114" s="5" t="s">
        <v>37</v>
      </c>
      <c r="B114" s="22">
        <v>60</v>
      </c>
      <c r="C114" s="14">
        <v>114</v>
      </c>
      <c r="D114" s="18">
        <v>174</v>
      </c>
    </row>
    <row r="115" spans="1:4" ht="18" customHeight="1" x14ac:dyDescent="0.15">
      <c r="A115" s="5">
        <v>90</v>
      </c>
      <c r="B115" s="22">
        <v>7</v>
      </c>
      <c r="C115" s="14">
        <v>22</v>
      </c>
      <c r="D115" s="18">
        <v>29</v>
      </c>
    </row>
    <row r="116" spans="1:4" ht="18" customHeight="1" x14ac:dyDescent="0.15">
      <c r="A116" s="5">
        <v>91</v>
      </c>
      <c r="B116" s="22">
        <v>7</v>
      </c>
      <c r="C116" s="14">
        <v>19</v>
      </c>
      <c r="D116" s="18">
        <v>26</v>
      </c>
    </row>
    <row r="117" spans="1:4" ht="18" customHeight="1" x14ac:dyDescent="0.15">
      <c r="A117" s="5">
        <v>92</v>
      </c>
      <c r="B117" s="22">
        <v>6</v>
      </c>
      <c r="C117" s="14">
        <v>14</v>
      </c>
      <c r="D117" s="18">
        <v>20</v>
      </c>
    </row>
    <row r="118" spans="1:4" ht="18" customHeight="1" x14ac:dyDescent="0.15">
      <c r="A118" s="5">
        <v>93</v>
      </c>
      <c r="B118" s="22">
        <v>7</v>
      </c>
      <c r="C118" s="14">
        <v>16</v>
      </c>
      <c r="D118" s="18">
        <v>23</v>
      </c>
    </row>
    <row r="119" spans="1:4" ht="18" customHeight="1" x14ac:dyDescent="0.15">
      <c r="A119" s="5">
        <v>94</v>
      </c>
      <c r="B119" s="22">
        <v>7</v>
      </c>
      <c r="C119" s="14">
        <v>7</v>
      </c>
      <c r="D119" s="18">
        <v>14</v>
      </c>
    </row>
    <row r="120" spans="1:4" ht="18" customHeight="1" x14ac:dyDescent="0.15">
      <c r="A120" s="5" t="s">
        <v>39</v>
      </c>
      <c r="B120" s="22">
        <v>34</v>
      </c>
      <c r="C120" s="14">
        <v>78</v>
      </c>
      <c r="D120" s="18">
        <v>112</v>
      </c>
    </row>
    <row r="121" spans="1:4" ht="18" customHeight="1" x14ac:dyDescent="0.15">
      <c r="A121" s="5">
        <v>95</v>
      </c>
      <c r="B121" s="22">
        <v>2</v>
      </c>
      <c r="C121" s="14">
        <v>12</v>
      </c>
      <c r="D121" s="18">
        <v>14</v>
      </c>
    </row>
    <row r="122" spans="1:4" ht="18" customHeight="1" x14ac:dyDescent="0.15">
      <c r="A122" s="5">
        <v>96</v>
      </c>
      <c r="B122" s="22">
        <v>3</v>
      </c>
      <c r="C122" s="14">
        <v>11</v>
      </c>
      <c r="D122" s="18">
        <v>14</v>
      </c>
    </row>
    <row r="123" spans="1:4" ht="18" customHeight="1" x14ac:dyDescent="0.15">
      <c r="A123" s="5">
        <v>97</v>
      </c>
      <c r="B123" s="22">
        <v>0</v>
      </c>
      <c r="C123" s="14">
        <v>8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5</v>
      </c>
      <c r="C126" s="14">
        <v>35</v>
      </c>
      <c r="D126" s="18">
        <v>40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620</v>
      </c>
      <c r="C130" s="14">
        <v>819</v>
      </c>
      <c r="D130" s="18">
        <v>1439</v>
      </c>
    </row>
    <row r="131" spans="1:4" ht="18" customHeight="1" x14ac:dyDescent="0.15">
      <c r="A131" s="7" t="s">
        <v>45</v>
      </c>
      <c r="B131" s="23">
        <v>1924</v>
      </c>
      <c r="C131" s="15">
        <v>2007</v>
      </c>
      <c r="D131" s="19">
        <v>393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9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1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2</v>
      </c>
      <c r="D5" s="31">
        <v>3</v>
      </c>
    </row>
    <row r="6" spans="1:4" ht="18" customHeight="1" x14ac:dyDescent="0.15">
      <c r="A6" s="5">
        <v>1</v>
      </c>
      <c r="B6" s="27">
        <v>0</v>
      </c>
      <c r="C6" s="14">
        <v>2</v>
      </c>
      <c r="D6" s="18">
        <v>2</v>
      </c>
    </row>
    <row r="7" spans="1:4" ht="18" customHeight="1" x14ac:dyDescent="0.15">
      <c r="A7" s="5">
        <v>2</v>
      </c>
      <c r="B7" s="27">
        <v>1</v>
      </c>
      <c r="C7" s="14">
        <v>2</v>
      </c>
      <c r="D7" s="18">
        <v>3</v>
      </c>
    </row>
    <row r="8" spans="1:4" ht="18" customHeight="1" x14ac:dyDescent="0.15">
      <c r="A8" s="5">
        <v>3</v>
      </c>
      <c r="B8" s="27">
        <v>1</v>
      </c>
      <c r="C8" s="14">
        <v>2</v>
      </c>
      <c r="D8" s="18">
        <v>3</v>
      </c>
    </row>
    <row r="9" spans="1:4" ht="18" customHeight="1" x14ac:dyDescent="0.15">
      <c r="A9" s="5">
        <v>4</v>
      </c>
      <c r="B9" s="28">
        <v>2</v>
      </c>
      <c r="C9" s="30">
        <v>5</v>
      </c>
      <c r="D9" s="32">
        <v>7</v>
      </c>
    </row>
    <row r="10" spans="1:4" ht="18" customHeight="1" x14ac:dyDescent="0.15">
      <c r="A10" s="5" t="s">
        <v>7</v>
      </c>
      <c r="B10" s="22">
        <v>5</v>
      </c>
      <c r="C10" s="14">
        <v>13</v>
      </c>
      <c r="D10" s="18">
        <v>18</v>
      </c>
    </row>
    <row r="11" spans="1:4" ht="18" customHeight="1" x14ac:dyDescent="0.15">
      <c r="A11" s="5">
        <v>5</v>
      </c>
      <c r="B11" s="27">
        <v>3</v>
      </c>
      <c r="C11" s="14">
        <v>1</v>
      </c>
      <c r="D11" s="18">
        <v>4</v>
      </c>
    </row>
    <row r="12" spans="1:4" ht="18" customHeight="1" x14ac:dyDescent="0.15">
      <c r="A12" s="5">
        <v>6</v>
      </c>
      <c r="B12" s="27">
        <v>3</v>
      </c>
      <c r="C12" s="14">
        <v>5</v>
      </c>
      <c r="D12" s="18">
        <v>8</v>
      </c>
    </row>
    <row r="13" spans="1:4" ht="18" customHeight="1" x14ac:dyDescent="0.15">
      <c r="A13" s="5">
        <v>7</v>
      </c>
      <c r="B13" s="27">
        <v>1</v>
      </c>
      <c r="C13" s="14">
        <v>2</v>
      </c>
      <c r="D13" s="18">
        <v>3</v>
      </c>
    </row>
    <row r="14" spans="1:4" ht="18" customHeight="1" x14ac:dyDescent="0.15">
      <c r="A14" s="5">
        <v>8</v>
      </c>
      <c r="B14" s="27">
        <v>5</v>
      </c>
      <c r="C14" s="14">
        <v>3</v>
      </c>
      <c r="D14" s="18">
        <v>8</v>
      </c>
    </row>
    <row r="15" spans="1:4" ht="18" customHeight="1" x14ac:dyDescent="0.15">
      <c r="A15" s="5">
        <v>9</v>
      </c>
      <c r="B15" s="27">
        <v>5</v>
      </c>
      <c r="C15" s="14">
        <v>2</v>
      </c>
      <c r="D15" s="18">
        <v>7</v>
      </c>
    </row>
    <row r="16" spans="1:4" ht="18" customHeight="1" x14ac:dyDescent="0.15">
      <c r="A16" s="5" t="s">
        <v>11</v>
      </c>
      <c r="B16" s="22">
        <v>17</v>
      </c>
      <c r="C16" s="14">
        <v>13</v>
      </c>
      <c r="D16" s="18">
        <v>30</v>
      </c>
    </row>
    <row r="17" spans="1:4" ht="18" customHeight="1" x14ac:dyDescent="0.15">
      <c r="A17" s="5">
        <v>10</v>
      </c>
      <c r="B17" s="22">
        <v>2</v>
      </c>
      <c r="C17" s="14">
        <v>6</v>
      </c>
      <c r="D17" s="18">
        <v>8</v>
      </c>
    </row>
    <row r="18" spans="1:4" ht="18" customHeight="1" x14ac:dyDescent="0.15">
      <c r="A18" s="5">
        <v>11</v>
      </c>
      <c r="B18" s="22">
        <v>4</v>
      </c>
      <c r="C18" s="14">
        <v>6</v>
      </c>
      <c r="D18" s="18">
        <v>10</v>
      </c>
    </row>
    <row r="19" spans="1:4" ht="18" customHeight="1" x14ac:dyDescent="0.15">
      <c r="A19" s="5">
        <v>12</v>
      </c>
      <c r="B19" s="22">
        <v>8</v>
      </c>
      <c r="C19" s="14">
        <v>5</v>
      </c>
      <c r="D19" s="18">
        <v>13</v>
      </c>
    </row>
    <row r="20" spans="1:4" ht="18" customHeight="1" x14ac:dyDescent="0.15">
      <c r="A20" s="5">
        <v>13</v>
      </c>
      <c r="B20" s="22">
        <v>6</v>
      </c>
      <c r="C20" s="14">
        <v>4</v>
      </c>
      <c r="D20" s="18">
        <v>10</v>
      </c>
    </row>
    <row r="21" spans="1:4" ht="18" customHeight="1" x14ac:dyDescent="0.15">
      <c r="A21" s="5">
        <v>14</v>
      </c>
      <c r="B21" s="22">
        <v>7</v>
      </c>
      <c r="C21" s="14">
        <v>6</v>
      </c>
      <c r="D21" s="18">
        <v>13</v>
      </c>
    </row>
    <row r="22" spans="1:4" ht="18" customHeight="1" x14ac:dyDescent="0.15">
      <c r="A22" s="5" t="s">
        <v>12</v>
      </c>
      <c r="B22" s="22">
        <v>27</v>
      </c>
      <c r="C22" s="14">
        <v>27</v>
      </c>
      <c r="D22" s="18">
        <v>54</v>
      </c>
    </row>
    <row r="23" spans="1:4" ht="18" customHeight="1" x14ac:dyDescent="0.15">
      <c r="A23" s="5" t="s">
        <v>6</v>
      </c>
      <c r="B23" s="22">
        <v>49</v>
      </c>
      <c r="C23" s="14">
        <v>53</v>
      </c>
      <c r="D23" s="18">
        <v>102</v>
      </c>
    </row>
    <row r="24" spans="1:4" ht="18" customHeight="1" x14ac:dyDescent="0.15">
      <c r="A24" s="5">
        <v>15</v>
      </c>
      <c r="B24" s="22">
        <v>5</v>
      </c>
      <c r="C24" s="14">
        <v>7</v>
      </c>
      <c r="D24" s="18">
        <v>12</v>
      </c>
    </row>
    <row r="25" spans="1:4" ht="18" customHeight="1" x14ac:dyDescent="0.15">
      <c r="A25" s="5">
        <v>16</v>
      </c>
      <c r="B25" s="22">
        <v>8</v>
      </c>
      <c r="C25" s="14">
        <v>7</v>
      </c>
      <c r="D25" s="18">
        <v>15</v>
      </c>
    </row>
    <row r="26" spans="1:4" ht="18" customHeight="1" x14ac:dyDescent="0.15">
      <c r="A26" s="5">
        <v>17</v>
      </c>
      <c r="B26" s="22">
        <v>4</v>
      </c>
      <c r="C26" s="14">
        <v>6</v>
      </c>
      <c r="D26" s="18">
        <v>10</v>
      </c>
    </row>
    <row r="27" spans="1:4" ht="18" customHeight="1" x14ac:dyDescent="0.15">
      <c r="A27" s="5">
        <v>18</v>
      </c>
      <c r="B27" s="22">
        <v>2</v>
      </c>
      <c r="C27" s="14">
        <v>5</v>
      </c>
      <c r="D27" s="18">
        <v>7</v>
      </c>
    </row>
    <row r="28" spans="1:4" ht="18" customHeight="1" x14ac:dyDescent="0.15">
      <c r="A28" s="5">
        <v>19</v>
      </c>
      <c r="B28" s="22">
        <v>10</v>
      </c>
      <c r="C28" s="14">
        <v>2</v>
      </c>
      <c r="D28" s="18">
        <v>12</v>
      </c>
    </row>
    <row r="29" spans="1:4" ht="18" customHeight="1" x14ac:dyDescent="0.15">
      <c r="A29" s="5" t="s">
        <v>14</v>
      </c>
      <c r="B29" s="22">
        <v>29</v>
      </c>
      <c r="C29" s="14">
        <v>27</v>
      </c>
      <c r="D29" s="18">
        <v>56</v>
      </c>
    </row>
    <row r="30" spans="1:4" ht="18" customHeight="1" x14ac:dyDescent="0.15">
      <c r="A30" s="5">
        <v>20</v>
      </c>
      <c r="B30" s="22">
        <v>11</v>
      </c>
      <c r="C30" s="14">
        <v>2</v>
      </c>
      <c r="D30" s="18">
        <v>13</v>
      </c>
    </row>
    <row r="31" spans="1:4" ht="18" customHeight="1" x14ac:dyDescent="0.15">
      <c r="A31" s="5">
        <v>21</v>
      </c>
      <c r="B31" s="22">
        <v>4</v>
      </c>
      <c r="C31" s="14">
        <v>7</v>
      </c>
      <c r="D31" s="18">
        <v>11</v>
      </c>
    </row>
    <row r="32" spans="1:4" ht="18" customHeight="1" x14ac:dyDescent="0.15">
      <c r="A32" s="5">
        <v>22</v>
      </c>
      <c r="B32" s="22">
        <v>4</v>
      </c>
      <c r="C32" s="14">
        <v>6</v>
      </c>
      <c r="D32" s="18">
        <v>10</v>
      </c>
    </row>
    <row r="33" spans="1:4" ht="18" customHeight="1" x14ac:dyDescent="0.15">
      <c r="A33" s="5">
        <v>23</v>
      </c>
      <c r="B33" s="22">
        <v>0</v>
      </c>
      <c r="C33" s="14">
        <v>5</v>
      </c>
      <c r="D33" s="18">
        <v>5</v>
      </c>
    </row>
    <row r="34" spans="1:4" ht="18" customHeight="1" x14ac:dyDescent="0.15">
      <c r="A34" s="5">
        <v>24</v>
      </c>
      <c r="B34" s="22">
        <v>5</v>
      </c>
      <c r="C34" s="14">
        <v>1</v>
      </c>
      <c r="D34" s="18">
        <v>6</v>
      </c>
    </row>
    <row r="35" spans="1:4" ht="18" customHeight="1" x14ac:dyDescent="0.15">
      <c r="A35" s="5" t="s">
        <v>9</v>
      </c>
      <c r="B35" s="22">
        <v>24</v>
      </c>
      <c r="C35" s="14">
        <v>21</v>
      </c>
      <c r="D35" s="18">
        <v>45</v>
      </c>
    </row>
    <row r="36" spans="1:4" ht="18" customHeight="1" x14ac:dyDescent="0.15">
      <c r="A36" s="5">
        <v>25</v>
      </c>
      <c r="B36" s="22">
        <v>3</v>
      </c>
      <c r="C36" s="14">
        <v>1</v>
      </c>
      <c r="D36" s="18">
        <v>4</v>
      </c>
    </row>
    <row r="37" spans="1:4" ht="18" customHeight="1" x14ac:dyDescent="0.15">
      <c r="A37" s="5">
        <v>26</v>
      </c>
      <c r="B37" s="22">
        <v>5</v>
      </c>
      <c r="C37" s="14">
        <v>3</v>
      </c>
      <c r="D37" s="18">
        <v>8</v>
      </c>
    </row>
    <row r="38" spans="1:4" ht="18" customHeight="1" x14ac:dyDescent="0.15">
      <c r="A38" s="5">
        <v>27</v>
      </c>
      <c r="B38" s="22">
        <v>2</v>
      </c>
      <c r="C38" s="14">
        <v>3</v>
      </c>
      <c r="D38" s="18">
        <v>5</v>
      </c>
    </row>
    <row r="39" spans="1:4" ht="18" customHeight="1" x14ac:dyDescent="0.15">
      <c r="A39" s="5">
        <v>28</v>
      </c>
      <c r="B39" s="22">
        <v>3</v>
      </c>
      <c r="C39" s="14">
        <v>2</v>
      </c>
      <c r="D39" s="18">
        <v>5</v>
      </c>
    </row>
    <row r="40" spans="1:4" ht="18" customHeight="1" x14ac:dyDescent="0.15">
      <c r="A40" s="5">
        <v>29</v>
      </c>
      <c r="B40" s="22">
        <v>5</v>
      </c>
      <c r="C40" s="14">
        <v>2</v>
      </c>
      <c r="D40" s="18">
        <v>7</v>
      </c>
    </row>
    <row r="41" spans="1:4" ht="18" customHeight="1" x14ac:dyDescent="0.15">
      <c r="A41" s="5" t="s">
        <v>2</v>
      </c>
      <c r="B41" s="22">
        <v>18</v>
      </c>
      <c r="C41" s="14">
        <v>11</v>
      </c>
      <c r="D41" s="18">
        <v>29</v>
      </c>
    </row>
    <row r="42" spans="1:4" ht="18" customHeight="1" x14ac:dyDescent="0.15">
      <c r="A42" s="5">
        <v>30</v>
      </c>
      <c r="B42" s="22">
        <v>5</v>
      </c>
      <c r="C42" s="14">
        <v>3</v>
      </c>
      <c r="D42" s="18">
        <v>8</v>
      </c>
    </row>
    <row r="43" spans="1:4" ht="18" customHeight="1" x14ac:dyDescent="0.15">
      <c r="A43" s="5">
        <v>31</v>
      </c>
      <c r="B43" s="22">
        <v>4</v>
      </c>
      <c r="C43" s="14">
        <v>3</v>
      </c>
      <c r="D43" s="18">
        <v>7</v>
      </c>
    </row>
    <row r="44" spans="1:4" ht="18" customHeight="1" x14ac:dyDescent="0.15">
      <c r="A44" s="5">
        <v>32</v>
      </c>
      <c r="B44" s="22">
        <v>5</v>
      </c>
      <c r="C44" s="14">
        <v>2</v>
      </c>
      <c r="D44" s="18">
        <v>7</v>
      </c>
    </row>
    <row r="45" spans="1:4" ht="18" customHeight="1" x14ac:dyDescent="0.15">
      <c r="A45" s="5">
        <v>33</v>
      </c>
      <c r="B45" s="22">
        <v>8</v>
      </c>
      <c r="C45" s="14">
        <v>4</v>
      </c>
      <c r="D45" s="18">
        <v>12</v>
      </c>
    </row>
    <row r="46" spans="1:4" ht="18" customHeight="1" x14ac:dyDescent="0.15">
      <c r="A46" s="5">
        <v>34</v>
      </c>
      <c r="B46" s="22">
        <v>2</v>
      </c>
      <c r="C46" s="14">
        <v>3</v>
      </c>
      <c r="D46" s="18">
        <v>5</v>
      </c>
    </row>
    <row r="47" spans="1:4" ht="18" customHeight="1" x14ac:dyDescent="0.15">
      <c r="A47" s="5" t="s">
        <v>15</v>
      </c>
      <c r="B47" s="22">
        <v>24</v>
      </c>
      <c r="C47" s="14">
        <v>15</v>
      </c>
      <c r="D47" s="18">
        <v>39</v>
      </c>
    </row>
    <row r="48" spans="1:4" ht="18" customHeight="1" x14ac:dyDescent="0.15">
      <c r="A48" s="5">
        <v>35</v>
      </c>
      <c r="B48" s="22">
        <v>5</v>
      </c>
      <c r="C48" s="14">
        <v>1</v>
      </c>
      <c r="D48" s="18">
        <v>6</v>
      </c>
    </row>
    <row r="49" spans="1:4" ht="18" customHeight="1" x14ac:dyDescent="0.15">
      <c r="A49" s="5">
        <v>36</v>
      </c>
      <c r="B49" s="22">
        <v>7</v>
      </c>
      <c r="C49" s="14">
        <v>9</v>
      </c>
      <c r="D49" s="18">
        <v>16</v>
      </c>
    </row>
    <row r="50" spans="1:4" ht="18" customHeight="1" x14ac:dyDescent="0.15">
      <c r="A50" s="5">
        <v>37</v>
      </c>
      <c r="B50" s="22">
        <v>3</v>
      </c>
      <c r="C50" s="14">
        <v>3</v>
      </c>
      <c r="D50" s="18">
        <v>6</v>
      </c>
    </row>
    <row r="51" spans="1:4" ht="18" customHeight="1" x14ac:dyDescent="0.15">
      <c r="A51" s="5">
        <v>38</v>
      </c>
      <c r="B51" s="22">
        <v>9</v>
      </c>
      <c r="C51" s="14">
        <v>4</v>
      </c>
      <c r="D51" s="18">
        <v>13</v>
      </c>
    </row>
    <row r="52" spans="1:4" ht="18" customHeight="1" x14ac:dyDescent="0.15">
      <c r="A52" s="5">
        <v>39</v>
      </c>
      <c r="B52" s="22">
        <v>2</v>
      </c>
      <c r="C52" s="14">
        <v>4</v>
      </c>
      <c r="D52" s="18">
        <v>6</v>
      </c>
    </row>
    <row r="53" spans="1:4" ht="18" customHeight="1" x14ac:dyDescent="0.15">
      <c r="A53" s="5" t="s">
        <v>18</v>
      </c>
      <c r="B53" s="22">
        <v>26</v>
      </c>
      <c r="C53" s="14">
        <v>21</v>
      </c>
      <c r="D53" s="18">
        <v>47</v>
      </c>
    </row>
    <row r="54" spans="1:4" ht="18" customHeight="1" x14ac:dyDescent="0.15">
      <c r="A54" s="5">
        <v>40</v>
      </c>
      <c r="B54" s="22">
        <v>4</v>
      </c>
      <c r="C54" s="14">
        <v>5</v>
      </c>
      <c r="D54" s="18">
        <v>9</v>
      </c>
    </row>
    <row r="55" spans="1:4" ht="18" customHeight="1" x14ac:dyDescent="0.15">
      <c r="A55" s="5">
        <v>41</v>
      </c>
      <c r="B55" s="22">
        <v>4</v>
      </c>
      <c r="C55" s="14">
        <v>4</v>
      </c>
      <c r="D55" s="18">
        <v>8</v>
      </c>
    </row>
    <row r="56" spans="1:4" ht="18" customHeight="1" x14ac:dyDescent="0.15">
      <c r="A56" s="5">
        <v>42</v>
      </c>
      <c r="B56" s="22">
        <v>4</v>
      </c>
      <c r="C56" s="14">
        <v>8</v>
      </c>
      <c r="D56" s="18">
        <v>12</v>
      </c>
    </row>
    <row r="57" spans="1:4" ht="18" customHeight="1" x14ac:dyDescent="0.15">
      <c r="A57" s="5">
        <v>43</v>
      </c>
      <c r="B57" s="22">
        <v>8</v>
      </c>
      <c r="C57" s="14">
        <v>3</v>
      </c>
      <c r="D57" s="18">
        <v>11</v>
      </c>
    </row>
    <row r="58" spans="1:4" ht="18" customHeight="1" x14ac:dyDescent="0.15">
      <c r="A58" s="5">
        <v>44</v>
      </c>
      <c r="B58" s="22">
        <v>9</v>
      </c>
      <c r="C58" s="14">
        <v>7</v>
      </c>
      <c r="D58" s="18">
        <v>16</v>
      </c>
    </row>
    <row r="59" spans="1:4" ht="18" customHeight="1" x14ac:dyDescent="0.15">
      <c r="A59" s="5" t="s">
        <v>21</v>
      </c>
      <c r="B59" s="22">
        <v>29</v>
      </c>
      <c r="C59" s="14">
        <v>27</v>
      </c>
      <c r="D59" s="18">
        <v>56</v>
      </c>
    </row>
    <row r="60" spans="1:4" ht="18" customHeight="1" x14ac:dyDescent="0.15">
      <c r="A60" s="5">
        <v>45</v>
      </c>
      <c r="B60" s="22">
        <v>3</v>
      </c>
      <c r="C60" s="14">
        <v>10</v>
      </c>
      <c r="D60" s="18">
        <v>13</v>
      </c>
    </row>
    <row r="61" spans="1:4" ht="18" customHeight="1" x14ac:dyDescent="0.15">
      <c r="A61" s="5">
        <v>46</v>
      </c>
      <c r="B61" s="22">
        <v>11</v>
      </c>
      <c r="C61" s="14">
        <v>8</v>
      </c>
      <c r="D61" s="18">
        <v>19</v>
      </c>
    </row>
    <row r="62" spans="1:4" ht="18" customHeight="1" x14ac:dyDescent="0.15">
      <c r="A62" s="5">
        <v>47</v>
      </c>
      <c r="B62" s="22">
        <v>11</v>
      </c>
      <c r="C62" s="14">
        <v>6</v>
      </c>
      <c r="D62" s="18">
        <v>17</v>
      </c>
    </row>
    <row r="63" spans="1:4" ht="18" customHeight="1" x14ac:dyDescent="0.15">
      <c r="A63" s="5">
        <v>48</v>
      </c>
      <c r="B63" s="22">
        <v>9</v>
      </c>
      <c r="C63" s="14">
        <v>6</v>
      </c>
      <c r="D63" s="18">
        <v>15</v>
      </c>
    </row>
    <row r="64" spans="1:4" ht="18" customHeight="1" x14ac:dyDescent="0.15">
      <c r="A64" s="5">
        <v>49</v>
      </c>
      <c r="B64" s="22">
        <v>7</v>
      </c>
      <c r="C64" s="14">
        <v>7</v>
      </c>
      <c r="D64" s="18">
        <v>14</v>
      </c>
    </row>
    <row r="65" spans="1:4" ht="18" customHeight="1" x14ac:dyDescent="0.15">
      <c r="A65" s="5" t="s">
        <v>17</v>
      </c>
      <c r="B65" s="22">
        <v>41</v>
      </c>
      <c r="C65" s="14">
        <v>37</v>
      </c>
      <c r="D65" s="18">
        <v>78</v>
      </c>
    </row>
    <row r="66" spans="1:4" ht="18" customHeight="1" x14ac:dyDescent="0.15">
      <c r="A66" s="5">
        <v>50</v>
      </c>
      <c r="B66" s="22">
        <v>7</v>
      </c>
      <c r="C66" s="14">
        <v>4</v>
      </c>
      <c r="D66" s="18">
        <v>11</v>
      </c>
    </row>
    <row r="67" spans="1:4" ht="18" customHeight="1" x14ac:dyDescent="0.15">
      <c r="A67" s="5">
        <v>51</v>
      </c>
      <c r="B67" s="22">
        <v>12</v>
      </c>
      <c r="C67" s="14">
        <v>6</v>
      </c>
      <c r="D67" s="18">
        <v>18</v>
      </c>
    </row>
    <row r="68" spans="1:4" ht="18" customHeight="1" x14ac:dyDescent="0.15">
      <c r="A68" s="5">
        <v>52</v>
      </c>
      <c r="B68" s="22">
        <v>9</v>
      </c>
      <c r="C68" s="14">
        <v>8</v>
      </c>
      <c r="D68" s="18">
        <v>17</v>
      </c>
    </row>
    <row r="69" spans="1:4" ht="18" customHeight="1" x14ac:dyDescent="0.15">
      <c r="A69" s="5">
        <v>53</v>
      </c>
      <c r="B69" s="22">
        <v>12</v>
      </c>
      <c r="C69" s="14">
        <v>9</v>
      </c>
      <c r="D69" s="18">
        <v>21</v>
      </c>
    </row>
    <row r="70" spans="1:4" ht="18" customHeight="1" x14ac:dyDescent="0.15">
      <c r="A70" s="5">
        <v>54</v>
      </c>
      <c r="B70" s="22">
        <v>6</v>
      </c>
      <c r="C70" s="14">
        <v>4</v>
      </c>
      <c r="D70" s="18">
        <v>10</v>
      </c>
    </row>
    <row r="71" spans="1:4" ht="18" customHeight="1" x14ac:dyDescent="0.15">
      <c r="A71" s="5" t="s">
        <v>22</v>
      </c>
      <c r="B71" s="22">
        <v>46</v>
      </c>
      <c r="C71" s="14">
        <v>31</v>
      </c>
      <c r="D71" s="18">
        <v>77</v>
      </c>
    </row>
    <row r="72" spans="1:4" ht="18" customHeight="1" x14ac:dyDescent="0.15">
      <c r="A72" s="5">
        <v>55</v>
      </c>
      <c r="B72" s="22">
        <v>5</v>
      </c>
      <c r="C72" s="14">
        <v>3</v>
      </c>
      <c r="D72" s="18">
        <v>8</v>
      </c>
    </row>
    <row r="73" spans="1:4" ht="18" customHeight="1" x14ac:dyDescent="0.15">
      <c r="A73" s="5">
        <v>56</v>
      </c>
      <c r="B73" s="22">
        <v>8</v>
      </c>
      <c r="C73" s="14">
        <v>12</v>
      </c>
      <c r="D73" s="18">
        <v>20</v>
      </c>
    </row>
    <row r="74" spans="1:4" ht="18" customHeight="1" x14ac:dyDescent="0.15">
      <c r="A74" s="5">
        <v>57</v>
      </c>
      <c r="B74" s="22">
        <v>6</v>
      </c>
      <c r="C74" s="14">
        <v>6</v>
      </c>
      <c r="D74" s="18">
        <v>12</v>
      </c>
    </row>
    <row r="75" spans="1:4" ht="18" customHeight="1" x14ac:dyDescent="0.15">
      <c r="A75" s="5">
        <v>58</v>
      </c>
      <c r="B75" s="22">
        <v>9</v>
      </c>
      <c r="C75" s="14">
        <v>14</v>
      </c>
      <c r="D75" s="18">
        <v>23</v>
      </c>
    </row>
    <row r="76" spans="1:4" ht="18" customHeight="1" x14ac:dyDescent="0.15">
      <c r="A76" s="5">
        <v>59</v>
      </c>
      <c r="B76" s="22">
        <v>7</v>
      </c>
      <c r="C76" s="14">
        <v>13</v>
      </c>
      <c r="D76" s="18">
        <v>20</v>
      </c>
    </row>
    <row r="77" spans="1:4" ht="18" customHeight="1" x14ac:dyDescent="0.15">
      <c r="A77" s="5" t="s">
        <v>27</v>
      </c>
      <c r="B77" s="22">
        <v>35</v>
      </c>
      <c r="C77" s="14">
        <v>48</v>
      </c>
      <c r="D77" s="18">
        <v>83</v>
      </c>
    </row>
    <row r="78" spans="1:4" ht="18" customHeight="1" x14ac:dyDescent="0.15">
      <c r="A78" s="5">
        <v>60</v>
      </c>
      <c r="B78" s="22">
        <v>9</v>
      </c>
      <c r="C78" s="14">
        <v>11</v>
      </c>
      <c r="D78" s="18">
        <v>20</v>
      </c>
    </row>
    <row r="79" spans="1:4" ht="18" customHeight="1" x14ac:dyDescent="0.15">
      <c r="A79" s="5">
        <v>61</v>
      </c>
      <c r="B79" s="22">
        <v>8</v>
      </c>
      <c r="C79" s="14">
        <v>10</v>
      </c>
      <c r="D79" s="18">
        <v>18</v>
      </c>
    </row>
    <row r="80" spans="1:4" ht="18" customHeight="1" x14ac:dyDescent="0.15">
      <c r="A80" s="5">
        <v>62</v>
      </c>
      <c r="B80" s="22">
        <v>6</v>
      </c>
      <c r="C80" s="14">
        <v>7</v>
      </c>
      <c r="D80" s="18">
        <v>13</v>
      </c>
    </row>
    <row r="81" spans="1:4" ht="18" customHeight="1" x14ac:dyDescent="0.15">
      <c r="A81" s="5">
        <v>63</v>
      </c>
      <c r="B81" s="22">
        <v>6</v>
      </c>
      <c r="C81" s="14">
        <v>10</v>
      </c>
      <c r="D81" s="18">
        <v>16</v>
      </c>
    </row>
    <row r="82" spans="1:4" ht="18" customHeight="1" x14ac:dyDescent="0.15">
      <c r="A82" s="5">
        <v>64</v>
      </c>
      <c r="B82" s="22">
        <v>10</v>
      </c>
      <c r="C82" s="14">
        <v>9</v>
      </c>
      <c r="D82" s="18">
        <v>19</v>
      </c>
    </row>
    <row r="83" spans="1:4" ht="18" customHeight="1" x14ac:dyDescent="0.15">
      <c r="A83" s="5" t="s">
        <v>28</v>
      </c>
      <c r="B83" s="22">
        <v>39</v>
      </c>
      <c r="C83" s="14">
        <v>47</v>
      </c>
      <c r="D83" s="18">
        <v>86</v>
      </c>
    </row>
    <row r="84" spans="1:4" ht="18" customHeight="1" x14ac:dyDescent="0.15">
      <c r="A84" s="5" t="s">
        <v>31</v>
      </c>
      <c r="B84" s="22">
        <v>311</v>
      </c>
      <c r="C84" s="14">
        <v>285</v>
      </c>
      <c r="D84" s="18">
        <v>596</v>
      </c>
    </row>
    <row r="85" spans="1:4" ht="18" customHeight="1" x14ac:dyDescent="0.15">
      <c r="A85" s="5">
        <v>65</v>
      </c>
      <c r="B85" s="22">
        <v>9</v>
      </c>
      <c r="C85" s="14">
        <v>4</v>
      </c>
      <c r="D85" s="18">
        <v>13</v>
      </c>
    </row>
    <row r="86" spans="1:4" ht="18" customHeight="1" x14ac:dyDescent="0.15">
      <c r="A86" s="5">
        <v>66</v>
      </c>
      <c r="B86" s="22">
        <v>14</v>
      </c>
      <c r="C86" s="14">
        <v>8</v>
      </c>
      <c r="D86" s="18">
        <v>22</v>
      </c>
    </row>
    <row r="87" spans="1:4" ht="18" customHeight="1" x14ac:dyDescent="0.15">
      <c r="A87" s="5">
        <v>67</v>
      </c>
      <c r="B87" s="22">
        <v>6</v>
      </c>
      <c r="C87" s="14">
        <v>9</v>
      </c>
      <c r="D87" s="18">
        <v>15</v>
      </c>
    </row>
    <row r="88" spans="1:4" ht="18" customHeight="1" x14ac:dyDescent="0.15">
      <c r="A88" s="5">
        <v>68</v>
      </c>
      <c r="B88" s="22">
        <v>9</v>
      </c>
      <c r="C88" s="14">
        <v>8</v>
      </c>
      <c r="D88" s="18">
        <v>17</v>
      </c>
    </row>
    <row r="89" spans="1:4" ht="18" customHeight="1" x14ac:dyDescent="0.15">
      <c r="A89" s="5">
        <v>69</v>
      </c>
      <c r="B89" s="22">
        <v>6</v>
      </c>
      <c r="C89" s="14">
        <v>6</v>
      </c>
      <c r="D89" s="18">
        <v>12</v>
      </c>
    </row>
    <row r="90" spans="1:4" ht="18" customHeight="1" x14ac:dyDescent="0.15">
      <c r="A90" s="5" t="s">
        <v>20</v>
      </c>
      <c r="B90" s="22">
        <v>44</v>
      </c>
      <c r="C90" s="14">
        <v>35</v>
      </c>
      <c r="D90" s="18">
        <v>79</v>
      </c>
    </row>
    <row r="91" spans="1:4" ht="18" customHeight="1" x14ac:dyDescent="0.15">
      <c r="A91" s="5">
        <v>70</v>
      </c>
      <c r="B91" s="22">
        <v>5</v>
      </c>
      <c r="C91" s="14">
        <v>7</v>
      </c>
      <c r="D91" s="18">
        <v>12</v>
      </c>
    </row>
    <row r="92" spans="1:4" ht="18" customHeight="1" x14ac:dyDescent="0.15">
      <c r="A92" s="5">
        <v>71</v>
      </c>
      <c r="B92" s="22">
        <v>11</v>
      </c>
      <c r="C92" s="14">
        <v>10</v>
      </c>
      <c r="D92" s="18">
        <v>21</v>
      </c>
    </row>
    <row r="93" spans="1:4" ht="18" customHeight="1" x14ac:dyDescent="0.15">
      <c r="A93" s="5">
        <v>72</v>
      </c>
      <c r="B93" s="22">
        <v>18</v>
      </c>
      <c r="C93" s="14">
        <v>15</v>
      </c>
      <c r="D93" s="18">
        <v>33</v>
      </c>
    </row>
    <row r="94" spans="1:4" ht="18" customHeight="1" x14ac:dyDescent="0.15">
      <c r="A94" s="5">
        <v>73</v>
      </c>
      <c r="B94" s="22">
        <v>4</v>
      </c>
      <c r="C94" s="14">
        <v>14</v>
      </c>
      <c r="D94" s="18">
        <v>18</v>
      </c>
    </row>
    <row r="95" spans="1:4" ht="18" customHeight="1" x14ac:dyDescent="0.15">
      <c r="A95" s="5">
        <v>74</v>
      </c>
      <c r="B95" s="22">
        <v>10</v>
      </c>
      <c r="C95" s="14">
        <v>14</v>
      </c>
      <c r="D95" s="18">
        <v>24</v>
      </c>
    </row>
    <row r="96" spans="1:4" ht="18" customHeight="1" x14ac:dyDescent="0.15">
      <c r="A96" s="5" t="s">
        <v>33</v>
      </c>
      <c r="B96" s="22">
        <v>48</v>
      </c>
      <c r="C96" s="14">
        <v>60</v>
      </c>
      <c r="D96" s="18">
        <v>108</v>
      </c>
    </row>
    <row r="97" spans="1:4" ht="18" customHeight="1" x14ac:dyDescent="0.15">
      <c r="A97" s="5">
        <v>75</v>
      </c>
      <c r="B97" s="22">
        <v>11</v>
      </c>
      <c r="C97" s="14">
        <v>14</v>
      </c>
      <c r="D97" s="18">
        <v>25</v>
      </c>
    </row>
    <row r="98" spans="1:4" ht="18" customHeight="1" x14ac:dyDescent="0.15">
      <c r="A98" s="5">
        <v>76</v>
      </c>
      <c r="B98" s="22">
        <v>15</v>
      </c>
      <c r="C98" s="14">
        <v>17</v>
      </c>
      <c r="D98" s="18">
        <v>32</v>
      </c>
    </row>
    <row r="99" spans="1:4" ht="18" customHeight="1" x14ac:dyDescent="0.15">
      <c r="A99" s="5">
        <v>77</v>
      </c>
      <c r="B99" s="22">
        <v>18</v>
      </c>
      <c r="C99" s="14">
        <v>8</v>
      </c>
      <c r="D99" s="18">
        <v>26</v>
      </c>
    </row>
    <row r="100" spans="1:4" ht="18" customHeight="1" x14ac:dyDescent="0.15">
      <c r="A100" s="5">
        <v>78</v>
      </c>
      <c r="B100" s="22">
        <v>20</v>
      </c>
      <c r="C100" s="14">
        <v>14</v>
      </c>
      <c r="D100" s="18">
        <v>34</v>
      </c>
    </row>
    <row r="101" spans="1:4" ht="18" customHeight="1" x14ac:dyDescent="0.15">
      <c r="A101" s="5">
        <v>79</v>
      </c>
      <c r="B101" s="22">
        <v>10</v>
      </c>
      <c r="C101" s="14">
        <v>9</v>
      </c>
      <c r="D101" s="18">
        <v>19</v>
      </c>
    </row>
    <row r="102" spans="1:4" ht="18" customHeight="1" x14ac:dyDescent="0.15">
      <c r="A102" s="5" t="s">
        <v>0</v>
      </c>
      <c r="B102" s="22">
        <v>74</v>
      </c>
      <c r="C102" s="14">
        <v>62</v>
      </c>
      <c r="D102" s="18">
        <v>136</v>
      </c>
    </row>
    <row r="103" spans="1:4" ht="18" customHeight="1" x14ac:dyDescent="0.15">
      <c r="A103" s="5">
        <v>80</v>
      </c>
      <c r="B103" s="22">
        <v>5</v>
      </c>
      <c r="C103" s="14">
        <v>4</v>
      </c>
      <c r="D103" s="18">
        <v>9</v>
      </c>
    </row>
    <row r="104" spans="1:4" ht="18" customHeight="1" x14ac:dyDescent="0.15">
      <c r="A104" s="5">
        <v>81</v>
      </c>
      <c r="B104" s="22">
        <v>6</v>
      </c>
      <c r="C104" s="14">
        <v>5</v>
      </c>
      <c r="D104" s="18">
        <v>11</v>
      </c>
    </row>
    <row r="105" spans="1:4" ht="18" customHeight="1" x14ac:dyDescent="0.15">
      <c r="A105" s="5">
        <v>82</v>
      </c>
      <c r="B105" s="22">
        <v>4</v>
      </c>
      <c r="C105" s="14">
        <v>8</v>
      </c>
      <c r="D105" s="18">
        <v>12</v>
      </c>
    </row>
    <row r="106" spans="1:4" ht="18" customHeight="1" x14ac:dyDescent="0.15">
      <c r="A106" s="5">
        <v>83</v>
      </c>
      <c r="B106" s="22">
        <v>3</v>
      </c>
      <c r="C106" s="14">
        <v>10</v>
      </c>
      <c r="D106" s="18">
        <v>13</v>
      </c>
    </row>
    <row r="107" spans="1:4" ht="18" customHeight="1" x14ac:dyDescent="0.15">
      <c r="A107" s="5">
        <v>84</v>
      </c>
      <c r="B107" s="22">
        <v>5</v>
      </c>
      <c r="C107" s="14">
        <v>9</v>
      </c>
      <c r="D107" s="18">
        <v>14</v>
      </c>
    </row>
    <row r="108" spans="1:4" ht="18" customHeight="1" x14ac:dyDescent="0.15">
      <c r="A108" s="5" t="s">
        <v>35</v>
      </c>
      <c r="B108" s="22">
        <v>23</v>
      </c>
      <c r="C108" s="14">
        <v>36</v>
      </c>
      <c r="D108" s="18">
        <v>59</v>
      </c>
    </row>
    <row r="109" spans="1:4" ht="18" customHeight="1" x14ac:dyDescent="0.15">
      <c r="A109" s="5">
        <v>85</v>
      </c>
      <c r="B109" s="22">
        <v>4</v>
      </c>
      <c r="C109" s="14">
        <v>7</v>
      </c>
      <c r="D109" s="18">
        <v>11</v>
      </c>
    </row>
    <row r="110" spans="1:4" ht="18" customHeight="1" x14ac:dyDescent="0.15">
      <c r="A110" s="5">
        <v>86</v>
      </c>
      <c r="B110" s="22">
        <v>7</v>
      </c>
      <c r="C110" s="14">
        <v>6</v>
      </c>
      <c r="D110" s="18">
        <v>13</v>
      </c>
    </row>
    <row r="111" spans="1:4" ht="18" customHeight="1" x14ac:dyDescent="0.15">
      <c r="A111" s="5">
        <v>87</v>
      </c>
      <c r="B111" s="22">
        <v>3</v>
      </c>
      <c r="C111" s="14">
        <v>4</v>
      </c>
      <c r="D111" s="18">
        <v>7</v>
      </c>
    </row>
    <row r="112" spans="1:4" ht="18" customHeight="1" x14ac:dyDescent="0.15">
      <c r="A112" s="5">
        <v>88</v>
      </c>
      <c r="B112" s="22">
        <v>1</v>
      </c>
      <c r="C112" s="14">
        <v>10</v>
      </c>
      <c r="D112" s="18">
        <v>11</v>
      </c>
    </row>
    <row r="113" spans="1:4" ht="18" customHeight="1" x14ac:dyDescent="0.15">
      <c r="A113" s="5">
        <v>89</v>
      </c>
      <c r="B113" s="22">
        <v>4</v>
      </c>
      <c r="C113" s="14">
        <v>7</v>
      </c>
      <c r="D113" s="18">
        <v>11</v>
      </c>
    </row>
    <row r="114" spans="1:4" ht="18" customHeight="1" x14ac:dyDescent="0.15">
      <c r="A114" s="5" t="s">
        <v>37</v>
      </c>
      <c r="B114" s="22">
        <v>19</v>
      </c>
      <c r="C114" s="14">
        <v>34</v>
      </c>
      <c r="D114" s="18">
        <v>53</v>
      </c>
    </row>
    <row r="115" spans="1:4" ht="18" customHeight="1" x14ac:dyDescent="0.15">
      <c r="A115" s="5">
        <v>90</v>
      </c>
      <c r="B115" s="22">
        <v>7</v>
      </c>
      <c r="C115" s="14">
        <v>11</v>
      </c>
      <c r="D115" s="18">
        <v>18</v>
      </c>
    </row>
    <row r="116" spans="1:4" ht="18" customHeight="1" x14ac:dyDescent="0.15">
      <c r="A116" s="5">
        <v>91</v>
      </c>
      <c r="B116" s="22">
        <v>2</v>
      </c>
      <c r="C116" s="14">
        <v>6</v>
      </c>
      <c r="D116" s="18">
        <v>8</v>
      </c>
    </row>
    <row r="117" spans="1:4" ht="18" customHeight="1" x14ac:dyDescent="0.15">
      <c r="A117" s="5">
        <v>92</v>
      </c>
      <c r="B117" s="22">
        <v>1</v>
      </c>
      <c r="C117" s="14">
        <v>7</v>
      </c>
      <c r="D117" s="18">
        <v>8</v>
      </c>
    </row>
    <row r="118" spans="1:4" ht="18" customHeight="1" x14ac:dyDescent="0.15">
      <c r="A118" s="5">
        <v>93</v>
      </c>
      <c r="B118" s="22">
        <v>2</v>
      </c>
      <c r="C118" s="14">
        <v>6</v>
      </c>
      <c r="D118" s="18">
        <v>8</v>
      </c>
    </row>
    <row r="119" spans="1:4" ht="18" customHeight="1" x14ac:dyDescent="0.15">
      <c r="A119" s="5">
        <v>94</v>
      </c>
      <c r="B119" s="22">
        <v>2</v>
      </c>
      <c r="C119" s="14">
        <v>2</v>
      </c>
      <c r="D119" s="18">
        <v>4</v>
      </c>
    </row>
    <row r="120" spans="1:4" ht="18" customHeight="1" x14ac:dyDescent="0.15">
      <c r="A120" s="5" t="s">
        <v>39</v>
      </c>
      <c r="B120" s="22">
        <v>14</v>
      </c>
      <c r="C120" s="14">
        <v>32</v>
      </c>
      <c r="D120" s="18">
        <v>46</v>
      </c>
    </row>
    <row r="121" spans="1:4" ht="18" customHeight="1" x14ac:dyDescent="0.15">
      <c r="A121" s="5">
        <v>95</v>
      </c>
      <c r="B121" s="22">
        <v>0</v>
      </c>
      <c r="C121" s="14">
        <v>2</v>
      </c>
      <c r="D121" s="18">
        <v>2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0</v>
      </c>
      <c r="C125" s="14">
        <v>2</v>
      </c>
      <c r="D125" s="18">
        <v>2</v>
      </c>
    </row>
    <row r="126" spans="1:4" ht="18" customHeight="1" x14ac:dyDescent="0.15">
      <c r="A126" s="5" t="s">
        <v>40</v>
      </c>
      <c r="B126" s="22">
        <v>0</v>
      </c>
      <c r="C126" s="14">
        <v>10</v>
      </c>
      <c r="D126" s="18">
        <v>10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222</v>
      </c>
      <c r="C130" s="14">
        <v>269</v>
      </c>
      <c r="D130" s="18">
        <v>491</v>
      </c>
    </row>
    <row r="131" spans="1:4" ht="18" customHeight="1" x14ac:dyDescent="0.15">
      <c r="A131" s="7" t="s">
        <v>45</v>
      </c>
      <c r="B131" s="23">
        <v>582</v>
      </c>
      <c r="C131" s="15">
        <v>607</v>
      </c>
      <c r="D131" s="19">
        <v>118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91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6</v>
      </c>
      <c r="C5" s="29">
        <v>14</v>
      </c>
      <c r="D5" s="31">
        <v>30</v>
      </c>
    </row>
    <row r="6" spans="1:4" ht="18" customHeight="1" x14ac:dyDescent="0.15">
      <c r="A6" s="5">
        <v>1</v>
      </c>
      <c r="B6" s="27">
        <v>19</v>
      </c>
      <c r="C6" s="14">
        <v>18</v>
      </c>
      <c r="D6" s="18">
        <v>37</v>
      </c>
    </row>
    <row r="7" spans="1:4" ht="18" customHeight="1" x14ac:dyDescent="0.15">
      <c r="A7" s="5">
        <v>2</v>
      </c>
      <c r="B7" s="27">
        <v>21</v>
      </c>
      <c r="C7" s="14">
        <v>23</v>
      </c>
      <c r="D7" s="18">
        <v>44</v>
      </c>
    </row>
    <row r="8" spans="1:4" ht="18" customHeight="1" x14ac:dyDescent="0.15">
      <c r="A8" s="5">
        <v>3</v>
      </c>
      <c r="B8" s="27">
        <v>14</v>
      </c>
      <c r="C8" s="14">
        <v>25</v>
      </c>
      <c r="D8" s="18">
        <v>39</v>
      </c>
    </row>
    <row r="9" spans="1:4" ht="18" customHeight="1" x14ac:dyDescent="0.15">
      <c r="A9" s="5">
        <v>4</v>
      </c>
      <c r="B9" s="28">
        <v>18</v>
      </c>
      <c r="C9" s="30">
        <v>25</v>
      </c>
      <c r="D9" s="32">
        <v>43</v>
      </c>
    </row>
    <row r="10" spans="1:4" ht="18" customHeight="1" x14ac:dyDescent="0.15">
      <c r="A10" s="5" t="s">
        <v>7</v>
      </c>
      <c r="B10" s="22">
        <v>88</v>
      </c>
      <c r="C10" s="14">
        <v>105</v>
      </c>
      <c r="D10" s="18">
        <v>193</v>
      </c>
    </row>
    <row r="11" spans="1:4" ht="18" customHeight="1" x14ac:dyDescent="0.15">
      <c r="A11" s="5">
        <v>5</v>
      </c>
      <c r="B11" s="27">
        <v>22</v>
      </c>
      <c r="C11" s="14">
        <v>24</v>
      </c>
      <c r="D11" s="18">
        <v>46</v>
      </c>
    </row>
    <row r="12" spans="1:4" ht="18" customHeight="1" x14ac:dyDescent="0.15">
      <c r="A12" s="5">
        <v>6</v>
      </c>
      <c r="B12" s="27">
        <v>22</v>
      </c>
      <c r="C12" s="14">
        <v>25</v>
      </c>
      <c r="D12" s="18">
        <v>47</v>
      </c>
    </row>
    <row r="13" spans="1:4" ht="18" customHeight="1" x14ac:dyDescent="0.15">
      <c r="A13" s="5">
        <v>7</v>
      </c>
      <c r="B13" s="27">
        <v>20</v>
      </c>
      <c r="C13" s="14">
        <v>17</v>
      </c>
      <c r="D13" s="18">
        <v>37</v>
      </c>
    </row>
    <row r="14" spans="1:4" ht="18" customHeight="1" x14ac:dyDescent="0.15">
      <c r="A14" s="5">
        <v>8</v>
      </c>
      <c r="B14" s="27">
        <v>20</v>
      </c>
      <c r="C14" s="14">
        <v>21</v>
      </c>
      <c r="D14" s="18">
        <v>41</v>
      </c>
    </row>
    <row r="15" spans="1:4" ht="18" customHeight="1" x14ac:dyDescent="0.15">
      <c r="A15" s="5">
        <v>9</v>
      </c>
      <c r="B15" s="27">
        <v>28</v>
      </c>
      <c r="C15" s="14">
        <v>17</v>
      </c>
      <c r="D15" s="18">
        <v>45</v>
      </c>
    </row>
    <row r="16" spans="1:4" ht="18" customHeight="1" x14ac:dyDescent="0.15">
      <c r="A16" s="5" t="s">
        <v>11</v>
      </c>
      <c r="B16" s="22">
        <v>112</v>
      </c>
      <c r="C16" s="14">
        <v>104</v>
      </c>
      <c r="D16" s="18">
        <v>216</v>
      </c>
    </row>
    <row r="17" spans="1:4" ht="18" customHeight="1" x14ac:dyDescent="0.15">
      <c r="A17" s="5">
        <v>10</v>
      </c>
      <c r="B17" s="22">
        <v>25</v>
      </c>
      <c r="C17" s="14">
        <v>13</v>
      </c>
      <c r="D17" s="18">
        <v>38</v>
      </c>
    </row>
    <row r="18" spans="1:4" ht="18" customHeight="1" x14ac:dyDescent="0.15">
      <c r="A18" s="5">
        <v>11</v>
      </c>
      <c r="B18" s="22">
        <v>19</v>
      </c>
      <c r="C18" s="14">
        <v>18</v>
      </c>
      <c r="D18" s="18">
        <v>37</v>
      </c>
    </row>
    <row r="19" spans="1:4" ht="18" customHeight="1" x14ac:dyDescent="0.15">
      <c r="A19" s="5">
        <v>12</v>
      </c>
      <c r="B19" s="22">
        <v>21</v>
      </c>
      <c r="C19" s="14">
        <v>12</v>
      </c>
      <c r="D19" s="18">
        <v>33</v>
      </c>
    </row>
    <row r="20" spans="1:4" ht="18" customHeight="1" x14ac:dyDescent="0.15">
      <c r="A20" s="5">
        <v>13</v>
      </c>
      <c r="B20" s="22">
        <v>26</v>
      </c>
      <c r="C20" s="14">
        <v>19</v>
      </c>
      <c r="D20" s="18">
        <v>45</v>
      </c>
    </row>
    <row r="21" spans="1:4" ht="18" customHeight="1" x14ac:dyDescent="0.15">
      <c r="A21" s="5">
        <v>14</v>
      </c>
      <c r="B21" s="22">
        <v>18</v>
      </c>
      <c r="C21" s="14">
        <v>25</v>
      </c>
      <c r="D21" s="18">
        <v>43</v>
      </c>
    </row>
    <row r="22" spans="1:4" ht="18" customHeight="1" x14ac:dyDescent="0.15">
      <c r="A22" s="5" t="s">
        <v>12</v>
      </c>
      <c r="B22" s="22">
        <v>109</v>
      </c>
      <c r="C22" s="14">
        <v>87</v>
      </c>
      <c r="D22" s="18">
        <v>196</v>
      </c>
    </row>
    <row r="23" spans="1:4" ht="18" customHeight="1" x14ac:dyDescent="0.15">
      <c r="A23" s="5" t="s">
        <v>6</v>
      </c>
      <c r="B23" s="22">
        <v>309</v>
      </c>
      <c r="C23" s="14">
        <v>296</v>
      </c>
      <c r="D23" s="18">
        <v>605</v>
      </c>
    </row>
    <row r="24" spans="1:4" ht="18" customHeight="1" x14ac:dyDescent="0.15">
      <c r="A24" s="5">
        <v>15</v>
      </c>
      <c r="B24" s="22">
        <v>21</v>
      </c>
      <c r="C24" s="14">
        <v>28</v>
      </c>
      <c r="D24" s="18">
        <v>49</v>
      </c>
    </row>
    <row r="25" spans="1:4" ht="18" customHeight="1" x14ac:dyDescent="0.15">
      <c r="A25" s="5">
        <v>16</v>
      </c>
      <c r="B25" s="22">
        <v>25</v>
      </c>
      <c r="C25" s="14">
        <v>12</v>
      </c>
      <c r="D25" s="18">
        <v>37</v>
      </c>
    </row>
    <row r="26" spans="1:4" ht="18" customHeight="1" x14ac:dyDescent="0.15">
      <c r="A26" s="5">
        <v>17</v>
      </c>
      <c r="B26" s="22">
        <v>32</v>
      </c>
      <c r="C26" s="14">
        <v>17</v>
      </c>
      <c r="D26" s="18">
        <v>49</v>
      </c>
    </row>
    <row r="27" spans="1:4" ht="18" customHeight="1" x14ac:dyDescent="0.15">
      <c r="A27" s="5">
        <v>18</v>
      </c>
      <c r="B27" s="22">
        <v>12</v>
      </c>
      <c r="C27" s="14">
        <v>17</v>
      </c>
      <c r="D27" s="18">
        <v>29</v>
      </c>
    </row>
    <row r="28" spans="1:4" ht="18" customHeight="1" x14ac:dyDescent="0.15">
      <c r="A28" s="5">
        <v>19</v>
      </c>
      <c r="B28" s="22">
        <v>20</v>
      </c>
      <c r="C28" s="14">
        <v>20</v>
      </c>
      <c r="D28" s="18">
        <v>40</v>
      </c>
    </row>
    <row r="29" spans="1:4" ht="18" customHeight="1" x14ac:dyDescent="0.15">
      <c r="A29" s="5" t="s">
        <v>14</v>
      </c>
      <c r="B29" s="22">
        <v>110</v>
      </c>
      <c r="C29" s="14">
        <v>94</v>
      </c>
      <c r="D29" s="18">
        <v>204</v>
      </c>
    </row>
    <row r="30" spans="1:4" ht="18" customHeight="1" x14ac:dyDescent="0.15">
      <c r="A30" s="5">
        <v>20</v>
      </c>
      <c r="B30" s="22">
        <v>21</v>
      </c>
      <c r="C30" s="14">
        <v>20</v>
      </c>
      <c r="D30" s="18">
        <v>41</v>
      </c>
    </row>
    <row r="31" spans="1:4" ht="18" customHeight="1" x14ac:dyDescent="0.15">
      <c r="A31" s="5">
        <v>21</v>
      </c>
      <c r="B31" s="22">
        <v>22</v>
      </c>
      <c r="C31" s="14">
        <v>20</v>
      </c>
      <c r="D31" s="18">
        <v>42</v>
      </c>
    </row>
    <row r="32" spans="1:4" ht="18" customHeight="1" x14ac:dyDescent="0.15">
      <c r="A32" s="5">
        <v>22</v>
      </c>
      <c r="B32" s="22">
        <v>25</v>
      </c>
      <c r="C32" s="14">
        <v>25</v>
      </c>
      <c r="D32" s="18">
        <v>50</v>
      </c>
    </row>
    <row r="33" spans="1:4" ht="18" customHeight="1" x14ac:dyDescent="0.15">
      <c r="A33" s="5">
        <v>23</v>
      </c>
      <c r="B33" s="22">
        <v>18</v>
      </c>
      <c r="C33" s="14">
        <v>24</v>
      </c>
      <c r="D33" s="18">
        <v>42</v>
      </c>
    </row>
    <row r="34" spans="1:4" ht="18" customHeight="1" x14ac:dyDescent="0.15">
      <c r="A34" s="5">
        <v>24</v>
      </c>
      <c r="B34" s="22">
        <v>24</v>
      </c>
      <c r="C34" s="14">
        <v>22</v>
      </c>
      <c r="D34" s="18">
        <v>46</v>
      </c>
    </row>
    <row r="35" spans="1:4" ht="18" customHeight="1" x14ac:dyDescent="0.15">
      <c r="A35" s="5" t="s">
        <v>9</v>
      </c>
      <c r="B35" s="22">
        <v>110</v>
      </c>
      <c r="C35" s="14">
        <v>111</v>
      </c>
      <c r="D35" s="18">
        <v>221</v>
      </c>
    </row>
    <row r="36" spans="1:4" ht="18" customHeight="1" x14ac:dyDescent="0.15">
      <c r="A36" s="5">
        <v>25</v>
      </c>
      <c r="B36" s="22">
        <v>31</v>
      </c>
      <c r="C36" s="14">
        <v>19</v>
      </c>
      <c r="D36" s="18">
        <v>50</v>
      </c>
    </row>
    <row r="37" spans="1:4" ht="18" customHeight="1" x14ac:dyDescent="0.15">
      <c r="A37" s="5">
        <v>26</v>
      </c>
      <c r="B37" s="22">
        <v>24</v>
      </c>
      <c r="C37" s="14">
        <v>27</v>
      </c>
      <c r="D37" s="18">
        <v>51</v>
      </c>
    </row>
    <row r="38" spans="1:4" ht="18" customHeight="1" x14ac:dyDescent="0.15">
      <c r="A38" s="5">
        <v>27</v>
      </c>
      <c r="B38" s="22">
        <v>14</v>
      </c>
      <c r="C38" s="14">
        <v>23</v>
      </c>
      <c r="D38" s="18">
        <v>37</v>
      </c>
    </row>
    <row r="39" spans="1:4" ht="18" customHeight="1" x14ac:dyDescent="0.15">
      <c r="A39" s="5">
        <v>28</v>
      </c>
      <c r="B39" s="22">
        <v>22</v>
      </c>
      <c r="C39" s="14">
        <v>20</v>
      </c>
      <c r="D39" s="18">
        <v>42</v>
      </c>
    </row>
    <row r="40" spans="1:4" ht="18" customHeight="1" x14ac:dyDescent="0.15">
      <c r="A40" s="5">
        <v>29</v>
      </c>
      <c r="B40" s="22">
        <v>28</v>
      </c>
      <c r="C40" s="14">
        <v>22</v>
      </c>
      <c r="D40" s="18">
        <v>50</v>
      </c>
    </row>
    <row r="41" spans="1:4" ht="18" customHeight="1" x14ac:dyDescent="0.15">
      <c r="A41" s="5" t="s">
        <v>2</v>
      </c>
      <c r="B41" s="22">
        <v>119</v>
      </c>
      <c r="C41" s="14">
        <v>111</v>
      </c>
      <c r="D41" s="18">
        <v>230</v>
      </c>
    </row>
    <row r="42" spans="1:4" ht="18" customHeight="1" x14ac:dyDescent="0.15">
      <c r="A42" s="5">
        <v>30</v>
      </c>
      <c r="B42" s="22">
        <v>20</v>
      </c>
      <c r="C42" s="14">
        <v>22</v>
      </c>
      <c r="D42" s="18">
        <v>42</v>
      </c>
    </row>
    <row r="43" spans="1:4" ht="18" customHeight="1" x14ac:dyDescent="0.15">
      <c r="A43" s="5">
        <v>31</v>
      </c>
      <c r="B43" s="22">
        <v>24</v>
      </c>
      <c r="C43" s="14">
        <v>23</v>
      </c>
      <c r="D43" s="18">
        <v>47</v>
      </c>
    </row>
    <row r="44" spans="1:4" ht="18" customHeight="1" x14ac:dyDescent="0.15">
      <c r="A44" s="5">
        <v>32</v>
      </c>
      <c r="B44" s="22">
        <v>28</v>
      </c>
      <c r="C44" s="14">
        <v>17</v>
      </c>
      <c r="D44" s="18">
        <v>45</v>
      </c>
    </row>
    <row r="45" spans="1:4" ht="18" customHeight="1" x14ac:dyDescent="0.15">
      <c r="A45" s="5">
        <v>33</v>
      </c>
      <c r="B45" s="22">
        <v>24</v>
      </c>
      <c r="C45" s="14">
        <v>18</v>
      </c>
      <c r="D45" s="18">
        <v>42</v>
      </c>
    </row>
    <row r="46" spans="1:4" ht="18" customHeight="1" x14ac:dyDescent="0.15">
      <c r="A46" s="5">
        <v>34</v>
      </c>
      <c r="B46" s="22">
        <v>31</v>
      </c>
      <c r="C46" s="14">
        <v>28</v>
      </c>
      <c r="D46" s="18">
        <v>59</v>
      </c>
    </row>
    <row r="47" spans="1:4" ht="18" customHeight="1" x14ac:dyDescent="0.15">
      <c r="A47" s="5" t="s">
        <v>15</v>
      </c>
      <c r="B47" s="22">
        <v>127</v>
      </c>
      <c r="C47" s="14">
        <v>108</v>
      </c>
      <c r="D47" s="18">
        <v>235</v>
      </c>
    </row>
    <row r="48" spans="1:4" ht="18" customHeight="1" x14ac:dyDescent="0.15">
      <c r="A48" s="5">
        <v>35</v>
      </c>
      <c r="B48" s="22">
        <v>28</v>
      </c>
      <c r="C48" s="14">
        <v>25</v>
      </c>
      <c r="D48" s="18">
        <v>53</v>
      </c>
    </row>
    <row r="49" spans="1:4" ht="18" customHeight="1" x14ac:dyDescent="0.15">
      <c r="A49" s="5">
        <v>36</v>
      </c>
      <c r="B49" s="22">
        <v>24</v>
      </c>
      <c r="C49" s="14">
        <v>29</v>
      </c>
      <c r="D49" s="18">
        <v>53</v>
      </c>
    </row>
    <row r="50" spans="1:4" ht="18" customHeight="1" x14ac:dyDescent="0.15">
      <c r="A50" s="5">
        <v>37</v>
      </c>
      <c r="B50" s="22">
        <v>31</v>
      </c>
      <c r="C50" s="14">
        <v>39</v>
      </c>
      <c r="D50" s="18">
        <v>70</v>
      </c>
    </row>
    <row r="51" spans="1:4" ht="18" customHeight="1" x14ac:dyDescent="0.15">
      <c r="A51" s="5">
        <v>38</v>
      </c>
      <c r="B51" s="22">
        <v>20</v>
      </c>
      <c r="C51" s="14">
        <v>22</v>
      </c>
      <c r="D51" s="18">
        <v>42</v>
      </c>
    </row>
    <row r="52" spans="1:4" ht="18" customHeight="1" x14ac:dyDescent="0.15">
      <c r="A52" s="5">
        <v>39</v>
      </c>
      <c r="B52" s="22">
        <v>20</v>
      </c>
      <c r="C52" s="14">
        <v>25</v>
      </c>
      <c r="D52" s="18">
        <v>45</v>
      </c>
    </row>
    <row r="53" spans="1:4" ht="18" customHeight="1" x14ac:dyDescent="0.15">
      <c r="A53" s="5" t="s">
        <v>18</v>
      </c>
      <c r="B53" s="22">
        <v>123</v>
      </c>
      <c r="C53" s="14">
        <v>140</v>
      </c>
      <c r="D53" s="18">
        <v>263</v>
      </c>
    </row>
    <row r="54" spans="1:4" ht="18" customHeight="1" x14ac:dyDescent="0.15">
      <c r="A54" s="5">
        <v>40</v>
      </c>
      <c r="B54" s="22">
        <v>23</v>
      </c>
      <c r="C54" s="14">
        <v>30</v>
      </c>
      <c r="D54" s="18">
        <v>53</v>
      </c>
    </row>
    <row r="55" spans="1:4" ht="18" customHeight="1" x14ac:dyDescent="0.15">
      <c r="A55" s="5">
        <v>41</v>
      </c>
      <c r="B55" s="22">
        <v>32</v>
      </c>
      <c r="C55" s="14">
        <v>29</v>
      </c>
      <c r="D55" s="18">
        <v>61</v>
      </c>
    </row>
    <row r="56" spans="1:4" ht="18" customHeight="1" x14ac:dyDescent="0.15">
      <c r="A56" s="5">
        <v>42</v>
      </c>
      <c r="B56" s="22">
        <v>34</v>
      </c>
      <c r="C56" s="14">
        <v>26</v>
      </c>
      <c r="D56" s="18">
        <v>60</v>
      </c>
    </row>
    <row r="57" spans="1:4" ht="18" customHeight="1" x14ac:dyDescent="0.15">
      <c r="A57" s="5">
        <v>43</v>
      </c>
      <c r="B57" s="22">
        <v>35</v>
      </c>
      <c r="C57" s="14">
        <v>25</v>
      </c>
      <c r="D57" s="18">
        <v>60</v>
      </c>
    </row>
    <row r="58" spans="1:4" ht="18" customHeight="1" x14ac:dyDescent="0.15">
      <c r="A58" s="5">
        <v>44</v>
      </c>
      <c r="B58" s="22">
        <v>31</v>
      </c>
      <c r="C58" s="14">
        <v>27</v>
      </c>
      <c r="D58" s="18">
        <v>58</v>
      </c>
    </row>
    <row r="59" spans="1:4" ht="18" customHeight="1" x14ac:dyDescent="0.15">
      <c r="A59" s="5" t="s">
        <v>21</v>
      </c>
      <c r="B59" s="22">
        <v>155</v>
      </c>
      <c r="C59" s="14">
        <v>137</v>
      </c>
      <c r="D59" s="18">
        <v>292</v>
      </c>
    </row>
    <row r="60" spans="1:4" ht="18" customHeight="1" x14ac:dyDescent="0.15">
      <c r="A60" s="5">
        <v>45</v>
      </c>
      <c r="B60" s="22">
        <v>28</v>
      </c>
      <c r="C60" s="14">
        <v>29</v>
      </c>
      <c r="D60" s="18">
        <v>57</v>
      </c>
    </row>
    <row r="61" spans="1:4" ht="18" customHeight="1" x14ac:dyDescent="0.15">
      <c r="A61" s="5">
        <v>46</v>
      </c>
      <c r="B61" s="22">
        <v>25</v>
      </c>
      <c r="C61" s="14">
        <v>15</v>
      </c>
      <c r="D61" s="18">
        <v>40</v>
      </c>
    </row>
    <row r="62" spans="1:4" ht="18" customHeight="1" x14ac:dyDescent="0.15">
      <c r="A62" s="5">
        <v>47</v>
      </c>
      <c r="B62" s="22">
        <v>35</v>
      </c>
      <c r="C62" s="14">
        <v>33</v>
      </c>
      <c r="D62" s="18">
        <v>68</v>
      </c>
    </row>
    <row r="63" spans="1:4" ht="18" customHeight="1" x14ac:dyDescent="0.15">
      <c r="A63" s="5">
        <v>48</v>
      </c>
      <c r="B63" s="22">
        <v>35</v>
      </c>
      <c r="C63" s="14">
        <v>50</v>
      </c>
      <c r="D63" s="18">
        <v>85</v>
      </c>
    </row>
    <row r="64" spans="1:4" ht="18" customHeight="1" x14ac:dyDescent="0.15">
      <c r="A64" s="5">
        <v>49</v>
      </c>
      <c r="B64" s="22">
        <v>39</v>
      </c>
      <c r="C64" s="14">
        <v>20</v>
      </c>
      <c r="D64" s="18">
        <v>59</v>
      </c>
    </row>
    <row r="65" spans="1:4" ht="18" customHeight="1" x14ac:dyDescent="0.15">
      <c r="A65" s="5" t="s">
        <v>17</v>
      </c>
      <c r="B65" s="22">
        <v>162</v>
      </c>
      <c r="C65" s="14">
        <v>147</v>
      </c>
      <c r="D65" s="18">
        <v>309</v>
      </c>
    </row>
    <row r="66" spans="1:4" ht="18" customHeight="1" x14ac:dyDescent="0.15">
      <c r="A66" s="5">
        <v>50</v>
      </c>
      <c r="B66" s="22">
        <v>40</v>
      </c>
      <c r="C66" s="14">
        <v>33</v>
      </c>
      <c r="D66" s="18">
        <v>73</v>
      </c>
    </row>
    <row r="67" spans="1:4" ht="18" customHeight="1" x14ac:dyDescent="0.15">
      <c r="A67" s="5">
        <v>51</v>
      </c>
      <c r="B67" s="22">
        <v>24</v>
      </c>
      <c r="C67" s="14">
        <v>37</v>
      </c>
      <c r="D67" s="18">
        <v>61</v>
      </c>
    </row>
    <row r="68" spans="1:4" ht="18" customHeight="1" x14ac:dyDescent="0.15">
      <c r="A68" s="5">
        <v>52</v>
      </c>
      <c r="B68" s="22">
        <v>47</v>
      </c>
      <c r="C68" s="14">
        <v>37</v>
      </c>
      <c r="D68" s="18">
        <v>84</v>
      </c>
    </row>
    <row r="69" spans="1:4" ht="18" customHeight="1" x14ac:dyDescent="0.15">
      <c r="A69" s="5">
        <v>53</v>
      </c>
      <c r="B69" s="22">
        <v>33</v>
      </c>
      <c r="C69" s="14">
        <v>34</v>
      </c>
      <c r="D69" s="18">
        <v>67</v>
      </c>
    </row>
    <row r="70" spans="1:4" ht="18" customHeight="1" x14ac:dyDescent="0.15">
      <c r="A70" s="5">
        <v>54</v>
      </c>
      <c r="B70" s="22">
        <v>43</v>
      </c>
      <c r="C70" s="14">
        <v>36</v>
      </c>
      <c r="D70" s="18">
        <v>79</v>
      </c>
    </row>
    <row r="71" spans="1:4" ht="18" customHeight="1" x14ac:dyDescent="0.15">
      <c r="A71" s="5" t="s">
        <v>22</v>
      </c>
      <c r="B71" s="22">
        <v>187</v>
      </c>
      <c r="C71" s="14">
        <v>177</v>
      </c>
      <c r="D71" s="18">
        <v>364</v>
      </c>
    </row>
    <row r="72" spans="1:4" ht="18" customHeight="1" x14ac:dyDescent="0.15">
      <c r="A72" s="5">
        <v>55</v>
      </c>
      <c r="B72" s="22">
        <v>26</v>
      </c>
      <c r="C72" s="14">
        <v>30</v>
      </c>
      <c r="D72" s="18">
        <v>56</v>
      </c>
    </row>
    <row r="73" spans="1:4" ht="18" customHeight="1" x14ac:dyDescent="0.15">
      <c r="A73" s="5">
        <v>56</v>
      </c>
      <c r="B73" s="22">
        <v>41</v>
      </c>
      <c r="C73" s="14">
        <v>45</v>
      </c>
      <c r="D73" s="18">
        <v>86</v>
      </c>
    </row>
    <row r="74" spans="1:4" ht="18" customHeight="1" x14ac:dyDescent="0.15">
      <c r="A74" s="5">
        <v>57</v>
      </c>
      <c r="B74" s="22">
        <v>34</v>
      </c>
      <c r="C74" s="14">
        <v>39</v>
      </c>
      <c r="D74" s="18">
        <v>73</v>
      </c>
    </row>
    <row r="75" spans="1:4" ht="18" customHeight="1" x14ac:dyDescent="0.15">
      <c r="A75" s="5">
        <v>58</v>
      </c>
      <c r="B75" s="22">
        <v>49</v>
      </c>
      <c r="C75" s="14">
        <v>41</v>
      </c>
      <c r="D75" s="18">
        <v>90</v>
      </c>
    </row>
    <row r="76" spans="1:4" ht="18" customHeight="1" x14ac:dyDescent="0.15">
      <c r="A76" s="5">
        <v>59</v>
      </c>
      <c r="B76" s="22">
        <v>35</v>
      </c>
      <c r="C76" s="14">
        <v>45</v>
      </c>
      <c r="D76" s="18">
        <v>80</v>
      </c>
    </row>
    <row r="77" spans="1:4" ht="18" customHeight="1" x14ac:dyDescent="0.15">
      <c r="A77" s="5" t="s">
        <v>27</v>
      </c>
      <c r="B77" s="22">
        <v>185</v>
      </c>
      <c r="C77" s="14">
        <v>200</v>
      </c>
      <c r="D77" s="18">
        <v>385</v>
      </c>
    </row>
    <row r="78" spans="1:4" ht="18" customHeight="1" x14ac:dyDescent="0.15">
      <c r="A78" s="5">
        <v>60</v>
      </c>
      <c r="B78" s="22">
        <v>28</v>
      </c>
      <c r="C78" s="14">
        <v>34</v>
      </c>
      <c r="D78" s="18">
        <v>62</v>
      </c>
    </row>
    <row r="79" spans="1:4" ht="18" customHeight="1" x14ac:dyDescent="0.15">
      <c r="A79" s="5">
        <v>61</v>
      </c>
      <c r="B79" s="22">
        <v>40</v>
      </c>
      <c r="C79" s="14">
        <v>36</v>
      </c>
      <c r="D79" s="18">
        <v>76</v>
      </c>
    </row>
    <row r="80" spans="1:4" ht="18" customHeight="1" x14ac:dyDescent="0.15">
      <c r="A80" s="5">
        <v>62</v>
      </c>
      <c r="B80" s="22">
        <v>33</v>
      </c>
      <c r="C80" s="14">
        <v>29</v>
      </c>
      <c r="D80" s="18">
        <v>62</v>
      </c>
    </row>
    <row r="81" spans="1:4" ht="18" customHeight="1" x14ac:dyDescent="0.15">
      <c r="A81" s="5">
        <v>63</v>
      </c>
      <c r="B81" s="22">
        <v>31</v>
      </c>
      <c r="C81" s="14">
        <v>32</v>
      </c>
      <c r="D81" s="18">
        <v>63</v>
      </c>
    </row>
    <row r="82" spans="1:4" ht="18" customHeight="1" x14ac:dyDescent="0.15">
      <c r="A82" s="5">
        <v>64</v>
      </c>
      <c r="B82" s="22">
        <v>28</v>
      </c>
      <c r="C82" s="14">
        <v>24</v>
      </c>
      <c r="D82" s="18">
        <v>52</v>
      </c>
    </row>
    <row r="83" spans="1:4" ht="18" customHeight="1" x14ac:dyDescent="0.15">
      <c r="A83" s="5" t="s">
        <v>28</v>
      </c>
      <c r="B83" s="22">
        <v>160</v>
      </c>
      <c r="C83" s="14">
        <v>155</v>
      </c>
      <c r="D83" s="18">
        <v>315</v>
      </c>
    </row>
    <row r="84" spans="1:4" ht="18" customHeight="1" x14ac:dyDescent="0.15">
      <c r="A84" s="5" t="s">
        <v>31</v>
      </c>
      <c r="B84" s="22">
        <v>1438</v>
      </c>
      <c r="C84" s="14">
        <v>1380</v>
      </c>
      <c r="D84" s="18">
        <v>2818</v>
      </c>
    </row>
    <row r="85" spans="1:4" ht="18" customHeight="1" x14ac:dyDescent="0.15">
      <c r="A85" s="5">
        <v>65</v>
      </c>
      <c r="B85" s="22">
        <v>31</v>
      </c>
      <c r="C85" s="14">
        <v>28</v>
      </c>
      <c r="D85" s="18">
        <v>59</v>
      </c>
    </row>
    <row r="86" spans="1:4" ht="18" customHeight="1" x14ac:dyDescent="0.15">
      <c r="A86" s="5">
        <v>66</v>
      </c>
      <c r="B86" s="22">
        <v>35</v>
      </c>
      <c r="C86" s="14">
        <v>34</v>
      </c>
      <c r="D86" s="18">
        <v>69</v>
      </c>
    </row>
    <row r="87" spans="1:4" ht="18" customHeight="1" x14ac:dyDescent="0.15">
      <c r="A87" s="5">
        <v>67</v>
      </c>
      <c r="B87" s="22">
        <v>29</v>
      </c>
      <c r="C87" s="14">
        <v>28</v>
      </c>
      <c r="D87" s="18">
        <v>57</v>
      </c>
    </row>
    <row r="88" spans="1:4" ht="18" customHeight="1" x14ac:dyDescent="0.15">
      <c r="A88" s="5">
        <v>68</v>
      </c>
      <c r="B88" s="22">
        <v>31</v>
      </c>
      <c r="C88" s="14">
        <v>32</v>
      </c>
      <c r="D88" s="18">
        <v>63</v>
      </c>
    </row>
    <row r="89" spans="1:4" ht="18" customHeight="1" x14ac:dyDescent="0.15">
      <c r="A89" s="5">
        <v>69</v>
      </c>
      <c r="B89" s="22">
        <v>16</v>
      </c>
      <c r="C89" s="14">
        <v>43</v>
      </c>
      <c r="D89" s="18">
        <v>59</v>
      </c>
    </row>
    <row r="90" spans="1:4" ht="18" customHeight="1" x14ac:dyDescent="0.15">
      <c r="A90" s="5" t="s">
        <v>20</v>
      </c>
      <c r="B90" s="22">
        <v>142</v>
      </c>
      <c r="C90" s="14">
        <v>165</v>
      </c>
      <c r="D90" s="18">
        <v>307</v>
      </c>
    </row>
    <row r="91" spans="1:4" ht="18" customHeight="1" x14ac:dyDescent="0.15">
      <c r="A91" s="5">
        <v>70</v>
      </c>
      <c r="B91" s="22">
        <v>31</v>
      </c>
      <c r="C91" s="14">
        <v>25</v>
      </c>
      <c r="D91" s="18">
        <v>56</v>
      </c>
    </row>
    <row r="92" spans="1:4" ht="18" customHeight="1" x14ac:dyDescent="0.15">
      <c r="A92" s="5">
        <v>71</v>
      </c>
      <c r="B92" s="22">
        <v>33</v>
      </c>
      <c r="C92" s="14">
        <v>42</v>
      </c>
      <c r="D92" s="18">
        <v>75</v>
      </c>
    </row>
    <row r="93" spans="1:4" ht="18" customHeight="1" x14ac:dyDescent="0.15">
      <c r="A93" s="5">
        <v>72</v>
      </c>
      <c r="B93" s="22">
        <v>30</v>
      </c>
      <c r="C93" s="14">
        <v>37</v>
      </c>
      <c r="D93" s="18">
        <v>67</v>
      </c>
    </row>
    <row r="94" spans="1:4" ht="18" customHeight="1" x14ac:dyDescent="0.15">
      <c r="A94" s="5">
        <v>73</v>
      </c>
      <c r="B94" s="22">
        <v>34</v>
      </c>
      <c r="C94" s="14">
        <v>28</v>
      </c>
      <c r="D94" s="18">
        <v>62</v>
      </c>
    </row>
    <row r="95" spans="1:4" ht="18" customHeight="1" x14ac:dyDescent="0.15">
      <c r="A95" s="5">
        <v>74</v>
      </c>
      <c r="B95" s="22">
        <v>26</v>
      </c>
      <c r="C95" s="14">
        <v>42</v>
      </c>
      <c r="D95" s="18">
        <v>68</v>
      </c>
    </row>
    <row r="96" spans="1:4" ht="18" customHeight="1" x14ac:dyDescent="0.15">
      <c r="A96" s="5" t="s">
        <v>33</v>
      </c>
      <c r="B96" s="22">
        <v>154</v>
      </c>
      <c r="C96" s="14">
        <v>174</v>
      </c>
      <c r="D96" s="18">
        <v>328</v>
      </c>
    </row>
    <row r="97" spans="1:4" ht="18" customHeight="1" x14ac:dyDescent="0.15">
      <c r="A97" s="5">
        <v>75</v>
      </c>
      <c r="B97" s="22">
        <v>27</v>
      </c>
      <c r="C97" s="14">
        <v>33</v>
      </c>
      <c r="D97" s="18">
        <v>60</v>
      </c>
    </row>
    <row r="98" spans="1:4" ht="18" customHeight="1" x14ac:dyDescent="0.15">
      <c r="A98" s="5">
        <v>76</v>
      </c>
      <c r="B98" s="22">
        <v>33</v>
      </c>
      <c r="C98" s="14">
        <v>42</v>
      </c>
      <c r="D98" s="18">
        <v>75</v>
      </c>
    </row>
    <row r="99" spans="1:4" ht="18" customHeight="1" x14ac:dyDescent="0.15">
      <c r="A99" s="5">
        <v>77</v>
      </c>
      <c r="B99" s="22">
        <v>39</v>
      </c>
      <c r="C99" s="14">
        <v>37</v>
      </c>
      <c r="D99" s="18">
        <v>76</v>
      </c>
    </row>
    <row r="100" spans="1:4" ht="18" customHeight="1" x14ac:dyDescent="0.15">
      <c r="A100" s="5">
        <v>78</v>
      </c>
      <c r="B100" s="22">
        <v>38</v>
      </c>
      <c r="C100" s="14">
        <v>40</v>
      </c>
      <c r="D100" s="18">
        <v>78</v>
      </c>
    </row>
    <row r="101" spans="1:4" ht="18" customHeight="1" x14ac:dyDescent="0.15">
      <c r="A101" s="5">
        <v>79</v>
      </c>
      <c r="B101" s="22">
        <v>20</v>
      </c>
      <c r="C101" s="14">
        <v>26</v>
      </c>
      <c r="D101" s="18">
        <v>46</v>
      </c>
    </row>
    <row r="102" spans="1:4" ht="18" customHeight="1" x14ac:dyDescent="0.15">
      <c r="A102" s="5" t="s">
        <v>0</v>
      </c>
      <c r="B102" s="22">
        <v>157</v>
      </c>
      <c r="C102" s="14">
        <v>178</v>
      </c>
      <c r="D102" s="18">
        <v>335</v>
      </c>
    </row>
    <row r="103" spans="1:4" ht="18" customHeight="1" x14ac:dyDescent="0.15">
      <c r="A103" s="5">
        <v>80</v>
      </c>
      <c r="B103" s="22">
        <v>19</v>
      </c>
      <c r="C103" s="14">
        <v>16</v>
      </c>
      <c r="D103" s="18">
        <v>35</v>
      </c>
    </row>
    <row r="104" spans="1:4" ht="18" customHeight="1" x14ac:dyDescent="0.15">
      <c r="A104" s="5">
        <v>81</v>
      </c>
      <c r="B104" s="22">
        <v>17</v>
      </c>
      <c r="C104" s="14">
        <v>24</v>
      </c>
      <c r="D104" s="18">
        <v>41</v>
      </c>
    </row>
    <row r="105" spans="1:4" ht="18" customHeight="1" x14ac:dyDescent="0.15">
      <c r="A105" s="5">
        <v>82</v>
      </c>
      <c r="B105" s="22">
        <v>17</v>
      </c>
      <c r="C105" s="14">
        <v>33</v>
      </c>
      <c r="D105" s="18">
        <v>50</v>
      </c>
    </row>
    <row r="106" spans="1:4" ht="18" customHeight="1" x14ac:dyDescent="0.15">
      <c r="A106" s="5">
        <v>83</v>
      </c>
      <c r="B106" s="22">
        <v>13</v>
      </c>
      <c r="C106" s="14">
        <v>24</v>
      </c>
      <c r="D106" s="18">
        <v>37</v>
      </c>
    </row>
    <row r="107" spans="1:4" ht="18" customHeight="1" x14ac:dyDescent="0.15">
      <c r="A107" s="5">
        <v>84</v>
      </c>
      <c r="B107" s="22">
        <v>16</v>
      </c>
      <c r="C107" s="14">
        <v>32</v>
      </c>
      <c r="D107" s="18">
        <v>48</v>
      </c>
    </row>
    <row r="108" spans="1:4" ht="18" customHeight="1" x14ac:dyDescent="0.15">
      <c r="A108" s="5" t="s">
        <v>35</v>
      </c>
      <c r="B108" s="22">
        <v>82</v>
      </c>
      <c r="C108" s="14">
        <v>129</v>
      </c>
      <c r="D108" s="18">
        <v>211</v>
      </c>
    </row>
    <row r="109" spans="1:4" ht="18" customHeight="1" x14ac:dyDescent="0.15">
      <c r="A109" s="5">
        <v>85</v>
      </c>
      <c r="B109" s="22">
        <v>12</v>
      </c>
      <c r="C109" s="14">
        <v>31</v>
      </c>
      <c r="D109" s="18">
        <v>43</v>
      </c>
    </row>
    <row r="110" spans="1:4" ht="18" customHeight="1" x14ac:dyDescent="0.15">
      <c r="A110" s="5">
        <v>86</v>
      </c>
      <c r="B110" s="22">
        <v>11</v>
      </c>
      <c r="C110" s="14">
        <v>20</v>
      </c>
      <c r="D110" s="18">
        <v>31</v>
      </c>
    </row>
    <row r="111" spans="1:4" ht="18" customHeight="1" x14ac:dyDescent="0.15">
      <c r="A111" s="5">
        <v>87</v>
      </c>
      <c r="B111" s="22">
        <v>15</v>
      </c>
      <c r="C111" s="14">
        <v>18</v>
      </c>
      <c r="D111" s="18">
        <v>33</v>
      </c>
    </row>
    <row r="112" spans="1:4" ht="18" customHeight="1" x14ac:dyDescent="0.15">
      <c r="A112" s="5">
        <v>88</v>
      </c>
      <c r="B112" s="22">
        <v>16</v>
      </c>
      <c r="C112" s="14">
        <v>21</v>
      </c>
      <c r="D112" s="18">
        <v>37</v>
      </c>
    </row>
    <row r="113" spans="1:4" ht="18" customHeight="1" x14ac:dyDescent="0.15">
      <c r="A113" s="5">
        <v>89</v>
      </c>
      <c r="B113" s="22">
        <v>11</v>
      </c>
      <c r="C113" s="14">
        <v>20</v>
      </c>
      <c r="D113" s="18">
        <v>31</v>
      </c>
    </row>
    <row r="114" spans="1:4" ht="18" customHeight="1" x14ac:dyDescent="0.15">
      <c r="A114" s="5" t="s">
        <v>37</v>
      </c>
      <c r="B114" s="22">
        <v>65</v>
      </c>
      <c r="C114" s="14">
        <v>110</v>
      </c>
      <c r="D114" s="18">
        <v>175</v>
      </c>
    </row>
    <row r="115" spans="1:4" ht="18" customHeight="1" x14ac:dyDescent="0.15">
      <c r="A115" s="5">
        <v>90</v>
      </c>
      <c r="B115" s="22">
        <v>10</v>
      </c>
      <c r="C115" s="14">
        <v>18</v>
      </c>
      <c r="D115" s="18">
        <v>28</v>
      </c>
    </row>
    <row r="116" spans="1:4" ht="18" customHeight="1" x14ac:dyDescent="0.15">
      <c r="A116" s="5">
        <v>91</v>
      </c>
      <c r="B116" s="22">
        <v>6</v>
      </c>
      <c r="C116" s="14">
        <v>20</v>
      </c>
      <c r="D116" s="18">
        <v>26</v>
      </c>
    </row>
    <row r="117" spans="1:4" ht="18" customHeight="1" x14ac:dyDescent="0.15">
      <c r="A117" s="5">
        <v>92</v>
      </c>
      <c r="B117" s="22">
        <v>9</v>
      </c>
      <c r="C117" s="14">
        <v>12</v>
      </c>
      <c r="D117" s="18">
        <v>21</v>
      </c>
    </row>
    <row r="118" spans="1:4" ht="18" customHeight="1" x14ac:dyDescent="0.15">
      <c r="A118" s="5">
        <v>93</v>
      </c>
      <c r="B118" s="22">
        <v>4</v>
      </c>
      <c r="C118" s="14">
        <v>18</v>
      </c>
      <c r="D118" s="18">
        <v>22</v>
      </c>
    </row>
    <row r="119" spans="1:4" ht="18" customHeight="1" x14ac:dyDescent="0.15">
      <c r="A119" s="5">
        <v>94</v>
      </c>
      <c r="B119" s="22">
        <v>1</v>
      </c>
      <c r="C119" s="14">
        <v>8</v>
      </c>
      <c r="D119" s="18">
        <v>9</v>
      </c>
    </row>
    <row r="120" spans="1:4" ht="18" customHeight="1" x14ac:dyDescent="0.15">
      <c r="A120" s="5" t="s">
        <v>39</v>
      </c>
      <c r="B120" s="22">
        <v>30</v>
      </c>
      <c r="C120" s="14">
        <v>76</v>
      </c>
      <c r="D120" s="18">
        <v>106</v>
      </c>
    </row>
    <row r="121" spans="1:4" ht="18" customHeight="1" x14ac:dyDescent="0.15">
      <c r="A121" s="5">
        <v>95</v>
      </c>
      <c r="B121" s="22">
        <v>2</v>
      </c>
      <c r="C121" s="14">
        <v>12</v>
      </c>
      <c r="D121" s="18">
        <v>14</v>
      </c>
    </row>
    <row r="122" spans="1:4" ht="18" customHeight="1" x14ac:dyDescent="0.15">
      <c r="A122" s="5">
        <v>96</v>
      </c>
      <c r="B122" s="22">
        <v>2</v>
      </c>
      <c r="C122" s="14">
        <v>5</v>
      </c>
      <c r="D122" s="18">
        <v>7</v>
      </c>
    </row>
    <row r="123" spans="1:4" ht="18" customHeight="1" x14ac:dyDescent="0.15">
      <c r="A123" s="5">
        <v>97</v>
      </c>
      <c r="B123" s="22">
        <v>1</v>
      </c>
      <c r="C123" s="14">
        <v>7</v>
      </c>
      <c r="D123" s="18">
        <v>8</v>
      </c>
    </row>
    <row r="124" spans="1:4" ht="18" customHeight="1" x14ac:dyDescent="0.15">
      <c r="A124" s="5">
        <v>98</v>
      </c>
      <c r="B124" s="22">
        <v>0</v>
      </c>
      <c r="C124" s="14">
        <v>2</v>
      </c>
      <c r="D124" s="18">
        <v>2</v>
      </c>
    </row>
    <row r="125" spans="1:4" ht="18" customHeight="1" x14ac:dyDescent="0.15">
      <c r="A125" s="5">
        <v>99</v>
      </c>
      <c r="B125" s="22">
        <v>1</v>
      </c>
      <c r="C125" s="14">
        <v>1</v>
      </c>
      <c r="D125" s="18">
        <v>2</v>
      </c>
    </row>
    <row r="126" spans="1:4" ht="18" customHeight="1" x14ac:dyDescent="0.15">
      <c r="A126" s="5" t="s">
        <v>40</v>
      </c>
      <c r="B126" s="22">
        <v>6</v>
      </c>
      <c r="C126" s="14">
        <v>27</v>
      </c>
      <c r="D126" s="18">
        <v>33</v>
      </c>
    </row>
    <row r="127" spans="1:4" ht="18" customHeight="1" x14ac:dyDescent="0.15">
      <c r="A127" s="5">
        <v>100</v>
      </c>
      <c r="B127" s="22">
        <v>2</v>
      </c>
      <c r="C127" s="14">
        <v>1</v>
      </c>
      <c r="D127" s="18">
        <v>3</v>
      </c>
    </row>
    <row r="128" spans="1:4" ht="18" customHeight="1" x14ac:dyDescent="0.15">
      <c r="A128" s="6" t="s">
        <v>43</v>
      </c>
      <c r="B128" s="22">
        <v>0</v>
      </c>
      <c r="C128" s="14">
        <v>2</v>
      </c>
      <c r="D128" s="18">
        <v>2</v>
      </c>
    </row>
    <row r="129" spans="1:4" ht="18" customHeight="1" x14ac:dyDescent="0.15">
      <c r="A129" s="5" t="s">
        <v>44</v>
      </c>
      <c r="B129" s="22">
        <v>2</v>
      </c>
      <c r="C129" s="14">
        <v>3</v>
      </c>
      <c r="D129" s="18">
        <v>5</v>
      </c>
    </row>
    <row r="130" spans="1:4" ht="18" customHeight="1" x14ac:dyDescent="0.15">
      <c r="A130" s="5" t="s">
        <v>46</v>
      </c>
      <c r="B130" s="22">
        <v>638</v>
      </c>
      <c r="C130" s="14">
        <v>862</v>
      </c>
      <c r="D130" s="18">
        <v>1500</v>
      </c>
    </row>
    <row r="131" spans="1:4" ht="18" customHeight="1" x14ac:dyDescent="0.15">
      <c r="A131" s="7" t="s">
        <v>45</v>
      </c>
      <c r="B131" s="23">
        <v>2385</v>
      </c>
      <c r="C131" s="15">
        <v>2538</v>
      </c>
      <c r="D131" s="19">
        <v>492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92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2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16</v>
      </c>
      <c r="C5" s="29">
        <v>104</v>
      </c>
      <c r="D5" s="31">
        <v>220</v>
      </c>
    </row>
    <row r="6" spans="1:4" ht="18" customHeight="1" x14ac:dyDescent="0.15">
      <c r="A6" s="5">
        <v>1</v>
      </c>
      <c r="B6" s="27">
        <v>122</v>
      </c>
      <c r="C6" s="14">
        <v>117</v>
      </c>
      <c r="D6" s="18">
        <v>239</v>
      </c>
    </row>
    <row r="7" spans="1:4" ht="18" customHeight="1" x14ac:dyDescent="0.15">
      <c r="A7" s="5">
        <v>2</v>
      </c>
      <c r="B7" s="27">
        <v>122</v>
      </c>
      <c r="C7" s="14">
        <v>121</v>
      </c>
      <c r="D7" s="18">
        <v>243</v>
      </c>
    </row>
    <row r="8" spans="1:4" ht="18" customHeight="1" x14ac:dyDescent="0.15">
      <c r="A8" s="5">
        <v>3</v>
      </c>
      <c r="B8" s="27">
        <v>150</v>
      </c>
      <c r="C8" s="14">
        <v>135</v>
      </c>
      <c r="D8" s="18">
        <v>285</v>
      </c>
    </row>
    <row r="9" spans="1:4" ht="18" customHeight="1" x14ac:dyDescent="0.15">
      <c r="A9" s="5">
        <v>4</v>
      </c>
      <c r="B9" s="28">
        <v>144</v>
      </c>
      <c r="C9" s="30">
        <v>153</v>
      </c>
      <c r="D9" s="32">
        <v>297</v>
      </c>
    </row>
    <row r="10" spans="1:4" ht="18" customHeight="1" x14ac:dyDescent="0.15">
      <c r="A10" s="5" t="s">
        <v>7</v>
      </c>
      <c r="B10" s="22">
        <v>654</v>
      </c>
      <c r="C10" s="14">
        <v>630</v>
      </c>
      <c r="D10" s="18">
        <v>1284</v>
      </c>
    </row>
    <row r="11" spans="1:4" ht="18" customHeight="1" x14ac:dyDescent="0.15">
      <c r="A11" s="5">
        <v>5</v>
      </c>
      <c r="B11" s="27">
        <v>165</v>
      </c>
      <c r="C11" s="14">
        <v>166</v>
      </c>
      <c r="D11" s="18">
        <v>331</v>
      </c>
    </row>
    <row r="12" spans="1:4" ht="18" customHeight="1" x14ac:dyDescent="0.15">
      <c r="A12" s="5">
        <v>6</v>
      </c>
      <c r="B12" s="27">
        <v>147</v>
      </c>
      <c r="C12" s="14">
        <v>145</v>
      </c>
      <c r="D12" s="18">
        <v>292</v>
      </c>
    </row>
    <row r="13" spans="1:4" ht="18" customHeight="1" x14ac:dyDescent="0.15">
      <c r="A13" s="5">
        <v>7</v>
      </c>
      <c r="B13" s="27">
        <v>189</v>
      </c>
      <c r="C13" s="14">
        <v>167</v>
      </c>
      <c r="D13" s="18">
        <v>356</v>
      </c>
    </row>
    <row r="14" spans="1:4" ht="18" customHeight="1" x14ac:dyDescent="0.15">
      <c r="A14" s="5">
        <v>8</v>
      </c>
      <c r="B14" s="27">
        <v>180</v>
      </c>
      <c r="C14" s="14">
        <v>169</v>
      </c>
      <c r="D14" s="18">
        <v>349</v>
      </c>
    </row>
    <row r="15" spans="1:4" ht="18" customHeight="1" x14ac:dyDescent="0.15">
      <c r="A15" s="5">
        <v>9</v>
      </c>
      <c r="B15" s="27">
        <v>211</v>
      </c>
      <c r="C15" s="14">
        <v>174</v>
      </c>
      <c r="D15" s="18">
        <v>385</v>
      </c>
    </row>
    <row r="16" spans="1:4" ht="18" customHeight="1" x14ac:dyDescent="0.15">
      <c r="A16" s="5" t="s">
        <v>11</v>
      </c>
      <c r="B16" s="22">
        <v>892</v>
      </c>
      <c r="C16" s="14">
        <v>821</v>
      </c>
      <c r="D16" s="18">
        <v>1713</v>
      </c>
    </row>
    <row r="17" spans="1:4" ht="18" customHeight="1" x14ac:dyDescent="0.15">
      <c r="A17" s="5">
        <v>10</v>
      </c>
      <c r="B17" s="22">
        <v>207</v>
      </c>
      <c r="C17" s="14">
        <v>162</v>
      </c>
      <c r="D17" s="18">
        <v>369</v>
      </c>
    </row>
    <row r="18" spans="1:4" ht="18" customHeight="1" x14ac:dyDescent="0.15">
      <c r="A18" s="5">
        <v>11</v>
      </c>
      <c r="B18" s="22">
        <v>184</v>
      </c>
      <c r="C18" s="14">
        <v>157</v>
      </c>
      <c r="D18" s="18">
        <v>341</v>
      </c>
    </row>
    <row r="19" spans="1:4" ht="18" customHeight="1" x14ac:dyDescent="0.15">
      <c r="A19" s="5">
        <v>12</v>
      </c>
      <c r="B19" s="22">
        <v>207</v>
      </c>
      <c r="C19" s="14">
        <v>215</v>
      </c>
      <c r="D19" s="18">
        <v>422</v>
      </c>
    </row>
    <row r="20" spans="1:4" ht="18" customHeight="1" x14ac:dyDescent="0.15">
      <c r="A20" s="5">
        <v>13</v>
      </c>
      <c r="B20" s="22">
        <v>195</v>
      </c>
      <c r="C20" s="14">
        <v>198</v>
      </c>
      <c r="D20" s="18">
        <v>393</v>
      </c>
    </row>
    <row r="21" spans="1:4" ht="18" customHeight="1" x14ac:dyDescent="0.15">
      <c r="A21" s="5">
        <v>14</v>
      </c>
      <c r="B21" s="22">
        <v>202</v>
      </c>
      <c r="C21" s="14">
        <v>209</v>
      </c>
      <c r="D21" s="18">
        <v>411</v>
      </c>
    </row>
    <row r="22" spans="1:4" ht="18" customHeight="1" x14ac:dyDescent="0.15">
      <c r="A22" s="5" t="s">
        <v>12</v>
      </c>
      <c r="B22" s="22">
        <v>995</v>
      </c>
      <c r="C22" s="14">
        <v>941</v>
      </c>
      <c r="D22" s="18">
        <v>1936</v>
      </c>
    </row>
    <row r="23" spans="1:4" ht="18" customHeight="1" x14ac:dyDescent="0.15">
      <c r="A23" s="5" t="s">
        <v>6</v>
      </c>
      <c r="B23" s="22">
        <v>2541</v>
      </c>
      <c r="C23" s="14">
        <v>2392</v>
      </c>
      <c r="D23" s="18">
        <v>4933</v>
      </c>
    </row>
    <row r="24" spans="1:4" ht="18" customHeight="1" x14ac:dyDescent="0.15">
      <c r="A24" s="5">
        <v>15</v>
      </c>
      <c r="B24" s="22">
        <v>224</v>
      </c>
      <c r="C24" s="14">
        <v>194</v>
      </c>
      <c r="D24" s="18">
        <v>418</v>
      </c>
    </row>
    <row r="25" spans="1:4" ht="18" customHeight="1" x14ac:dyDescent="0.15">
      <c r="A25" s="5">
        <v>16</v>
      </c>
      <c r="B25" s="22">
        <v>220</v>
      </c>
      <c r="C25" s="14">
        <v>230</v>
      </c>
      <c r="D25" s="18">
        <v>450</v>
      </c>
    </row>
    <row r="26" spans="1:4" ht="18" customHeight="1" x14ac:dyDescent="0.15">
      <c r="A26" s="5">
        <v>17</v>
      </c>
      <c r="B26" s="22">
        <v>241</v>
      </c>
      <c r="C26" s="14">
        <v>216</v>
      </c>
      <c r="D26" s="18">
        <v>457</v>
      </c>
    </row>
    <row r="27" spans="1:4" ht="18" customHeight="1" x14ac:dyDescent="0.15">
      <c r="A27" s="5">
        <v>18</v>
      </c>
      <c r="B27" s="22">
        <v>229</v>
      </c>
      <c r="C27" s="14">
        <v>221</v>
      </c>
      <c r="D27" s="18">
        <v>450</v>
      </c>
    </row>
    <row r="28" spans="1:4" ht="18" customHeight="1" x14ac:dyDescent="0.15">
      <c r="A28" s="5">
        <v>19</v>
      </c>
      <c r="B28" s="22">
        <v>236</v>
      </c>
      <c r="C28" s="14">
        <v>212</v>
      </c>
      <c r="D28" s="18">
        <v>448</v>
      </c>
    </row>
    <row r="29" spans="1:4" ht="18" customHeight="1" x14ac:dyDescent="0.15">
      <c r="A29" s="5" t="s">
        <v>14</v>
      </c>
      <c r="B29" s="22">
        <v>1150</v>
      </c>
      <c r="C29" s="14">
        <v>1073</v>
      </c>
      <c r="D29" s="18">
        <v>2223</v>
      </c>
    </row>
    <row r="30" spans="1:4" ht="18" customHeight="1" x14ac:dyDescent="0.15">
      <c r="A30" s="5">
        <v>20</v>
      </c>
      <c r="B30" s="22">
        <v>226</v>
      </c>
      <c r="C30" s="14">
        <v>209</v>
      </c>
      <c r="D30" s="18">
        <v>435</v>
      </c>
    </row>
    <row r="31" spans="1:4" ht="18" customHeight="1" x14ac:dyDescent="0.15">
      <c r="A31" s="5">
        <v>21</v>
      </c>
      <c r="B31" s="22">
        <v>226</v>
      </c>
      <c r="C31" s="14">
        <v>212</v>
      </c>
      <c r="D31" s="18">
        <v>438</v>
      </c>
    </row>
    <row r="32" spans="1:4" ht="18" customHeight="1" x14ac:dyDescent="0.15">
      <c r="A32" s="5">
        <v>22</v>
      </c>
      <c r="B32" s="22">
        <v>237</v>
      </c>
      <c r="C32" s="14">
        <v>193</v>
      </c>
      <c r="D32" s="18">
        <v>430</v>
      </c>
    </row>
    <row r="33" spans="1:4" ht="18" customHeight="1" x14ac:dyDescent="0.15">
      <c r="A33" s="5">
        <v>23</v>
      </c>
      <c r="B33" s="22">
        <v>210</v>
      </c>
      <c r="C33" s="14">
        <v>207</v>
      </c>
      <c r="D33" s="18">
        <v>417</v>
      </c>
    </row>
    <row r="34" spans="1:4" ht="18" customHeight="1" x14ac:dyDescent="0.15">
      <c r="A34" s="5">
        <v>24</v>
      </c>
      <c r="B34" s="22">
        <v>201</v>
      </c>
      <c r="C34" s="14">
        <v>177</v>
      </c>
      <c r="D34" s="18">
        <v>378</v>
      </c>
    </row>
    <row r="35" spans="1:4" ht="18" customHeight="1" x14ac:dyDescent="0.15">
      <c r="A35" s="5" t="s">
        <v>9</v>
      </c>
      <c r="B35" s="22">
        <v>1100</v>
      </c>
      <c r="C35" s="14">
        <v>998</v>
      </c>
      <c r="D35" s="18">
        <v>2098</v>
      </c>
    </row>
    <row r="36" spans="1:4" ht="18" customHeight="1" x14ac:dyDescent="0.15">
      <c r="A36" s="5">
        <v>25</v>
      </c>
      <c r="B36" s="22">
        <v>263</v>
      </c>
      <c r="C36" s="14">
        <v>169</v>
      </c>
      <c r="D36" s="18">
        <v>432</v>
      </c>
    </row>
    <row r="37" spans="1:4" ht="18" customHeight="1" x14ac:dyDescent="0.15">
      <c r="A37" s="5">
        <v>26</v>
      </c>
      <c r="B37" s="22">
        <v>216</v>
      </c>
      <c r="C37" s="14">
        <v>224</v>
      </c>
      <c r="D37" s="18">
        <v>440</v>
      </c>
    </row>
    <row r="38" spans="1:4" ht="18" customHeight="1" x14ac:dyDescent="0.15">
      <c r="A38" s="5">
        <v>27</v>
      </c>
      <c r="B38" s="22">
        <v>189</v>
      </c>
      <c r="C38" s="14">
        <v>198</v>
      </c>
      <c r="D38" s="18">
        <v>387</v>
      </c>
    </row>
    <row r="39" spans="1:4" ht="18" customHeight="1" x14ac:dyDescent="0.15">
      <c r="A39" s="5">
        <v>28</v>
      </c>
      <c r="B39" s="22">
        <v>209</v>
      </c>
      <c r="C39" s="14">
        <v>177</v>
      </c>
      <c r="D39" s="18">
        <v>386</v>
      </c>
    </row>
    <row r="40" spans="1:4" ht="18" customHeight="1" x14ac:dyDescent="0.15">
      <c r="A40" s="5">
        <v>29</v>
      </c>
      <c r="B40" s="22">
        <v>226</v>
      </c>
      <c r="C40" s="14">
        <v>200</v>
      </c>
      <c r="D40" s="18">
        <v>426</v>
      </c>
    </row>
    <row r="41" spans="1:4" ht="18" customHeight="1" x14ac:dyDescent="0.15">
      <c r="A41" s="5" t="s">
        <v>2</v>
      </c>
      <c r="B41" s="22">
        <v>1103</v>
      </c>
      <c r="C41" s="14">
        <v>968</v>
      </c>
      <c r="D41" s="18">
        <v>2071</v>
      </c>
    </row>
    <row r="42" spans="1:4" ht="18" customHeight="1" x14ac:dyDescent="0.15">
      <c r="A42" s="5">
        <v>30</v>
      </c>
      <c r="B42" s="22">
        <v>239</v>
      </c>
      <c r="C42" s="14">
        <v>188</v>
      </c>
      <c r="D42" s="18">
        <v>427</v>
      </c>
    </row>
    <row r="43" spans="1:4" ht="18" customHeight="1" x14ac:dyDescent="0.15">
      <c r="A43" s="5">
        <v>31</v>
      </c>
      <c r="B43" s="22">
        <v>226</v>
      </c>
      <c r="C43" s="14">
        <v>203</v>
      </c>
      <c r="D43" s="18">
        <v>429</v>
      </c>
    </row>
    <row r="44" spans="1:4" ht="18" customHeight="1" x14ac:dyDescent="0.15">
      <c r="A44" s="5">
        <v>32</v>
      </c>
      <c r="B44" s="22">
        <v>197</v>
      </c>
      <c r="C44" s="14">
        <v>191</v>
      </c>
      <c r="D44" s="18">
        <v>388</v>
      </c>
    </row>
    <row r="45" spans="1:4" ht="18" customHeight="1" x14ac:dyDescent="0.15">
      <c r="A45" s="5">
        <v>33</v>
      </c>
      <c r="B45" s="22">
        <v>208</v>
      </c>
      <c r="C45" s="14">
        <v>174</v>
      </c>
      <c r="D45" s="18">
        <v>382</v>
      </c>
    </row>
    <row r="46" spans="1:4" ht="18" customHeight="1" x14ac:dyDescent="0.15">
      <c r="A46" s="5">
        <v>34</v>
      </c>
      <c r="B46" s="22">
        <v>220</v>
      </c>
      <c r="C46" s="14">
        <v>183</v>
      </c>
      <c r="D46" s="18">
        <v>403</v>
      </c>
    </row>
    <row r="47" spans="1:4" ht="18" customHeight="1" x14ac:dyDescent="0.15">
      <c r="A47" s="5" t="s">
        <v>15</v>
      </c>
      <c r="B47" s="22">
        <v>1090</v>
      </c>
      <c r="C47" s="14">
        <v>939</v>
      </c>
      <c r="D47" s="18">
        <v>2029</v>
      </c>
    </row>
    <row r="48" spans="1:4" ht="18" customHeight="1" x14ac:dyDescent="0.15">
      <c r="A48" s="5">
        <v>35</v>
      </c>
      <c r="B48" s="22">
        <v>231</v>
      </c>
      <c r="C48" s="14">
        <v>180</v>
      </c>
      <c r="D48" s="18">
        <v>411</v>
      </c>
    </row>
    <row r="49" spans="1:4" ht="18" customHeight="1" x14ac:dyDescent="0.15">
      <c r="A49" s="5">
        <v>36</v>
      </c>
      <c r="B49" s="22">
        <v>228</v>
      </c>
      <c r="C49" s="14">
        <v>208</v>
      </c>
      <c r="D49" s="18">
        <v>436</v>
      </c>
    </row>
    <row r="50" spans="1:4" ht="18" customHeight="1" x14ac:dyDescent="0.15">
      <c r="A50" s="5">
        <v>37</v>
      </c>
      <c r="B50" s="22">
        <v>216</v>
      </c>
      <c r="C50" s="14">
        <v>211</v>
      </c>
      <c r="D50" s="18">
        <v>427</v>
      </c>
    </row>
    <row r="51" spans="1:4" ht="18" customHeight="1" x14ac:dyDescent="0.15">
      <c r="A51" s="5">
        <v>38</v>
      </c>
      <c r="B51" s="22">
        <v>209</v>
      </c>
      <c r="C51" s="14">
        <v>211</v>
      </c>
      <c r="D51" s="18">
        <v>420</v>
      </c>
    </row>
    <row r="52" spans="1:4" ht="18" customHeight="1" x14ac:dyDescent="0.15">
      <c r="A52" s="5">
        <v>39</v>
      </c>
      <c r="B52" s="22">
        <v>249</v>
      </c>
      <c r="C52" s="14">
        <v>236</v>
      </c>
      <c r="D52" s="18">
        <v>485</v>
      </c>
    </row>
    <row r="53" spans="1:4" ht="18" customHeight="1" x14ac:dyDescent="0.15">
      <c r="A53" s="5" t="s">
        <v>18</v>
      </c>
      <c r="B53" s="22">
        <v>1133</v>
      </c>
      <c r="C53" s="14">
        <v>1046</v>
      </c>
      <c r="D53" s="18">
        <v>2179</v>
      </c>
    </row>
    <row r="54" spans="1:4" ht="18" customHeight="1" x14ac:dyDescent="0.15">
      <c r="A54" s="5">
        <v>40</v>
      </c>
      <c r="B54" s="22">
        <v>235</v>
      </c>
      <c r="C54" s="14">
        <v>232</v>
      </c>
      <c r="D54" s="18">
        <v>467</v>
      </c>
    </row>
    <row r="55" spans="1:4" ht="18" customHeight="1" x14ac:dyDescent="0.15">
      <c r="A55" s="5">
        <v>41</v>
      </c>
      <c r="B55" s="22">
        <v>242</v>
      </c>
      <c r="C55" s="14">
        <v>256</v>
      </c>
      <c r="D55" s="18">
        <v>498</v>
      </c>
    </row>
    <row r="56" spans="1:4" ht="18" customHeight="1" x14ac:dyDescent="0.15">
      <c r="A56" s="5">
        <v>42</v>
      </c>
      <c r="B56" s="22">
        <v>253</v>
      </c>
      <c r="C56" s="14">
        <v>241</v>
      </c>
      <c r="D56" s="18">
        <v>494</v>
      </c>
    </row>
    <row r="57" spans="1:4" ht="18" customHeight="1" x14ac:dyDescent="0.15">
      <c r="A57" s="5">
        <v>43</v>
      </c>
      <c r="B57" s="22">
        <v>261</v>
      </c>
      <c r="C57" s="14">
        <v>256</v>
      </c>
      <c r="D57" s="18">
        <v>517</v>
      </c>
    </row>
    <row r="58" spans="1:4" ht="18" customHeight="1" x14ac:dyDescent="0.15">
      <c r="A58" s="5">
        <v>44</v>
      </c>
      <c r="B58" s="22">
        <v>244</v>
      </c>
      <c r="C58" s="14">
        <v>258</v>
      </c>
      <c r="D58" s="18">
        <v>502</v>
      </c>
    </row>
    <row r="59" spans="1:4" ht="18" customHeight="1" x14ac:dyDescent="0.15">
      <c r="A59" s="5" t="s">
        <v>21</v>
      </c>
      <c r="B59" s="22">
        <v>1235</v>
      </c>
      <c r="C59" s="14">
        <v>1243</v>
      </c>
      <c r="D59" s="18">
        <v>2478</v>
      </c>
    </row>
    <row r="60" spans="1:4" ht="18" customHeight="1" x14ac:dyDescent="0.15">
      <c r="A60" s="5">
        <v>45</v>
      </c>
      <c r="B60" s="22">
        <v>280</v>
      </c>
      <c r="C60" s="14">
        <v>258</v>
      </c>
      <c r="D60" s="18">
        <v>538</v>
      </c>
    </row>
    <row r="61" spans="1:4" ht="18" customHeight="1" x14ac:dyDescent="0.15">
      <c r="A61" s="5">
        <v>46</v>
      </c>
      <c r="B61" s="22">
        <v>291</v>
      </c>
      <c r="C61" s="14">
        <v>271</v>
      </c>
      <c r="D61" s="18">
        <v>562</v>
      </c>
    </row>
    <row r="62" spans="1:4" ht="18" customHeight="1" x14ac:dyDescent="0.15">
      <c r="A62" s="5">
        <v>47</v>
      </c>
      <c r="B62" s="22">
        <v>318</v>
      </c>
      <c r="C62" s="14">
        <v>309</v>
      </c>
      <c r="D62" s="18">
        <v>627</v>
      </c>
    </row>
    <row r="63" spans="1:4" ht="18" customHeight="1" x14ac:dyDescent="0.15">
      <c r="A63" s="5">
        <v>48</v>
      </c>
      <c r="B63" s="22">
        <v>359</v>
      </c>
      <c r="C63" s="14">
        <v>325</v>
      </c>
      <c r="D63" s="18">
        <v>684</v>
      </c>
    </row>
    <row r="64" spans="1:4" ht="18" customHeight="1" x14ac:dyDescent="0.15">
      <c r="A64" s="5">
        <v>49</v>
      </c>
      <c r="B64" s="22">
        <v>336</v>
      </c>
      <c r="C64" s="14">
        <v>326</v>
      </c>
      <c r="D64" s="18">
        <v>662</v>
      </c>
    </row>
    <row r="65" spans="1:4" ht="18" customHeight="1" x14ac:dyDescent="0.15">
      <c r="A65" s="5" t="s">
        <v>17</v>
      </c>
      <c r="B65" s="22">
        <v>1584</v>
      </c>
      <c r="C65" s="14">
        <v>1489</v>
      </c>
      <c r="D65" s="18">
        <v>3073</v>
      </c>
    </row>
    <row r="66" spans="1:4" ht="18" customHeight="1" x14ac:dyDescent="0.15">
      <c r="A66" s="5">
        <v>50</v>
      </c>
      <c r="B66" s="22">
        <v>351</v>
      </c>
      <c r="C66" s="14">
        <v>319</v>
      </c>
      <c r="D66" s="18">
        <v>670</v>
      </c>
    </row>
    <row r="67" spans="1:4" ht="18" customHeight="1" x14ac:dyDescent="0.15">
      <c r="A67" s="5">
        <v>51</v>
      </c>
      <c r="B67" s="22">
        <v>344</v>
      </c>
      <c r="C67" s="14">
        <v>362</v>
      </c>
      <c r="D67" s="18">
        <v>706</v>
      </c>
    </row>
    <row r="68" spans="1:4" ht="18" customHeight="1" x14ac:dyDescent="0.15">
      <c r="A68" s="5">
        <v>52</v>
      </c>
      <c r="B68" s="22">
        <v>380</v>
      </c>
      <c r="C68" s="14">
        <v>368</v>
      </c>
      <c r="D68" s="18">
        <v>748</v>
      </c>
    </row>
    <row r="69" spans="1:4" ht="18" customHeight="1" x14ac:dyDescent="0.15">
      <c r="A69" s="5">
        <v>53</v>
      </c>
      <c r="B69" s="22">
        <v>350</v>
      </c>
      <c r="C69" s="14">
        <v>336</v>
      </c>
      <c r="D69" s="18">
        <v>686</v>
      </c>
    </row>
    <row r="70" spans="1:4" ht="18" customHeight="1" x14ac:dyDescent="0.15">
      <c r="A70" s="5">
        <v>54</v>
      </c>
      <c r="B70" s="22">
        <v>316</v>
      </c>
      <c r="C70" s="14">
        <v>329</v>
      </c>
      <c r="D70" s="18">
        <v>645</v>
      </c>
    </row>
    <row r="71" spans="1:4" ht="18" customHeight="1" x14ac:dyDescent="0.15">
      <c r="A71" s="5" t="s">
        <v>22</v>
      </c>
      <c r="B71" s="22">
        <v>1741</v>
      </c>
      <c r="C71" s="14">
        <v>1714</v>
      </c>
      <c r="D71" s="18">
        <v>3455</v>
      </c>
    </row>
    <row r="72" spans="1:4" ht="18" customHeight="1" x14ac:dyDescent="0.15">
      <c r="A72" s="5">
        <v>55</v>
      </c>
      <c r="B72" s="22">
        <v>313</v>
      </c>
      <c r="C72" s="14">
        <v>297</v>
      </c>
      <c r="D72" s="18">
        <v>610</v>
      </c>
    </row>
    <row r="73" spans="1:4" ht="18" customHeight="1" x14ac:dyDescent="0.15">
      <c r="A73" s="5">
        <v>56</v>
      </c>
      <c r="B73" s="22">
        <v>298</v>
      </c>
      <c r="C73" s="14">
        <v>292</v>
      </c>
      <c r="D73" s="18">
        <v>590</v>
      </c>
    </row>
    <row r="74" spans="1:4" ht="18" customHeight="1" x14ac:dyDescent="0.15">
      <c r="A74" s="5">
        <v>57</v>
      </c>
      <c r="B74" s="22">
        <v>306</v>
      </c>
      <c r="C74" s="14">
        <v>292</v>
      </c>
      <c r="D74" s="18">
        <v>598</v>
      </c>
    </row>
    <row r="75" spans="1:4" ht="18" customHeight="1" x14ac:dyDescent="0.15">
      <c r="A75" s="5">
        <v>58</v>
      </c>
      <c r="B75" s="22">
        <v>262</v>
      </c>
      <c r="C75" s="14">
        <v>284</v>
      </c>
      <c r="D75" s="18">
        <v>546</v>
      </c>
    </row>
    <row r="76" spans="1:4" ht="18" customHeight="1" x14ac:dyDescent="0.15">
      <c r="A76" s="5">
        <v>59</v>
      </c>
      <c r="B76" s="22">
        <v>221</v>
      </c>
      <c r="C76" s="14">
        <v>216</v>
      </c>
      <c r="D76" s="18">
        <v>437</v>
      </c>
    </row>
    <row r="77" spans="1:4" ht="18" customHeight="1" x14ac:dyDescent="0.15">
      <c r="A77" s="5" t="s">
        <v>27</v>
      </c>
      <c r="B77" s="22">
        <v>1400</v>
      </c>
      <c r="C77" s="14">
        <v>1381</v>
      </c>
      <c r="D77" s="18">
        <v>2781</v>
      </c>
    </row>
    <row r="78" spans="1:4" ht="18" customHeight="1" x14ac:dyDescent="0.15">
      <c r="A78" s="5">
        <v>60</v>
      </c>
      <c r="B78" s="22">
        <v>225</v>
      </c>
      <c r="C78" s="14">
        <v>281</v>
      </c>
      <c r="D78" s="18">
        <v>506</v>
      </c>
    </row>
    <row r="79" spans="1:4" ht="18" customHeight="1" x14ac:dyDescent="0.15">
      <c r="A79" s="5">
        <v>61</v>
      </c>
      <c r="B79" s="22">
        <v>242</v>
      </c>
      <c r="C79" s="14">
        <v>252</v>
      </c>
      <c r="D79" s="18">
        <v>494</v>
      </c>
    </row>
    <row r="80" spans="1:4" ht="18" customHeight="1" x14ac:dyDescent="0.15">
      <c r="A80" s="5">
        <v>62</v>
      </c>
      <c r="B80" s="22">
        <v>245</v>
      </c>
      <c r="C80" s="14">
        <v>256</v>
      </c>
      <c r="D80" s="18">
        <v>501</v>
      </c>
    </row>
    <row r="81" spans="1:4" ht="18" customHeight="1" x14ac:dyDescent="0.15">
      <c r="A81" s="5">
        <v>63</v>
      </c>
      <c r="B81" s="22">
        <v>224</v>
      </c>
      <c r="C81" s="14">
        <v>241</v>
      </c>
      <c r="D81" s="18">
        <v>465</v>
      </c>
    </row>
    <row r="82" spans="1:4" ht="18" customHeight="1" x14ac:dyDescent="0.15">
      <c r="A82" s="5">
        <v>64</v>
      </c>
      <c r="B82" s="22">
        <v>221</v>
      </c>
      <c r="C82" s="14">
        <v>229</v>
      </c>
      <c r="D82" s="18">
        <v>450</v>
      </c>
    </row>
    <row r="83" spans="1:4" ht="18" customHeight="1" x14ac:dyDescent="0.15">
      <c r="A83" s="5" t="s">
        <v>28</v>
      </c>
      <c r="B83" s="22">
        <v>1157</v>
      </c>
      <c r="C83" s="14">
        <v>1259</v>
      </c>
      <c r="D83" s="18">
        <v>2416</v>
      </c>
    </row>
    <row r="84" spans="1:4" ht="18" customHeight="1" x14ac:dyDescent="0.15">
      <c r="A84" s="5" t="s">
        <v>31</v>
      </c>
      <c r="B84" s="22">
        <v>12693</v>
      </c>
      <c r="C84" s="14">
        <v>12110</v>
      </c>
      <c r="D84" s="18">
        <v>24803</v>
      </c>
    </row>
    <row r="85" spans="1:4" ht="18" customHeight="1" x14ac:dyDescent="0.15">
      <c r="A85" s="5">
        <v>65</v>
      </c>
      <c r="B85" s="22">
        <v>216</v>
      </c>
      <c r="C85" s="14">
        <v>242</v>
      </c>
      <c r="D85" s="18">
        <v>458</v>
      </c>
    </row>
    <row r="86" spans="1:4" ht="18" customHeight="1" x14ac:dyDescent="0.15">
      <c r="A86" s="5">
        <v>66</v>
      </c>
      <c r="B86" s="22">
        <v>232</v>
      </c>
      <c r="C86" s="14">
        <v>206</v>
      </c>
      <c r="D86" s="18">
        <v>438</v>
      </c>
    </row>
    <row r="87" spans="1:4" ht="18" customHeight="1" x14ac:dyDescent="0.15">
      <c r="A87" s="5">
        <v>67</v>
      </c>
      <c r="B87" s="22">
        <v>202</v>
      </c>
      <c r="C87" s="14">
        <v>236</v>
      </c>
      <c r="D87" s="18">
        <v>438</v>
      </c>
    </row>
    <row r="88" spans="1:4" ht="18" customHeight="1" x14ac:dyDescent="0.15">
      <c r="A88" s="5">
        <v>68</v>
      </c>
      <c r="B88" s="22">
        <v>204</v>
      </c>
      <c r="C88" s="14">
        <v>225</v>
      </c>
      <c r="D88" s="18">
        <v>429</v>
      </c>
    </row>
    <row r="89" spans="1:4" ht="18" customHeight="1" x14ac:dyDescent="0.15">
      <c r="A89" s="5">
        <v>69</v>
      </c>
      <c r="B89" s="22">
        <v>195</v>
      </c>
      <c r="C89" s="14">
        <v>219</v>
      </c>
      <c r="D89" s="18">
        <v>414</v>
      </c>
    </row>
    <row r="90" spans="1:4" ht="18" customHeight="1" x14ac:dyDescent="0.15">
      <c r="A90" s="5" t="s">
        <v>20</v>
      </c>
      <c r="B90" s="22">
        <v>1049</v>
      </c>
      <c r="C90" s="14">
        <v>1128</v>
      </c>
      <c r="D90" s="18">
        <v>2177</v>
      </c>
    </row>
    <row r="91" spans="1:4" ht="18" customHeight="1" x14ac:dyDescent="0.15">
      <c r="A91" s="5">
        <v>70</v>
      </c>
      <c r="B91" s="22">
        <v>225</v>
      </c>
      <c r="C91" s="14">
        <v>246</v>
      </c>
      <c r="D91" s="18">
        <v>471</v>
      </c>
    </row>
    <row r="92" spans="1:4" ht="18" customHeight="1" x14ac:dyDescent="0.15">
      <c r="A92" s="5">
        <v>71</v>
      </c>
      <c r="B92" s="22">
        <v>222</v>
      </c>
      <c r="C92" s="14">
        <v>248</v>
      </c>
      <c r="D92" s="18">
        <v>470</v>
      </c>
    </row>
    <row r="93" spans="1:4" ht="18" customHeight="1" x14ac:dyDescent="0.15">
      <c r="A93" s="5">
        <v>72</v>
      </c>
      <c r="B93" s="22">
        <v>240</v>
      </c>
      <c r="C93" s="14">
        <v>268</v>
      </c>
      <c r="D93" s="18">
        <v>508</v>
      </c>
    </row>
    <row r="94" spans="1:4" ht="18" customHeight="1" x14ac:dyDescent="0.15">
      <c r="A94" s="5">
        <v>73</v>
      </c>
      <c r="B94" s="22">
        <v>235</v>
      </c>
      <c r="C94" s="14">
        <v>242</v>
      </c>
      <c r="D94" s="18">
        <v>477</v>
      </c>
    </row>
    <row r="95" spans="1:4" ht="18" customHeight="1" x14ac:dyDescent="0.15">
      <c r="A95" s="5">
        <v>74</v>
      </c>
      <c r="B95" s="22">
        <v>220</v>
      </c>
      <c r="C95" s="14">
        <v>272</v>
      </c>
      <c r="D95" s="18">
        <v>492</v>
      </c>
    </row>
    <row r="96" spans="1:4" ht="18" customHeight="1" x14ac:dyDescent="0.15">
      <c r="A96" s="5" t="s">
        <v>33</v>
      </c>
      <c r="B96" s="22">
        <v>1142</v>
      </c>
      <c r="C96" s="14">
        <v>1276</v>
      </c>
      <c r="D96" s="18">
        <v>2418</v>
      </c>
    </row>
    <row r="97" spans="1:4" ht="18" customHeight="1" x14ac:dyDescent="0.15">
      <c r="A97" s="5">
        <v>75</v>
      </c>
      <c r="B97" s="22">
        <v>239</v>
      </c>
      <c r="C97" s="14">
        <v>275</v>
      </c>
      <c r="D97" s="18">
        <v>514</v>
      </c>
    </row>
    <row r="98" spans="1:4" ht="18" customHeight="1" x14ac:dyDescent="0.15">
      <c r="A98" s="5">
        <v>76</v>
      </c>
      <c r="B98" s="22">
        <v>247</v>
      </c>
      <c r="C98" s="14">
        <v>295</v>
      </c>
      <c r="D98" s="18">
        <v>542</v>
      </c>
    </row>
    <row r="99" spans="1:4" ht="18" customHeight="1" x14ac:dyDescent="0.15">
      <c r="A99" s="5">
        <v>77</v>
      </c>
      <c r="B99" s="22">
        <v>306</v>
      </c>
      <c r="C99" s="14">
        <v>297</v>
      </c>
      <c r="D99" s="18">
        <v>603</v>
      </c>
    </row>
    <row r="100" spans="1:4" ht="18" customHeight="1" x14ac:dyDescent="0.15">
      <c r="A100" s="5">
        <v>78</v>
      </c>
      <c r="B100" s="22">
        <v>258</v>
      </c>
      <c r="C100" s="14">
        <v>333</v>
      </c>
      <c r="D100" s="18">
        <v>591</v>
      </c>
    </row>
    <row r="101" spans="1:4" ht="18" customHeight="1" x14ac:dyDescent="0.15">
      <c r="A101" s="5">
        <v>79</v>
      </c>
      <c r="B101" s="22">
        <v>168</v>
      </c>
      <c r="C101" s="14">
        <v>215</v>
      </c>
      <c r="D101" s="18">
        <v>383</v>
      </c>
    </row>
    <row r="102" spans="1:4" ht="18" customHeight="1" x14ac:dyDescent="0.15">
      <c r="A102" s="5" t="s">
        <v>0</v>
      </c>
      <c r="B102" s="22">
        <v>1218</v>
      </c>
      <c r="C102" s="14">
        <v>1415</v>
      </c>
      <c r="D102" s="18">
        <v>2633</v>
      </c>
    </row>
    <row r="103" spans="1:4" ht="18" customHeight="1" x14ac:dyDescent="0.15">
      <c r="A103" s="5">
        <v>80</v>
      </c>
      <c r="B103" s="22">
        <v>119</v>
      </c>
      <c r="C103" s="14">
        <v>119</v>
      </c>
      <c r="D103" s="18">
        <v>238</v>
      </c>
    </row>
    <row r="104" spans="1:4" ht="18" customHeight="1" x14ac:dyDescent="0.15">
      <c r="A104" s="5">
        <v>81</v>
      </c>
      <c r="B104" s="22">
        <v>145</v>
      </c>
      <c r="C104" s="14">
        <v>184</v>
      </c>
      <c r="D104" s="18">
        <v>329</v>
      </c>
    </row>
    <row r="105" spans="1:4" ht="18" customHeight="1" x14ac:dyDescent="0.15">
      <c r="A105" s="5">
        <v>82</v>
      </c>
      <c r="B105" s="22">
        <v>126</v>
      </c>
      <c r="C105" s="14">
        <v>186</v>
      </c>
      <c r="D105" s="18">
        <v>312</v>
      </c>
    </row>
    <row r="106" spans="1:4" ht="18" customHeight="1" x14ac:dyDescent="0.15">
      <c r="A106" s="5">
        <v>83</v>
      </c>
      <c r="B106" s="22">
        <v>132</v>
      </c>
      <c r="C106" s="14">
        <v>192</v>
      </c>
      <c r="D106" s="18">
        <v>324</v>
      </c>
    </row>
    <row r="107" spans="1:4" ht="18" customHeight="1" x14ac:dyDescent="0.15">
      <c r="A107" s="5">
        <v>84</v>
      </c>
      <c r="B107" s="22">
        <v>119</v>
      </c>
      <c r="C107" s="14">
        <v>178</v>
      </c>
      <c r="D107" s="18">
        <v>297</v>
      </c>
    </row>
    <row r="108" spans="1:4" ht="18" customHeight="1" x14ac:dyDescent="0.15">
      <c r="A108" s="5" t="s">
        <v>35</v>
      </c>
      <c r="B108" s="22">
        <v>641</v>
      </c>
      <c r="C108" s="14">
        <v>859</v>
      </c>
      <c r="D108" s="18">
        <v>1500</v>
      </c>
    </row>
    <row r="109" spans="1:4" ht="18" customHeight="1" x14ac:dyDescent="0.15">
      <c r="A109" s="5">
        <v>85</v>
      </c>
      <c r="B109" s="22">
        <v>107</v>
      </c>
      <c r="C109" s="14">
        <v>165</v>
      </c>
      <c r="D109" s="18">
        <v>272</v>
      </c>
    </row>
    <row r="110" spans="1:4" ht="18" customHeight="1" x14ac:dyDescent="0.15">
      <c r="A110" s="5">
        <v>86</v>
      </c>
      <c r="B110" s="22">
        <v>89</v>
      </c>
      <c r="C110" s="14">
        <v>134</v>
      </c>
      <c r="D110" s="18">
        <v>223</v>
      </c>
    </row>
    <row r="111" spans="1:4" ht="18" customHeight="1" x14ac:dyDescent="0.15">
      <c r="A111" s="5">
        <v>87</v>
      </c>
      <c r="B111" s="22">
        <v>67</v>
      </c>
      <c r="C111" s="14">
        <v>108</v>
      </c>
      <c r="D111" s="18">
        <v>175</v>
      </c>
    </row>
    <row r="112" spans="1:4" ht="18" customHeight="1" x14ac:dyDescent="0.15">
      <c r="A112" s="5">
        <v>88</v>
      </c>
      <c r="B112" s="22">
        <v>74</v>
      </c>
      <c r="C112" s="14">
        <v>109</v>
      </c>
      <c r="D112" s="18">
        <v>183</v>
      </c>
    </row>
    <row r="113" spans="1:4" ht="18" customHeight="1" x14ac:dyDescent="0.15">
      <c r="A113" s="5">
        <v>89</v>
      </c>
      <c r="B113" s="22">
        <v>57</v>
      </c>
      <c r="C113" s="14">
        <v>104</v>
      </c>
      <c r="D113" s="18">
        <v>161</v>
      </c>
    </row>
    <row r="114" spans="1:4" ht="18" customHeight="1" x14ac:dyDescent="0.15">
      <c r="A114" s="5" t="s">
        <v>37</v>
      </c>
      <c r="B114" s="22">
        <v>394</v>
      </c>
      <c r="C114" s="14">
        <v>620</v>
      </c>
      <c r="D114" s="18">
        <v>1014</v>
      </c>
    </row>
    <row r="115" spans="1:4" ht="18" customHeight="1" x14ac:dyDescent="0.15">
      <c r="A115" s="5">
        <v>90</v>
      </c>
      <c r="B115" s="22">
        <v>66</v>
      </c>
      <c r="C115" s="14">
        <v>119</v>
      </c>
      <c r="D115" s="18">
        <v>185</v>
      </c>
    </row>
    <row r="116" spans="1:4" ht="18" customHeight="1" x14ac:dyDescent="0.15">
      <c r="A116" s="5">
        <v>91</v>
      </c>
      <c r="B116" s="22">
        <v>32</v>
      </c>
      <c r="C116" s="14">
        <v>95</v>
      </c>
      <c r="D116" s="18">
        <v>127</v>
      </c>
    </row>
    <row r="117" spans="1:4" ht="18" customHeight="1" x14ac:dyDescent="0.15">
      <c r="A117" s="5">
        <v>92</v>
      </c>
      <c r="B117" s="22">
        <v>29</v>
      </c>
      <c r="C117" s="14">
        <v>111</v>
      </c>
      <c r="D117" s="18">
        <v>140</v>
      </c>
    </row>
    <row r="118" spans="1:4" ht="18" customHeight="1" x14ac:dyDescent="0.15">
      <c r="A118" s="5">
        <v>93</v>
      </c>
      <c r="B118" s="22">
        <v>16</v>
      </c>
      <c r="C118" s="14">
        <v>97</v>
      </c>
      <c r="D118" s="18">
        <v>113</v>
      </c>
    </row>
    <row r="119" spans="1:4" ht="18" customHeight="1" x14ac:dyDescent="0.15">
      <c r="A119" s="5">
        <v>94</v>
      </c>
      <c r="B119" s="22">
        <v>20</v>
      </c>
      <c r="C119" s="14">
        <v>66</v>
      </c>
      <c r="D119" s="18">
        <v>86</v>
      </c>
    </row>
    <row r="120" spans="1:4" ht="18" customHeight="1" x14ac:dyDescent="0.15">
      <c r="A120" s="5" t="s">
        <v>39</v>
      </c>
      <c r="B120" s="22">
        <v>163</v>
      </c>
      <c r="C120" s="14">
        <v>488</v>
      </c>
      <c r="D120" s="18">
        <v>651</v>
      </c>
    </row>
    <row r="121" spans="1:4" ht="18" customHeight="1" x14ac:dyDescent="0.15">
      <c r="A121" s="5">
        <v>95</v>
      </c>
      <c r="B121" s="22">
        <v>18</v>
      </c>
      <c r="C121" s="14">
        <v>64</v>
      </c>
      <c r="D121" s="18">
        <v>82</v>
      </c>
    </row>
    <row r="122" spans="1:4" ht="18" customHeight="1" x14ac:dyDescent="0.15">
      <c r="A122" s="5">
        <v>96</v>
      </c>
      <c r="B122" s="22">
        <v>11</v>
      </c>
      <c r="C122" s="14">
        <v>29</v>
      </c>
      <c r="D122" s="18">
        <v>40</v>
      </c>
    </row>
    <row r="123" spans="1:4" ht="18" customHeight="1" x14ac:dyDescent="0.15">
      <c r="A123" s="5">
        <v>97</v>
      </c>
      <c r="B123" s="22">
        <v>10</v>
      </c>
      <c r="C123" s="14">
        <v>31</v>
      </c>
      <c r="D123" s="18">
        <v>41</v>
      </c>
    </row>
    <row r="124" spans="1:4" ht="18" customHeight="1" x14ac:dyDescent="0.15">
      <c r="A124" s="5">
        <v>98</v>
      </c>
      <c r="B124" s="22">
        <v>4</v>
      </c>
      <c r="C124" s="14">
        <v>15</v>
      </c>
      <c r="D124" s="18">
        <v>19</v>
      </c>
    </row>
    <row r="125" spans="1:4" ht="18" customHeight="1" x14ac:dyDescent="0.15">
      <c r="A125" s="5">
        <v>99</v>
      </c>
      <c r="B125" s="22">
        <v>6</v>
      </c>
      <c r="C125" s="14">
        <v>17</v>
      </c>
      <c r="D125" s="18">
        <v>23</v>
      </c>
    </row>
    <row r="126" spans="1:4" ht="18" customHeight="1" x14ac:dyDescent="0.15">
      <c r="A126" s="5" t="s">
        <v>40</v>
      </c>
      <c r="B126" s="22">
        <v>49</v>
      </c>
      <c r="C126" s="14">
        <v>156</v>
      </c>
      <c r="D126" s="18">
        <v>205</v>
      </c>
    </row>
    <row r="127" spans="1:4" ht="18" customHeight="1" x14ac:dyDescent="0.15">
      <c r="A127" s="5">
        <v>100</v>
      </c>
      <c r="B127" s="22">
        <v>4</v>
      </c>
      <c r="C127" s="14">
        <v>8</v>
      </c>
      <c r="D127" s="18">
        <v>12</v>
      </c>
    </row>
    <row r="128" spans="1:4" ht="18" customHeight="1" x14ac:dyDescent="0.15">
      <c r="A128" s="6" t="s">
        <v>43</v>
      </c>
      <c r="B128" s="22">
        <v>1</v>
      </c>
      <c r="C128" s="14">
        <v>21</v>
      </c>
      <c r="D128" s="18">
        <v>22</v>
      </c>
    </row>
    <row r="129" spans="1:4" ht="18" customHeight="1" x14ac:dyDescent="0.15">
      <c r="A129" s="5" t="s">
        <v>44</v>
      </c>
      <c r="B129" s="22">
        <v>5</v>
      </c>
      <c r="C129" s="14">
        <v>29</v>
      </c>
      <c r="D129" s="18">
        <v>34</v>
      </c>
    </row>
    <row r="130" spans="1:4" ht="18" customHeight="1" x14ac:dyDescent="0.15">
      <c r="A130" s="5" t="s">
        <v>46</v>
      </c>
      <c r="B130" s="22">
        <v>4661</v>
      </c>
      <c r="C130" s="14">
        <v>5971</v>
      </c>
      <c r="D130" s="18">
        <v>10632</v>
      </c>
    </row>
    <row r="131" spans="1:4" ht="18" customHeight="1" x14ac:dyDescent="0.15">
      <c r="A131" s="7" t="s">
        <v>45</v>
      </c>
      <c r="B131" s="23">
        <v>19895</v>
      </c>
      <c r="C131" s="15">
        <v>20473</v>
      </c>
      <c r="D131" s="19">
        <v>403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93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3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 t="s">
        <v>219</v>
      </c>
      <c r="C5" s="29" t="s">
        <v>219</v>
      </c>
      <c r="D5" s="31" t="s">
        <v>219</v>
      </c>
    </row>
    <row r="6" spans="1:4" ht="18" customHeight="1" x14ac:dyDescent="0.15">
      <c r="A6" s="5">
        <v>1</v>
      </c>
      <c r="B6" s="27" t="s">
        <v>219</v>
      </c>
      <c r="C6" s="14" t="s">
        <v>219</v>
      </c>
      <c r="D6" s="18" t="s">
        <v>219</v>
      </c>
    </row>
    <row r="7" spans="1:4" ht="18" customHeight="1" x14ac:dyDescent="0.15">
      <c r="A7" s="5">
        <v>2</v>
      </c>
      <c r="B7" s="27" t="s">
        <v>219</v>
      </c>
      <c r="C7" s="14" t="s">
        <v>219</v>
      </c>
      <c r="D7" s="18" t="s">
        <v>219</v>
      </c>
    </row>
    <row r="8" spans="1:4" ht="18" customHeight="1" x14ac:dyDescent="0.15">
      <c r="A8" s="5">
        <v>3</v>
      </c>
      <c r="B8" s="27" t="s">
        <v>219</v>
      </c>
      <c r="C8" s="14" t="s">
        <v>219</v>
      </c>
      <c r="D8" s="18" t="s">
        <v>219</v>
      </c>
    </row>
    <row r="9" spans="1:4" ht="18" customHeight="1" x14ac:dyDescent="0.15">
      <c r="A9" s="5">
        <v>4</v>
      </c>
      <c r="B9" s="28" t="s">
        <v>219</v>
      </c>
      <c r="C9" s="30" t="s">
        <v>219</v>
      </c>
      <c r="D9" s="32" t="s">
        <v>219</v>
      </c>
    </row>
    <row r="10" spans="1:4" ht="18" customHeight="1" x14ac:dyDescent="0.15">
      <c r="A10" s="5" t="s">
        <v>7</v>
      </c>
      <c r="B10" s="22" t="s">
        <v>219</v>
      </c>
      <c r="C10" s="14" t="s">
        <v>219</v>
      </c>
      <c r="D10" s="18" t="s">
        <v>219</v>
      </c>
    </row>
    <row r="11" spans="1:4" ht="18" customHeight="1" x14ac:dyDescent="0.15">
      <c r="A11" s="5">
        <v>5</v>
      </c>
      <c r="B11" s="27" t="s">
        <v>219</v>
      </c>
      <c r="C11" s="14" t="s">
        <v>219</v>
      </c>
      <c r="D11" s="18" t="s">
        <v>219</v>
      </c>
    </row>
    <row r="12" spans="1:4" ht="18" customHeight="1" x14ac:dyDescent="0.15">
      <c r="A12" s="5">
        <v>6</v>
      </c>
      <c r="B12" s="27" t="s">
        <v>219</v>
      </c>
      <c r="C12" s="14" t="s">
        <v>219</v>
      </c>
      <c r="D12" s="18" t="s">
        <v>219</v>
      </c>
    </row>
    <row r="13" spans="1:4" ht="18" customHeight="1" x14ac:dyDescent="0.15">
      <c r="A13" s="5">
        <v>7</v>
      </c>
      <c r="B13" s="27" t="s">
        <v>219</v>
      </c>
      <c r="C13" s="14" t="s">
        <v>219</v>
      </c>
      <c r="D13" s="18" t="s">
        <v>219</v>
      </c>
    </row>
    <row r="14" spans="1:4" ht="18" customHeight="1" x14ac:dyDescent="0.15">
      <c r="A14" s="5">
        <v>8</v>
      </c>
      <c r="B14" s="27" t="s">
        <v>219</v>
      </c>
      <c r="C14" s="14" t="s">
        <v>219</v>
      </c>
      <c r="D14" s="18" t="s">
        <v>219</v>
      </c>
    </row>
    <row r="15" spans="1:4" ht="18" customHeight="1" x14ac:dyDescent="0.15">
      <c r="A15" s="5">
        <v>9</v>
      </c>
      <c r="B15" s="27" t="s">
        <v>219</v>
      </c>
      <c r="C15" s="14" t="s">
        <v>219</v>
      </c>
      <c r="D15" s="18" t="s">
        <v>219</v>
      </c>
    </row>
    <row r="16" spans="1:4" ht="18" customHeight="1" x14ac:dyDescent="0.15">
      <c r="A16" s="5" t="s">
        <v>11</v>
      </c>
      <c r="B16" s="22" t="s">
        <v>219</v>
      </c>
      <c r="C16" s="14" t="s">
        <v>219</v>
      </c>
      <c r="D16" s="18" t="s">
        <v>219</v>
      </c>
    </row>
    <row r="17" spans="1:4" ht="18" customHeight="1" x14ac:dyDescent="0.15">
      <c r="A17" s="5">
        <v>10</v>
      </c>
      <c r="B17" s="22" t="s">
        <v>219</v>
      </c>
      <c r="C17" s="14" t="s">
        <v>219</v>
      </c>
      <c r="D17" s="18" t="s">
        <v>219</v>
      </c>
    </row>
    <row r="18" spans="1:4" ht="18" customHeight="1" x14ac:dyDescent="0.15">
      <c r="A18" s="5">
        <v>11</v>
      </c>
      <c r="B18" s="22" t="s">
        <v>219</v>
      </c>
      <c r="C18" s="14" t="s">
        <v>219</v>
      </c>
      <c r="D18" s="18" t="s">
        <v>219</v>
      </c>
    </row>
    <row r="19" spans="1:4" ht="18" customHeight="1" x14ac:dyDescent="0.15">
      <c r="A19" s="5">
        <v>12</v>
      </c>
      <c r="B19" s="22" t="s">
        <v>219</v>
      </c>
      <c r="C19" s="14" t="s">
        <v>219</v>
      </c>
      <c r="D19" s="18" t="s">
        <v>219</v>
      </c>
    </row>
    <row r="20" spans="1:4" ht="18" customHeight="1" x14ac:dyDescent="0.15">
      <c r="A20" s="5">
        <v>13</v>
      </c>
      <c r="B20" s="22" t="s">
        <v>219</v>
      </c>
      <c r="C20" s="14" t="s">
        <v>219</v>
      </c>
      <c r="D20" s="18" t="s">
        <v>219</v>
      </c>
    </row>
    <row r="21" spans="1:4" ht="18" customHeight="1" x14ac:dyDescent="0.15">
      <c r="A21" s="5">
        <v>14</v>
      </c>
      <c r="B21" s="22" t="s">
        <v>219</v>
      </c>
      <c r="C21" s="14" t="s">
        <v>219</v>
      </c>
      <c r="D21" s="18" t="s">
        <v>219</v>
      </c>
    </row>
    <row r="22" spans="1:4" ht="18" customHeight="1" x14ac:dyDescent="0.15">
      <c r="A22" s="5" t="s">
        <v>12</v>
      </c>
      <c r="B22" s="22" t="s">
        <v>219</v>
      </c>
      <c r="C22" s="14" t="s">
        <v>219</v>
      </c>
      <c r="D22" s="18" t="s">
        <v>219</v>
      </c>
    </row>
    <row r="23" spans="1:4" ht="18" customHeight="1" x14ac:dyDescent="0.15">
      <c r="A23" s="5" t="s">
        <v>6</v>
      </c>
      <c r="B23" s="22">
        <v>0</v>
      </c>
      <c r="C23" s="14">
        <v>0</v>
      </c>
      <c r="D23" s="18">
        <v>0</v>
      </c>
    </row>
    <row r="24" spans="1:4" ht="18" customHeight="1" x14ac:dyDescent="0.15">
      <c r="A24" s="5">
        <v>15</v>
      </c>
      <c r="B24" s="22" t="s">
        <v>219</v>
      </c>
      <c r="C24" s="14" t="s">
        <v>219</v>
      </c>
      <c r="D24" s="18" t="s">
        <v>219</v>
      </c>
    </row>
    <row r="25" spans="1:4" ht="18" customHeight="1" x14ac:dyDescent="0.15">
      <c r="A25" s="5">
        <v>16</v>
      </c>
      <c r="B25" s="22" t="s">
        <v>219</v>
      </c>
      <c r="C25" s="14" t="s">
        <v>219</v>
      </c>
      <c r="D25" s="18" t="s">
        <v>219</v>
      </c>
    </row>
    <row r="26" spans="1:4" ht="18" customHeight="1" x14ac:dyDescent="0.15">
      <c r="A26" s="5">
        <v>17</v>
      </c>
      <c r="B26" s="22" t="s">
        <v>219</v>
      </c>
      <c r="C26" s="14" t="s">
        <v>219</v>
      </c>
      <c r="D26" s="18" t="s">
        <v>219</v>
      </c>
    </row>
    <row r="27" spans="1:4" ht="18" customHeight="1" x14ac:dyDescent="0.15">
      <c r="A27" s="5">
        <v>18</v>
      </c>
      <c r="B27" s="22" t="s">
        <v>219</v>
      </c>
      <c r="C27" s="14" t="s">
        <v>219</v>
      </c>
      <c r="D27" s="18" t="s">
        <v>219</v>
      </c>
    </row>
    <row r="28" spans="1:4" ht="18" customHeight="1" x14ac:dyDescent="0.15">
      <c r="A28" s="5">
        <v>19</v>
      </c>
      <c r="B28" s="22" t="s">
        <v>219</v>
      </c>
      <c r="C28" s="14" t="s">
        <v>219</v>
      </c>
      <c r="D28" s="18" t="s">
        <v>219</v>
      </c>
    </row>
    <row r="29" spans="1:4" ht="18" customHeight="1" x14ac:dyDescent="0.15">
      <c r="A29" s="5" t="s">
        <v>14</v>
      </c>
      <c r="B29" s="22" t="s">
        <v>219</v>
      </c>
      <c r="C29" s="14" t="s">
        <v>219</v>
      </c>
      <c r="D29" s="18" t="s">
        <v>219</v>
      </c>
    </row>
    <row r="30" spans="1:4" ht="18" customHeight="1" x14ac:dyDescent="0.15">
      <c r="A30" s="5">
        <v>20</v>
      </c>
      <c r="B30" s="22" t="s">
        <v>219</v>
      </c>
      <c r="C30" s="14" t="s">
        <v>219</v>
      </c>
      <c r="D30" s="18" t="s">
        <v>219</v>
      </c>
    </row>
    <row r="31" spans="1:4" ht="18" customHeight="1" x14ac:dyDescent="0.15">
      <c r="A31" s="5">
        <v>21</v>
      </c>
      <c r="B31" s="22" t="s">
        <v>219</v>
      </c>
      <c r="C31" s="14" t="s">
        <v>219</v>
      </c>
      <c r="D31" s="18" t="s">
        <v>219</v>
      </c>
    </row>
    <row r="32" spans="1:4" ht="18" customHeight="1" x14ac:dyDescent="0.15">
      <c r="A32" s="5">
        <v>22</v>
      </c>
      <c r="B32" s="22" t="s">
        <v>219</v>
      </c>
      <c r="C32" s="14" t="s">
        <v>219</v>
      </c>
      <c r="D32" s="18" t="s">
        <v>219</v>
      </c>
    </row>
    <row r="33" spans="1:4" ht="18" customHeight="1" x14ac:dyDescent="0.15">
      <c r="A33" s="5">
        <v>23</v>
      </c>
      <c r="B33" s="22" t="s">
        <v>219</v>
      </c>
      <c r="C33" s="14" t="s">
        <v>219</v>
      </c>
      <c r="D33" s="18" t="s">
        <v>219</v>
      </c>
    </row>
    <row r="34" spans="1:4" ht="18" customHeight="1" x14ac:dyDescent="0.15">
      <c r="A34" s="5">
        <v>24</v>
      </c>
      <c r="B34" s="22" t="s">
        <v>219</v>
      </c>
      <c r="C34" s="14" t="s">
        <v>219</v>
      </c>
      <c r="D34" s="18" t="s">
        <v>219</v>
      </c>
    </row>
    <row r="35" spans="1:4" ht="18" customHeight="1" x14ac:dyDescent="0.15">
      <c r="A35" s="5" t="s">
        <v>9</v>
      </c>
      <c r="B35" s="22" t="s">
        <v>219</v>
      </c>
      <c r="C35" s="14" t="s">
        <v>219</v>
      </c>
      <c r="D35" s="18" t="s">
        <v>219</v>
      </c>
    </row>
    <row r="36" spans="1:4" ht="18" customHeight="1" x14ac:dyDescent="0.15">
      <c r="A36" s="5">
        <v>25</v>
      </c>
      <c r="B36" s="22" t="s">
        <v>219</v>
      </c>
      <c r="C36" s="14" t="s">
        <v>219</v>
      </c>
      <c r="D36" s="18" t="s">
        <v>219</v>
      </c>
    </row>
    <row r="37" spans="1:4" ht="18" customHeight="1" x14ac:dyDescent="0.15">
      <c r="A37" s="5">
        <v>26</v>
      </c>
      <c r="B37" s="22" t="s">
        <v>219</v>
      </c>
      <c r="C37" s="14" t="s">
        <v>219</v>
      </c>
      <c r="D37" s="18" t="s">
        <v>219</v>
      </c>
    </row>
    <row r="38" spans="1:4" ht="18" customHeight="1" x14ac:dyDescent="0.15">
      <c r="A38" s="5">
        <v>27</v>
      </c>
      <c r="B38" s="22" t="s">
        <v>219</v>
      </c>
      <c r="C38" s="14" t="s">
        <v>219</v>
      </c>
      <c r="D38" s="18" t="s">
        <v>219</v>
      </c>
    </row>
    <row r="39" spans="1:4" ht="18" customHeight="1" x14ac:dyDescent="0.15">
      <c r="A39" s="5">
        <v>28</v>
      </c>
      <c r="B39" s="22" t="s">
        <v>219</v>
      </c>
      <c r="C39" s="14" t="s">
        <v>219</v>
      </c>
      <c r="D39" s="18" t="s">
        <v>219</v>
      </c>
    </row>
    <row r="40" spans="1:4" ht="18" customHeight="1" x14ac:dyDescent="0.15">
      <c r="A40" s="5">
        <v>29</v>
      </c>
      <c r="B40" s="22" t="s">
        <v>219</v>
      </c>
      <c r="C40" s="14" t="s">
        <v>219</v>
      </c>
      <c r="D40" s="18" t="s">
        <v>219</v>
      </c>
    </row>
    <row r="41" spans="1:4" ht="18" customHeight="1" x14ac:dyDescent="0.15">
      <c r="A41" s="5" t="s">
        <v>2</v>
      </c>
      <c r="B41" s="22" t="s">
        <v>219</v>
      </c>
      <c r="C41" s="14" t="s">
        <v>219</v>
      </c>
      <c r="D41" s="18" t="s">
        <v>219</v>
      </c>
    </row>
    <row r="42" spans="1:4" ht="18" customHeight="1" x14ac:dyDescent="0.15">
      <c r="A42" s="5">
        <v>30</v>
      </c>
      <c r="B42" s="22" t="s">
        <v>219</v>
      </c>
      <c r="C42" s="14" t="s">
        <v>219</v>
      </c>
      <c r="D42" s="18" t="s">
        <v>219</v>
      </c>
    </row>
    <row r="43" spans="1:4" ht="18" customHeight="1" x14ac:dyDescent="0.15">
      <c r="A43" s="5">
        <v>31</v>
      </c>
      <c r="B43" s="22" t="s">
        <v>219</v>
      </c>
      <c r="C43" s="14" t="s">
        <v>219</v>
      </c>
      <c r="D43" s="18" t="s">
        <v>219</v>
      </c>
    </row>
    <row r="44" spans="1:4" ht="18" customHeight="1" x14ac:dyDescent="0.15">
      <c r="A44" s="5">
        <v>32</v>
      </c>
      <c r="B44" s="22" t="s">
        <v>219</v>
      </c>
      <c r="C44" s="14" t="s">
        <v>219</v>
      </c>
      <c r="D44" s="18" t="s">
        <v>219</v>
      </c>
    </row>
    <row r="45" spans="1:4" ht="18" customHeight="1" x14ac:dyDescent="0.15">
      <c r="A45" s="5">
        <v>33</v>
      </c>
      <c r="B45" s="22" t="s">
        <v>219</v>
      </c>
      <c r="C45" s="14" t="s">
        <v>219</v>
      </c>
      <c r="D45" s="18" t="s">
        <v>219</v>
      </c>
    </row>
    <row r="46" spans="1:4" ht="18" customHeight="1" x14ac:dyDescent="0.15">
      <c r="A46" s="5">
        <v>34</v>
      </c>
      <c r="B46" s="22" t="s">
        <v>219</v>
      </c>
      <c r="C46" s="14" t="s">
        <v>219</v>
      </c>
      <c r="D46" s="18" t="s">
        <v>219</v>
      </c>
    </row>
    <row r="47" spans="1:4" ht="18" customHeight="1" x14ac:dyDescent="0.15">
      <c r="A47" s="5" t="s">
        <v>15</v>
      </c>
      <c r="B47" s="22" t="s">
        <v>219</v>
      </c>
      <c r="C47" s="14" t="s">
        <v>219</v>
      </c>
      <c r="D47" s="18" t="s">
        <v>219</v>
      </c>
    </row>
    <row r="48" spans="1:4" ht="18" customHeight="1" x14ac:dyDescent="0.15">
      <c r="A48" s="5">
        <v>35</v>
      </c>
      <c r="B48" s="22" t="s">
        <v>219</v>
      </c>
      <c r="C48" s="14" t="s">
        <v>219</v>
      </c>
      <c r="D48" s="18" t="s">
        <v>219</v>
      </c>
    </row>
    <row r="49" spans="1:4" ht="18" customHeight="1" x14ac:dyDescent="0.15">
      <c r="A49" s="5">
        <v>36</v>
      </c>
      <c r="B49" s="22" t="s">
        <v>219</v>
      </c>
      <c r="C49" s="14" t="s">
        <v>219</v>
      </c>
      <c r="D49" s="18" t="s">
        <v>219</v>
      </c>
    </row>
    <row r="50" spans="1:4" ht="18" customHeight="1" x14ac:dyDescent="0.15">
      <c r="A50" s="5">
        <v>37</v>
      </c>
      <c r="B50" s="22" t="s">
        <v>219</v>
      </c>
      <c r="C50" s="14" t="s">
        <v>219</v>
      </c>
      <c r="D50" s="18" t="s">
        <v>219</v>
      </c>
    </row>
    <row r="51" spans="1:4" ht="18" customHeight="1" x14ac:dyDescent="0.15">
      <c r="A51" s="5">
        <v>38</v>
      </c>
      <c r="B51" s="22" t="s">
        <v>219</v>
      </c>
      <c r="C51" s="14" t="s">
        <v>219</v>
      </c>
      <c r="D51" s="18" t="s">
        <v>219</v>
      </c>
    </row>
    <row r="52" spans="1:4" ht="18" customHeight="1" x14ac:dyDescent="0.15">
      <c r="A52" s="5">
        <v>39</v>
      </c>
      <c r="B52" s="22" t="s">
        <v>219</v>
      </c>
      <c r="C52" s="14" t="s">
        <v>219</v>
      </c>
      <c r="D52" s="18" t="s">
        <v>219</v>
      </c>
    </row>
    <row r="53" spans="1:4" ht="18" customHeight="1" x14ac:dyDescent="0.15">
      <c r="A53" s="5" t="s">
        <v>18</v>
      </c>
      <c r="B53" s="22" t="s">
        <v>219</v>
      </c>
      <c r="C53" s="14" t="s">
        <v>219</v>
      </c>
      <c r="D53" s="18" t="s">
        <v>219</v>
      </c>
    </row>
    <row r="54" spans="1:4" ht="18" customHeight="1" x14ac:dyDescent="0.15">
      <c r="A54" s="5">
        <v>40</v>
      </c>
      <c r="B54" s="22" t="s">
        <v>219</v>
      </c>
      <c r="C54" s="14" t="s">
        <v>219</v>
      </c>
      <c r="D54" s="18" t="s">
        <v>219</v>
      </c>
    </row>
    <row r="55" spans="1:4" ht="18" customHeight="1" x14ac:dyDescent="0.15">
      <c r="A55" s="5">
        <v>41</v>
      </c>
      <c r="B55" s="22" t="s">
        <v>219</v>
      </c>
      <c r="C55" s="14" t="s">
        <v>219</v>
      </c>
      <c r="D55" s="18" t="s">
        <v>219</v>
      </c>
    </row>
    <row r="56" spans="1:4" ht="18" customHeight="1" x14ac:dyDescent="0.15">
      <c r="A56" s="5">
        <v>42</v>
      </c>
      <c r="B56" s="22" t="s">
        <v>219</v>
      </c>
      <c r="C56" s="14" t="s">
        <v>219</v>
      </c>
      <c r="D56" s="18" t="s">
        <v>219</v>
      </c>
    </row>
    <row r="57" spans="1:4" ht="18" customHeight="1" x14ac:dyDescent="0.15">
      <c r="A57" s="5">
        <v>43</v>
      </c>
      <c r="B57" s="22" t="s">
        <v>219</v>
      </c>
      <c r="C57" s="14" t="s">
        <v>219</v>
      </c>
      <c r="D57" s="18" t="s">
        <v>219</v>
      </c>
    </row>
    <row r="58" spans="1:4" ht="18" customHeight="1" x14ac:dyDescent="0.15">
      <c r="A58" s="5">
        <v>44</v>
      </c>
      <c r="B58" s="22" t="s">
        <v>219</v>
      </c>
      <c r="C58" s="14" t="s">
        <v>219</v>
      </c>
      <c r="D58" s="18" t="s">
        <v>219</v>
      </c>
    </row>
    <row r="59" spans="1:4" ht="18" customHeight="1" x14ac:dyDescent="0.15">
      <c r="A59" s="5" t="s">
        <v>21</v>
      </c>
      <c r="B59" s="22" t="s">
        <v>219</v>
      </c>
      <c r="C59" s="14" t="s">
        <v>219</v>
      </c>
      <c r="D59" s="18" t="s">
        <v>219</v>
      </c>
    </row>
    <row r="60" spans="1:4" ht="18" customHeight="1" x14ac:dyDescent="0.15">
      <c r="A60" s="5">
        <v>45</v>
      </c>
      <c r="B60" s="22" t="s">
        <v>219</v>
      </c>
      <c r="C60" s="14" t="s">
        <v>219</v>
      </c>
      <c r="D60" s="18" t="s">
        <v>219</v>
      </c>
    </row>
    <row r="61" spans="1:4" ht="18" customHeight="1" x14ac:dyDescent="0.15">
      <c r="A61" s="5">
        <v>46</v>
      </c>
      <c r="B61" s="22" t="s">
        <v>219</v>
      </c>
      <c r="C61" s="14" t="s">
        <v>219</v>
      </c>
      <c r="D61" s="18" t="s">
        <v>219</v>
      </c>
    </row>
    <row r="62" spans="1:4" ht="18" customHeight="1" x14ac:dyDescent="0.15">
      <c r="A62" s="5">
        <v>47</v>
      </c>
      <c r="B62" s="22" t="s">
        <v>219</v>
      </c>
      <c r="C62" s="14" t="s">
        <v>219</v>
      </c>
      <c r="D62" s="18" t="s">
        <v>219</v>
      </c>
    </row>
    <row r="63" spans="1:4" ht="18" customHeight="1" x14ac:dyDescent="0.15">
      <c r="A63" s="5">
        <v>48</v>
      </c>
      <c r="B63" s="22" t="s">
        <v>219</v>
      </c>
      <c r="C63" s="14" t="s">
        <v>219</v>
      </c>
      <c r="D63" s="18" t="s">
        <v>219</v>
      </c>
    </row>
    <row r="64" spans="1:4" ht="18" customHeight="1" x14ac:dyDescent="0.15">
      <c r="A64" s="5">
        <v>49</v>
      </c>
      <c r="B64" s="22" t="s">
        <v>219</v>
      </c>
      <c r="C64" s="14" t="s">
        <v>219</v>
      </c>
      <c r="D64" s="18" t="s">
        <v>219</v>
      </c>
    </row>
    <row r="65" spans="1:4" ht="18" customHeight="1" x14ac:dyDescent="0.15">
      <c r="A65" s="5" t="s">
        <v>17</v>
      </c>
      <c r="B65" s="22" t="s">
        <v>219</v>
      </c>
      <c r="C65" s="14" t="s">
        <v>219</v>
      </c>
      <c r="D65" s="18" t="s">
        <v>219</v>
      </c>
    </row>
    <row r="66" spans="1:4" ht="18" customHeight="1" x14ac:dyDescent="0.15">
      <c r="A66" s="5">
        <v>50</v>
      </c>
      <c r="B66" s="22" t="s">
        <v>219</v>
      </c>
      <c r="C66" s="14" t="s">
        <v>219</v>
      </c>
      <c r="D66" s="18" t="s">
        <v>219</v>
      </c>
    </row>
    <row r="67" spans="1:4" ht="18" customHeight="1" x14ac:dyDescent="0.15">
      <c r="A67" s="5">
        <v>51</v>
      </c>
      <c r="B67" s="22" t="s">
        <v>219</v>
      </c>
      <c r="C67" s="14" t="s">
        <v>219</v>
      </c>
      <c r="D67" s="18" t="s">
        <v>219</v>
      </c>
    </row>
    <row r="68" spans="1:4" ht="18" customHeight="1" x14ac:dyDescent="0.15">
      <c r="A68" s="5">
        <v>52</v>
      </c>
      <c r="B68" s="22" t="s">
        <v>219</v>
      </c>
      <c r="C68" s="14" t="s">
        <v>219</v>
      </c>
      <c r="D68" s="18" t="s">
        <v>219</v>
      </c>
    </row>
    <row r="69" spans="1:4" ht="18" customHeight="1" x14ac:dyDescent="0.15">
      <c r="A69" s="5">
        <v>53</v>
      </c>
      <c r="B69" s="22" t="s">
        <v>219</v>
      </c>
      <c r="C69" s="14" t="s">
        <v>219</v>
      </c>
      <c r="D69" s="18" t="s">
        <v>219</v>
      </c>
    </row>
    <row r="70" spans="1:4" ht="18" customHeight="1" x14ac:dyDescent="0.15">
      <c r="A70" s="5">
        <v>54</v>
      </c>
      <c r="B70" s="22" t="s">
        <v>219</v>
      </c>
      <c r="C70" s="14" t="s">
        <v>219</v>
      </c>
      <c r="D70" s="18" t="s">
        <v>219</v>
      </c>
    </row>
    <row r="71" spans="1:4" ht="18" customHeight="1" x14ac:dyDescent="0.15">
      <c r="A71" s="5" t="s">
        <v>22</v>
      </c>
      <c r="B71" s="22" t="s">
        <v>219</v>
      </c>
      <c r="C71" s="14" t="s">
        <v>219</v>
      </c>
      <c r="D71" s="18" t="s">
        <v>219</v>
      </c>
    </row>
    <row r="72" spans="1:4" ht="18" customHeight="1" x14ac:dyDescent="0.15">
      <c r="A72" s="5">
        <v>55</v>
      </c>
      <c r="B72" s="22" t="s">
        <v>219</v>
      </c>
      <c r="C72" s="14" t="s">
        <v>219</v>
      </c>
      <c r="D72" s="18" t="s">
        <v>219</v>
      </c>
    </row>
    <row r="73" spans="1:4" ht="18" customHeight="1" x14ac:dyDescent="0.15">
      <c r="A73" s="5">
        <v>56</v>
      </c>
      <c r="B73" s="22" t="s">
        <v>219</v>
      </c>
      <c r="C73" s="14" t="s">
        <v>219</v>
      </c>
      <c r="D73" s="18" t="s">
        <v>219</v>
      </c>
    </row>
    <row r="74" spans="1:4" ht="18" customHeight="1" x14ac:dyDescent="0.15">
      <c r="A74" s="5">
        <v>57</v>
      </c>
      <c r="B74" s="22" t="s">
        <v>219</v>
      </c>
      <c r="C74" s="14" t="s">
        <v>219</v>
      </c>
      <c r="D74" s="18" t="s">
        <v>219</v>
      </c>
    </row>
    <row r="75" spans="1:4" ht="18" customHeight="1" x14ac:dyDescent="0.15">
      <c r="A75" s="5">
        <v>58</v>
      </c>
      <c r="B75" s="22" t="s">
        <v>219</v>
      </c>
      <c r="C75" s="14" t="s">
        <v>219</v>
      </c>
      <c r="D75" s="18" t="s">
        <v>219</v>
      </c>
    </row>
    <row r="76" spans="1:4" ht="18" customHeight="1" x14ac:dyDescent="0.15">
      <c r="A76" s="5">
        <v>59</v>
      </c>
      <c r="B76" s="22" t="s">
        <v>219</v>
      </c>
      <c r="C76" s="14" t="s">
        <v>219</v>
      </c>
      <c r="D76" s="18" t="s">
        <v>219</v>
      </c>
    </row>
    <row r="77" spans="1:4" ht="18" customHeight="1" x14ac:dyDescent="0.15">
      <c r="A77" s="5" t="s">
        <v>27</v>
      </c>
      <c r="B77" s="22" t="s">
        <v>219</v>
      </c>
      <c r="C77" s="14" t="s">
        <v>219</v>
      </c>
      <c r="D77" s="18" t="s">
        <v>219</v>
      </c>
    </row>
    <row r="78" spans="1:4" ht="18" customHeight="1" x14ac:dyDescent="0.15">
      <c r="A78" s="5">
        <v>60</v>
      </c>
      <c r="B78" s="22" t="s">
        <v>219</v>
      </c>
      <c r="C78" s="14" t="s">
        <v>219</v>
      </c>
      <c r="D78" s="18" t="s">
        <v>219</v>
      </c>
    </row>
    <row r="79" spans="1:4" ht="18" customHeight="1" x14ac:dyDescent="0.15">
      <c r="A79" s="5">
        <v>61</v>
      </c>
      <c r="B79" s="22" t="s">
        <v>219</v>
      </c>
      <c r="C79" s="14" t="s">
        <v>219</v>
      </c>
      <c r="D79" s="18" t="s">
        <v>219</v>
      </c>
    </row>
    <row r="80" spans="1:4" ht="18" customHeight="1" x14ac:dyDescent="0.15">
      <c r="A80" s="5">
        <v>62</v>
      </c>
      <c r="B80" s="22" t="s">
        <v>219</v>
      </c>
      <c r="C80" s="14" t="s">
        <v>219</v>
      </c>
      <c r="D80" s="18" t="s">
        <v>219</v>
      </c>
    </row>
    <row r="81" spans="1:4" ht="18" customHeight="1" x14ac:dyDescent="0.15">
      <c r="A81" s="5">
        <v>63</v>
      </c>
      <c r="B81" s="22" t="s">
        <v>219</v>
      </c>
      <c r="C81" s="14" t="s">
        <v>219</v>
      </c>
      <c r="D81" s="18" t="s">
        <v>219</v>
      </c>
    </row>
    <row r="82" spans="1:4" ht="18" customHeight="1" x14ac:dyDescent="0.15">
      <c r="A82" s="5">
        <v>64</v>
      </c>
      <c r="B82" s="22" t="s">
        <v>219</v>
      </c>
      <c r="C82" s="14" t="s">
        <v>219</v>
      </c>
      <c r="D82" s="18" t="s">
        <v>219</v>
      </c>
    </row>
    <row r="83" spans="1:4" ht="18" customHeight="1" x14ac:dyDescent="0.15">
      <c r="A83" s="5" t="s">
        <v>28</v>
      </c>
      <c r="B83" s="22" t="s">
        <v>219</v>
      </c>
      <c r="C83" s="14" t="s">
        <v>219</v>
      </c>
      <c r="D83" s="18" t="s">
        <v>219</v>
      </c>
    </row>
    <row r="84" spans="1:4" ht="18" customHeight="1" x14ac:dyDescent="0.15">
      <c r="A84" s="5" t="s">
        <v>31</v>
      </c>
      <c r="B84" s="22">
        <v>2</v>
      </c>
      <c r="C84" s="14">
        <v>3</v>
      </c>
      <c r="D84" s="18">
        <v>5</v>
      </c>
    </row>
    <row r="85" spans="1:4" ht="18" customHeight="1" x14ac:dyDescent="0.15">
      <c r="A85" s="5">
        <v>65</v>
      </c>
      <c r="B85" s="22" t="s">
        <v>219</v>
      </c>
      <c r="C85" s="14" t="s">
        <v>219</v>
      </c>
      <c r="D85" s="18" t="s">
        <v>219</v>
      </c>
    </row>
    <row r="86" spans="1:4" ht="18" customHeight="1" x14ac:dyDescent="0.15">
      <c r="A86" s="5">
        <v>66</v>
      </c>
      <c r="B86" s="22" t="s">
        <v>219</v>
      </c>
      <c r="C86" s="14" t="s">
        <v>219</v>
      </c>
      <c r="D86" s="18" t="s">
        <v>219</v>
      </c>
    </row>
    <row r="87" spans="1:4" ht="18" customHeight="1" x14ac:dyDescent="0.15">
      <c r="A87" s="5">
        <v>67</v>
      </c>
      <c r="B87" s="22" t="s">
        <v>219</v>
      </c>
      <c r="C87" s="14" t="s">
        <v>219</v>
      </c>
      <c r="D87" s="18" t="s">
        <v>219</v>
      </c>
    </row>
    <row r="88" spans="1:4" ht="18" customHeight="1" x14ac:dyDescent="0.15">
      <c r="A88" s="5">
        <v>68</v>
      </c>
      <c r="B88" s="22" t="s">
        <v>219</v>
      </c>
      <c r="C88" s="14" t="s">
        <v>219</v>
      </c>
      <c r="D88" s="18" t="s">
        <v>219</v>
      </c>
    </row>
    <row r="89" spans="1:4" ht="18" customHeight="1" x14ac:dyDescent="0.15">
      <c r="A89" s="5">
        <v>69</v>
      </c>
      <c r="B89" s="22" t="s">
        <v>219</v>
      </c>
      <c r="C89" s="14" t="s">
        <v>219</v>
      </c>
      <c r="D89" s="18" t="s">
        <v>219</v>
      </c>
    </row>
    <row r="90" spans="1:4" ht="18" customHeight="1" x14ac:dyDescent="0.15">
      <c r="A90" s="5" t="s">
        <v>20</v>
      </c>
      <c r="B90" s="22" t="s">
        <v>219</v>
      </c>
      <c r="C90" s="14" t="s">
        <v>219</v>
      </c>
      <c r="D90" s="18" t="s">
        <v>219</v>
      </c>
    </row>
    <row r="91" spans="1:4" ht="18" customHeight="1" x14ac:dyDescent="0.15">
      <c r="A91" s="5">
        <v>70</v>
      </c>
      <c r="B91" s="22" t="s">
        <v>219</v>
      </c>
      <c r="C91" s="14" t="s">
        <v>219</v>
      </c>
      <c r="D91" s="18" t="s">
        <v>219</v>
      </c>
    </row>
    <row r="92" spans="1:4" ht="18" customHeight="1" x14ac:dyDescent="0.15">
      <c r="A92" s="5">
        <v>71</v>
      </c>
      <c r="B92" s="22" t="s">
        <v>219</v>
      </c>
      <c r="C92" s="14" t="s">
        <v>219</v>
      </c>
      <c r="D92" s="18" t="s">
        <v>219</v>
      </c>
    </row>
    <row r="93" spans="1:4" ht="18" customHeight="1" x14ac:dyDescent="0.15">
      <c r="A93" s="5">
        <v>72</v>
      </c>
      <c r="B93" s="22" t="s">
        <v>219</v>
      </c>
      <c r="C93" s="14" t="s">
        <v>219</v>
      </c>
      <c r="D93" s="18" t="s">
        <v>219</v>
      </c>
    </row>
    <row r="94" spans="1:4" ht="18" customHeight="1" x14ac:dyDescent="0.15">
      <c r="A94" s="5">
        <v>73</v>
      </c>
      <c r="B94" s="22" t="s">
        <v>219</v>
      </c>
      <c r="C94" s="14" t="s">
        <v>219</v>
      </c>
      <c r="D94" s="18" t="s">
        <v>219</v>
      </c>
    </row>
    <row r="95" spans="1:4" ht="18" customHeight="1" x14ac:dyDescent="0.15">
      <c r="A95" s="5">
        <v>74</v>
      </c>
      <c r="B95" s="22" t="s">
        <v>219</v>
      </c>
      <c r="C95" s="14" t="s">
        <v>219</v>
      </c>
      <c r="D95" s="18" t="s">
        <v>219</v>
      </c>
    </row>
    <row r="96" spans="1:4" ht="18" customHeight="1" x14ac:dyDescent="0.15">
      <c r="A96" s="5" t="s">
        <v>33</v>
      </c>
      <c r="B96" s="22" t="s">
        <v>219</v>
      </c>
      <c r="C96" s="14" t="s">
        <v>219</v>
      </c>
      <c r="D96" s="18" t="s">
        <v>219</v>
      </c>
    </row>
    <row r="97" spans="1:4" ht="18" customHeight="1" x14ac:dyDescent="0.15">
      <c r="A97" s="5">
        <v>75</v>
      </c>
      <c r="B97" s="22" t="s">
        <v>219</v>
      </c>
      <c r="C97" s="14" t="s">
        <v>219</v>
      </c>
      <c r="D97" s="18" t="s">
        <v>219</v>
      </c>
    </row>
    <row r="98" spans="1:4" ht="18" customHeight="1" x14ac:dyDescent="0.15">
      <c r="A98" s="5">
        <v>76</v>
      </c>
      <c r="B98" s="22" t="s">
        <v>219</v>
      </c>
      <c r="C98" s="14" t="s">
        <v>219</v>
      </c>
      <c r="D98" s="18" t="s">
        <v>219</v>
      </c>
    </row>
    <row r="99" spans="1:4" ht="18" customHeight="1" x14ac:dyDescent="0.15">
      <c r="A99" s="5">
        <v>77</v>
      </c>
      <c r="B99" s="22" t="s">
        <v>219</v>
      </c>
      <c r="C99" s="14" t="s">
        <v>219</v>
      </c>
      <c r="D99" s="18" t="s">
        <v>219</v>
      </c>
    </row>
    <row r="100" spans="1:4" ht="18" customHeight="1" x14ac:dyDescent="0.15">
      <c r="A100" s="5">
        <v>78</v>
      </c>
      <c r="B100" s="22" t="s">
        <v>219</v>
      </c>
      <c r="C100" s="14" t="s">
        <v>219</v>
      </c>
      <c r="D100" s="18" t="s">
        <v>219</v>
      </c>
    </row>
    <row r="101" spans="1:4" ht="18" customHeight="1" x14ac:dyDescent="0.15">
      <c r="A101" s="5">
        <v>79</v>
      </c>
      <c r="B101" s="22" t="s">
        <v>219</v>
      </c>
      <c r="C101" s="14" t="s">
        <v>219</v>
      </c>
      <c r="D101" s="18" t="s">
        <v>219</v>
      </c>
    </row>
    <row r="102" spans="1:4" ht="18" customHeight="1" x14ac:dyDescent="0.15">
      <c r="A102" s="5" t="s">
        <v>0</v>
      </c>
      <c r="B102" s="22" t="s">
        <v>219</v>
      </c>
      <c r="C102" s="14" t="s">
        <v>219</v>
      </c>
      <c r="D102" s="18" t="s">
        <v>219</v>
      </c>
    </row>
    <row r="103" spans="1:4" ht="18" customHeight="1" x14ac:dyDescent="0.15">
      <c r="A103" s="5">
        <v>80</v>
      </c>
      <c r="B103" s="22" t="s">
        <v>219</v>
      </c>
      <c r="C103" s="14" t="s">
        <v>219</v>
      </c>
      <c r="D103" s="18" t="s">
        <v>219</v>
      </c>
    </row>
    <row r="104" spans="1:4" ht="18" customHeight="1" x14ac:dyDescent="0.15">
      <c r="A104" s="5">
        <v>81</v>
      </c>
      <c r="B104" s="22" t="s">
        <v>219</v>
      </c>
      <c r="C104" s="14" t="s">
        <v>219</v>
      </c>
      <c r="D104" s="18" t="s">
        <v>219</v>
      </c>
    </row>
    <row r="105" spans="1:4" ht="18" customHeight="1" x14ac:dyDescent="0.15">
      <c r="A105" s="5">
        <v>82</v>
      </c>
      <c r="B105" s="22" t="s">
        <v>219</v>
      </c>
      <c r="C105" s="14" t="s">
        <v>219</v>
      </c>
      <c r="D105" s="18" t="s">
        <v>219</v>
      </c>
    </row>
    <row r="106" spans="1:4" ht="18" customHeight="1" x14ac:dyDescent="0.15">
      <c r="A106" s="5">
        <v>83</v>
      </c>
      <c r="B106" s="22" t="s">
        <v>219</v>
      </c>
      <c r="C106" s="14" t="s">
        <v>219</v>
      </c>
      <c r="D106" s="18" t="s">
        <v>219</v>
      </c>
    </row>
    <row r="107" spans="1:4" ht="18" customHeight="1" x14ac:dyDescent="0.15">
      <c r="A107" s="5">
        <v>84</v>
      </c>
      <c r="B107" s="22" t="s">
        <v>219</v>
      </c>
      <c r="C107" s="14" t="s">
        <v>219</v>
      </c>
      <c r="D107" s="18" t="s">
        <v>219</v>
      </c>
    </row>
    <row r="108" spans="1:4" ht="18" customHeight="1" x14ac:dyDescent="0.15">
      <c r="A108" s="5" t="s">
        <v>35</v>
      </c>
      <c r="B108" s="22" t="s">
        <v>219</v>
      </c>
      <c r="C108" s="14" t="s">
        <v>219</v>
      </c>
      <c r="D108" s="18" t="s">
        <v>219</v>
      </c>
    </row>
    <row r="109" spans="1:4" ht="18" customHeight="1" x14ac:dyDescent="0.15">
      <c r="A109" s="5">
        <v>85</v>
      </c>
      <c r="B109" s="22" t="s">
        <v>219</v>
      </c>
      <c r="C109" s="14" t="s">
        <v>219</v>
      </c>
      <c r="D109" s="18" t="s">
        <v>219</v>
      </c>
    </row>
    <row r="110" spans="1:4" ht="18" customHeight="1" x14ac:dyDescent="0.15">
      <c r="A110" s="5">
        <v>86</v>
      </c>
      <c r="B110" s="22" t="s">
        <v>219</v>
      </c>
      <c r="C110" s="14" t="s">
        <v>219</v>
      </c>
      <c r="D110" s="18" t="s">
        <v>219</v>
      </c>
    </row>
    <row r="111" spans="1:4" ht="18" customHeight="1" x14ac:dyDescent="0.15">
      <c r="A111" s="5">
        <v>87</v>
      </c>
      <c r="B111" s="22" t="s">
        <v>219</v>
      </c>
      <c r="C111" s="14" t="s">
        <v>219</v>
      </c>
      <c r="D111" s="18" t="s">
        <v>219</v>
      </c>
    </row>
    <row r="112" spans="1:4" ht="18" customHeight="1" x14ac:dyDescent="0.15">
      <c r="A112" s="5">
        <v>88</v>
      </c>
      <c r="B112" s="22" t="s">
        <v>219</v>
      </c>
      <c r="C112" s="14" t="s">
        <v>219</v>
      </c>
      <c r="D112" s="18" t="s">
        <v>219</v>
      </c>
    </row>
    <row r="113" spans="1:4" ht="18" customHeight="1" x14ac:dyDescent="0.15">
      <c r="A113" s="5">
        <v>89</v>
      </c>
      <c r="B113" s="22" t="s">
        <v>219</v>
      </c>
      <c r="C113" s="14" t="s">
        <v>219</v>
      </c>
      <c r="D113" s="18" t="s">
        <v>219</v>
      </c>
    </row>
    <row r="114" spans="1:4" ht="18" customHeight="1" x14ac:dyDescent="0.15">
      <c r="A114" s="5" t="s">
        <v>37</v>
      </c>
      <c r="B114" s="22" t="s">
        <v>219</v>
      </c>
      <c r="C114" s="14" t="s">
        <v>219</v>
      </c>
      <c r="D114" s="18" t="s">
        <v>219</v>
      </c>
    </row>
    <row r="115" spans="1:4" ht="18" customHeight="1" x14ac:dyDescent="0.15">
      <c r="A115" s="5">
        <v>90</v>
      </c>
      <c r="B115" s="22" t="s">
        <v>219</v>
      </c>
      <c r="C115" s="14" t="s">
        <v>219</v>
      </c>
      <c r="D115" s="18" t="s">
        <v>219</v>
      </c>
    </row>
    <row r="116" spans="1:4" ht="18" customHeight="1" x14ac:dyDescent="0.15">
      <c r="A116" s="5">
        <v>91</v>
      </c>
      <c r="B116" s="22" t="s">
        <v>219</v>
      </c>
      <c r="C116" s="14" t="s">
        <v>219</v>
      </c>
      <c r="D116" s="18" t="s">
        <v>219</v>
      </c>
    </row>
    <row r="117" spans="1:4" ht="18" customHeight="1" x14ac:dyDescent="0.15">
      <c r="A117" s="5">
        <v>92</v>
      </c>
      <c r="B117" s="22" t="s">
        <v>219</v>
      </c>
      <c r="C117" s="14" t="s">
        <v>219</v>
      </c>
      <c r="D117" s="18" t="s">
        <v>219</v>
      </c>
    </row>
    <row r="118" spans="1:4" ht="18" customHeight="1" x14ac:dyDescent="0.15">
      <c r="A118" s="5">
        <v>93</v>
      </c>
      <c r="B118" s="22" t="s">
        <v>219</v>
      </c>
      <c r="C118" s="14" t="s">
        <v>219</v>
      </c>
      <c r="D118" s="18" t="s">
        <v>219</v>
      </c>
    </row>
    <row r="119" spans="1:4" ht="18" customHeight="1" x14ac:dyDescent="0.15">
      <c r="A119" s="5">
        <v>94</v>
      </c>
      <c r="B119" s="22" t="s">
        <v>219</v>
      </c>
      <c r="C119" s="14" t="s">
        <v>219</v>
      </c>
      <c r="D119" s="18" t="s">
        <v>219</v>
      </c>
    </row>
    <row r="120" spans="1:4" ht="18" customHeight="1" x14ac:dyDescent="0.15">
      <c r="A120" s="5" t="s">
        <v>39</v>
      </c>
      <c r="B120" s="22" t="s">
        <v>219</v>
      </c>
      <c r="C120" s="14" t="s">
        <v>219</v>
      </c>
      <c r="D120" s="18" t="s">
        <v>219</v>
      </c>
    </row>
    <row r="121" spans="1:4" ht="18" customHeight="1" x14ac:dyDescent="0.15">
      <c r="A121" s="5">
        <v>95</v>
      </c>
      <c r="B121" s="22" t="s">
        <v>219</v>
      </c>
      <c r="C121" s="14" t="s">
        <v>219</v>
      </c>
      <c r="D121" s="18" t="s">
        <v>219</v>
      </c>
    </row>
    <row r="122" spans="1:4" ht="18" customHeight="1" x14ac:dyDescent="0.15">
      <c r="A122" s="5">
        <v>96</v>
      </c>
      <c r="B122" s="22" t="s">
        <v>219</v>
      </c>
      <c r="C122" s="14" t="s">
        <v>219</v>
      </c>
      <c r="D122" s="18" t="s">
        <v>219</v>
      </c>
    </row>
    <row r="123" spans="1:4" ht="18" customHeight="1" x14ac:dyDescent="0.15">
      <c r="A123" s="5">
        <v>97</v>
      </c>
      <c r="B123" s="22" t="s">
        <v>219</v>
      </c>
      <c r="C123" s="14" t="s">
        <v>219</v>
      </c>
      <c r="D123" s="18" t="s">
        <v>219</v>
      </c>
    </row>
    <row r="124" spans="1:4" ht="18" customHeight="1" x14ac:dyDescent="0.15">
      <c r="A124" s="5">
        <v>98</v>
      </c>
      <c r="B124" s="22" t="s">
        <v>219</v>
      </c>
      <c r="C124" s="14" t="s">
        <v>219</v>
      </c>
      <c r="D124" s="18" t="s">
        <v>219</v>
      </c>
    </row>
    <row r="125" spans="1:4" ht="18" customHeight="1" x14ac:dyDescent="0.15">
      <c r="A125" s="5">
        <v>99</v>
      </c>
      <c r="B125" s="22" t="s">
        <v>219</v>
      </c>
      <c r="C125" s="14" t="s">
        <v>219</v>
      </c>
      <c r="D125" s="18" t="s">
        <v>219</v>
      </c>
    </row>
    <row r="126" spans="1:4" ht="18" customHeight="1" x14ac:dyDescent="0.15">
      <c r="A126" s="5" t="s">
        <v>40</v>
      </c>
      <c r="B126" s="22" t="s">
        <v>219</v>
      </c>
      <c r="C126" s="14" t="s">
        <v>219</v>
      </c>
      <c r="D126" s="18" t="s">
        <v>219</v>
      </c>
    </row>
    <row r="127" spans="1:4" ht="18" customHeight="1" x14ac:dyDescent="0.15">
      <c r="A127" s="5">
        <v>100</v>
      </c>
      <c r="B127" s="22" t="s">
        <v>219</v>
      </c>
      <c r="C127" s="14" t="s">
        <v>219</v>
      </c>
      <c r="D127" s="18" t="s">
        <v>219</v>
      </c>
    </row>
    <row r="128" spans="1:4" ht="18" customHeight="1" x14ac:dyDescent="0.15">
      <c r="A128" s="6" t="s">
        <v>43</v>
      </c>
      <c r="B128" s="22" t="s">
        <v>219</v>
      </c>
      <c r="C128" s="14" t="s">
        <v>219</v>
      </c>
      <c r="D128" s="18" t="s">
        <v>219</v>
      </c>
    </row>
    <row r="129" spans="1:4" ht="18" customHeight="1" x14ac:dyDescent="0.15">
      <c r="A129" s="5" t="s">
        <v>44</v>
      </c>
      <c r="B129" s="22" t="s">
        <v>219</v>
      </c>
      <c r="C129" s="14" t="s">
        <v>219</v>
      </c>
      <c r="D129" s="18" t="s">
        <v>219</v>
      </c>
    </row>
    <row r="130" spans="1:4" ht="18" customHeight="1" x14ac:dyDescent="0.15">
      <c r="A130" s="5" t="s">
        <v>46</v>
      </c>
      <c r="B130" s="22">
        <v>1</v>
      </c>
      <c r="C130" s="14">
        <v>3</v>
      </c>
      <c r="D130" s="18">
        <v>4</v>
      </c>
    </row>
    <row r="131" spans="1:4" ht="18" customHeight="1" x14ac:dyDescent="0.15">
      <c r="A131" s="7" t="s">
        <v>45</v>
      </c>
      <c r="B131" s="23">
        <v>3</v>
      </c>
      <c r="C131" s="15">
        <v>6</v>
      </c>
      <c r="D131" s="19">
        <v>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94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4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7">
        <v>2</v>
      </c>
      <c r="C8" s="14">
        <v>0</v>
      </c>
      <c r="D8" s="18">
        <v>2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3</v>
      </c>
      <c r="C10" s="14">
        <v>2</v>
      </c>
      <c r="D10" s="18">
        <v>5</v>
      </c>
    </row>
    <row r="11" spans="1:4" ht="18" customHeight="1" x14ac:dyDescent="0.15">
      <c r="A11" s="5">
        <v>5</v>
      </c>
      <c r="B11" s="27">
        <v>1</v>
      </c>
      <c r="C11" s="14">
        <v>2</v>
      </c>
      <c r="D11" s="18">
        <v>3</v>
      </c>
    </row>
    <row r="12" spans="1:4" ht="18" customHeight="1" x14ac:dyDescent="0.15">
      <c r="A12" s="5">
        <v>6</v>
      </c>
      <c r="B12" s="27">
        <v>1</v>
      </c>
      <c r="C12" s="14">
        <v>2</v>
      </c>
      <c r="D12" s="18">
        <v>3</v>
      </c>
    </row>
    <row r="13" spans="1:4" ht="18" customHeight="1" x14ac:dyDescent="0.15">
      <c r="A13" s="5">
        <v>7</v>
      </c>
      <c r="B13" s="27">
        <v>1</v>
      </c>
      <c r="C13" s="14">
        <v>3</v>
      </c>
      <c r="D13" s="18">
        <v>4</v>
      </c>
    </row>
    <row r="14" spans="1:4" ht="18" customHeight="1" x14ac:dyDescent="0.15">
      <c r="A14" s="5">
        <v>8</v>
      </c>
      <c r="B14" s="27">
        <v>5</v>
      </c>
      <c r="C14" s="14">
        <v>0</v>
      </c>
      <c r="D14" s="18">
        <v>5</v>
      </c>
    </row>
    <row r="15" spans="1:4" ht="18" customHeight="1" x14ac:dyDescent="0.15">
      <c r="A15" s="5">
        <v>9</v>
      </c>
      <c r="B15" s="27">
        <v>2</v>
      </c>
      <c r="C15" s="14">
        <v>2</v>
      </c>
      <c r="D15" s="18">
        <v>4</v>
      </c>
    </row>
    <row r="16" spans="1:4" ht="18" customHeight="1" x14ac:dyDescent="0.15">
      <c r="A16" s="5" t="s">
        <v>11</v>
      </c>
      <c r="B16" s="22">
        <v>10</v>
      </c>
      <c r="C16" s="14">
        <v>9</v>
      </c>
      <c r="D16" s="18">
        <v>19</v>
      </c>
    </row>
    <row r="17" spans="1:4" ht="18" customHeight="1" x14ac:dyDescent="0.15">
      <c r="A17" s="5">
        <v>10</v>
      </c>
      <c r="B17" s="22">
        <v>4</v>
      </c>
      <c r="C17" s="14">
        <v>3</v>
      </c>
      <c r="D17" s="18">
        <v>7</v>
      </c>
    </row>
    <row r="18" spans="1:4" ht="18" customHeight="1" x14ac:dyDescent="0.15">
      <c r="A18" s="5">
        <v>11</v>
      </c>
      <c r="B18" s="22">
        <v>5</v>
      </c>
      <c r="C18" s="14">
        <v>3</v>
      </c>
      <c r="D18" s="18">
        <v>8</v>
      </c>
    </row>
    <row r="19" spans="1:4" ht="18" customHeight="1" x14ac:dyDescent="0.15">
      <c r="A19" s="5">
        <v>12</v>
      </c>
      <c r="B19" s="22">
        <v>2</v>
      </c>
      <c r="C19" s="14">
        <v>0</v>
      </c>
      <c r="D19" s="18">
        <v>2</v>
      </c>
    </row>
    <row r="20" spans="1:4" ht="18" customHeight="1" x14ac:dyDescent="0.15">
      <c r="A20" s="5">
        <v>13</v>
      </c>
      <c r="B20" s="22">
        <v>3</v>
      </c>
      <c r="C20" s="14">
        <v>3</v>
      </c>
      <c r="D20" s="18">
        <v>6</v>
      </c>
    </row>
    <row r="21" spans="1:4" ht="18" customHeight="1" x14ac:dyDescent="0.15">
      <c r="A21" s="5">
        <v>14</v>
      </c>
      <c r="B21" s="22">
        <v>5</v>
      </c>
      <c r="C21" s="14">
        <v>3</v>
      </c>
      <c r="D21" s="18">
        <v>8</v>
      </c>
    </row>
    <row r="22" spans="1:4" ht="18" customHeight="1" x14ac:dyDescent="0.15">
      <c r="A22" s="5" t="s">
        <v>12</v>
      </c>
      <c r="B22" s="22">
        <v>19</v>
      </c>
      <c r="C22" s="14">
        <v>12</v>
      </c>
      <c r="D22" s="18">
        <v>31</v>
      </c>
    </row>
    <row r="23" spans="1:4" ht="18" customHeight="1" x14ac:dyDescent="0.15">
      <c r="A23" s="5" t="s">
        <v>6</v>
      </c>
      <c r="B23" s="22">
        <v>32</v>
      </c>
      <c r="C23" s="14">
        <v>23</v>
      </c>
      <c r="D23" s="18">
        <v>55</v>
      </c>
    </row>
    <row r="24" spans="1:4" ht="18" customHeight="1" x14ac:dyDescent="0.15">
      <c r="A24" s="5">
        <v>15</v>
      </c>
      <c r="B24" s="22">
        <v>4</v>
      </c>
      <c r="C24" s="14">
        <v>2</v>
      </c>
      <c r="D24" s="18">
        <v>6</v>
      </c>
    </row>
    <row r="25" spans="1:4" ht="18" customHeight="1" x14ac:dyDescent="0.15">
      <c r="A25" s="5">
        <v>16</v>
      </c>
      <c r="B25" s="22">
        <v>4</v>
      </c>
      <c r="C25" s="14">
        <v>3</v>
      </c>
      <c r="D25" s="18">
        <v>7</v>
      </c>
    </row>
    <row r="26" spans="1:4" ht="18" customHeight="1" x14ac:dyDescent="0.15">
      <c r="A26" s="5">
        <v>17</v>
      </c>
      <c r="B26" s="22">
        <v>3</v>
      </c>
      <c r="C26" s="14">
        <v>4</v>
      </c>
      <c r="D26" s="18">
        <v>7</v>
      </c>
    </row>
    <row r="27" spans="1:4" ht="18" customHeight="1" x14ac:dyDescent="0.15">
      <c r="A27" s="5">
        <v>18</v>
      </c>
      <c r="B27" s="22">
        <v>3</v>
      </c>
      <c r="C27" s="14">
        <v>0</v>
      </c>
      <c r="D27" s="18">
        <v>3</v>
      </c>
    </row>
    <row r="28" spans="1:4" ht="18" customHeight="1" x14ac:dyDescent="0.15">
      <c r="A28" s="5">
        <v>19</v>
      </c>
      <c r="B28" s="22">
        <v>3</v>
      </c>
      <c r="C28" s="14">
        <v>4</v>
      </c>
      <c r="D28" s="18">
        <v>7</v>
      </c>
    </row>
    <row r="29" spans="1:4" ht="18" customHeight="1" x14ac:dyDescent="0.15">
      <c r="A29" s="5" t="s">
        <v>14</v>
      </c>
      <c r="B29" s="22">
        <v>17</v>
      </c>
      <c r="C29" s="14">
        <v>13</v>
      </c>
      <c r="D29" s="18">
        <v>30</v>
      </c>
    </row>
    <row r="30" spans="1:4" ht="18" customHeight="1" x14ac:dyDescent="0.15">
      <c r="A30" s="5">
        <v>20</v>
      </c>
      <c r="B30" s="22">
        <v>7</v>
      </c>
      <c r="C30" s="14">
        <v>4</v>
      </c>
      <c r="D30" s="18">
        <v>11</v>
      </c>
    </row>
    <row r="31" spans="1:4" ht="18" customHeight="1" x14ac:dyDescent="0.15">
      <c r="A31" s="5">
        <v>21</v>
      </c>
      <c r="B31" s="22">
        <v>3</v>
      </c>
      <c r="C31" s="14">
        <v>3</v>
      </c>
      <c r="D31" s="18">
        <v>6</v>
      </c>
    </row>
    <row r="32" spans="1:4" ht="18" customHeight="1" x14ac:dyDescent="0.15">
      <c r="A32" s="5">
        <v>22</v>
      </c>
      <c r="B32" s="22">
        <v>6</v>
      </c>
      <c r="C32" s="14">
        <v>2</v>
      </c>
      <c r="D32" s="18">
        <v>8</v>
      </c>
    </row>
    <row r="33" spans="1:4" ht="18" customHeight="1" x14ac:dyDescent="0.15">
      <c r="A33" s="5">
        <v>23</v>
      </c>
      <c r="B33" s="22">
        <v>4</v>
      </c>
      <c r="C33" s="14">
        <v>2</v>
      </c>
      <c r="D33" s="18">
        <v>6</v>
      </c>
    </row>
    <row r="34" spans="1:4" ht="18" customHeight="1" x14ac:dyDescent="0.15">
      <c r="A34" s="5">
        <v>24</v>
      </c>
      <c r="B34" s="22">
        <v>4</v>
      </c>
      <c r="C34" s="14">
        <v>3</v>
      </c>
      <c r="D34" s="18">
        <v>7</v>
      </c>
    </row>
    <row r="35" spans="1:4" ht="18" customHeight="1" x14ac:dyDescent="0.15">
      <c r="A35" s="5" t="s">
        <v>9</v>
      </c>
      <c r="B35" s="22">
        <v>24</v>
      </c>
      <c r="C35" s="14">
        <v>14</v>
      </c>
      <c r="D35" s="18">
        <v>38</v>
      </c>
    </row>
    <row r="36" spans="1:4" ht="18" customHeight="1" x14ac:dyDescent="0.15">
      <c r="A36" s="5">
        <v>25</v>
      </c>
      <c r="B36" s="22">
        <v>1</v>
      </c>
      <c r="C36" s="14">
        <v>3</v>
      </c>
      <c r="D36" s="18">
        <v>4</v>
      </c>
    </row>
    <row r="37" spans="1:4" ht="18" customHeight="1" x14ac:dyDescent="0.15">
      <c r="A37" s="5">
        <v>26</v>
      </c>
      <c r="B37" s="22">
        <v>1</v>
      </c>
      <c r="C37" s="14">
        <v>0</v>
      </c>
      <c r="D37" s="18">
        <v>1</v>
      </c>
    </row>
    <row r="38" spans="1:4" ht="18" customHeight="1" x14ac:dyDescent="0.15">
      <c r="A38" s="5">
        <v>27</v>
      </c>
      <c r="B38" s="22">
        <v>2</v>
      </c>
      <c r="C38" s="14">
        <v>2</v>
      </c>
      <c r="D38" s="18">
        <v>4</v>
      </c>
    </row>
    <row r="39" spans="1:4" ht="18" customHeight="1" x14ac:dyDescent="0.15">
      <c r="A39" s="5">
        <v>28</v>
      </c>
      <c r="B39" s="22">
        <v>5</v>
      </c>
      <c r="C39" s="14">
        <v>1</v>
      </c>
      <c r="D39" s="18">
        <v>6</v>
      </c>
    </row>
    <row r="40" spans="1:4" ht="18" customHeight="1" x14ac:dyDescent="0.15">
      <c r="A40" s="5">
        <v>29</v>
      </c>
      <c r="B40" s="22">
        <v>0</v>
      </c>
      <c r="C40" s="14">
        <v>1</v>
      </c>
      <c r="D40" s="18">
        <v>1</v>
      </c>
    </row>
    <row r="41" spans="1:4" ht="18" customHeight="1" x14ac:dyDescent="0.15">
      <c r="A41" s="5" t="s">
        <v>2</v>
      </c>
      <c r="B41" s="22">
        <v>9</v>
      </c>
      <c r="C41" s="14">
        <v>7</v>
      </c>
      <c r="D41" s="18">
        <v>16</v>
      </c>
    </row>
    <row r="42" spans="1:4" ht="18" customHeight="1" x14ac:dyDescent="0.15">
      <c r="A42" s="5">
        <v>30</v>
      </c>
      <c r="B42" s="22">
        <v>6</v>
      </c>
      <c r="C42" s="14">
        <v>1</v>
      </c>
      <c r="D42" s="18">
        <v>7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1</v>
      </c>
      <c r="C44" s="14">
        <v>2</v>
      </c>
      <c r="D44" s="18">
        <v>3</v>
      </c>
    </row>
    <row r="45" spans="1:4" ht="18" customHeight="1" x14ac:dyDescent="0.15">
      <c r="A45" s="5">
        <v>33</v>
      </c>
      <c r="B45" s="22">
        <v>2</v>
      </c>
      <c r="C45" s="14">
        <v>1</v>
      </c>
      <c r="D45" s="18">
        <v>3</v>
      </c>
    </row>
    <row r="46" spans="1:4" ht="18" customHeight="1" x14ac:dyDescent="0.15">
      <c r="A46" s="5">
        <v>34</v>
      </c>
      <c r="B46" s="22">
        <v>1</v>
      </c>
      <c r="C46" s="14">
        <v>3</v>
      </c>
      <c r="D46" s="18">
        <v>4</v>
      </c>
    </row>
    <row r="47" spans="1:4" ht="18" customHeight="1" x14ac:dyDescent="0.15">
      <c r="A47" s="5" t="s">
        <v>15</v>
      </c>
      <c r="B47" s="22">
        <v>11</v>
      </c>
      <c r="C47" s="14">
        <v>7</v>
      </c>
      <c r="D47" s="18">
        <v>18</v>
      </c>
    </row>
    <row r="48" spans="1:4" ht="18" customHeight="1" x14ac:dyDescent="0.15">
      <c r="A48" s="5">
        <v>35</v>
      </c>
      <c r="B48" s="22">
        <v>2</v>
      </c>
      <c r="C48" s="14">
        <v>1</v>
      </c>
      <c r="D48" s="18">
        <v>3</v>
      </c>
    </row>
    <row r="49" spans="1:4" ht="18" customHeight="1" x14ac:dyDescent="0.15">
      <c r="A49" s="5">
        <v>36</v>
      </c>
      <c r="B49" s="22">
        <v>2</v>
      </c>
      <c r="C49" s="14">
        <v>3</v>
      </c>
      <c r="D49" s="18">
        <v>5</v>
      </c>
    </row>
    <row r="50" spans="1:4" ht="18" customHeight="1" x14ac:dyDescent="0.15">
      <c r="A50" s="5">
        <v>37</v>
      </c>
      <c r="B50" s="22">
        <v>4</v>
      </c>
      <c r="C50" s="14">
        <v>5</v>
      </c>
      <c r="D50" s="18">
        <v>9</v>
      </c>
    </row>
    <row r="51" spans="1:4" ht="18" customHeight="1" x14ac:dyDescent="0.15">
      <c r="A51" s="5">
        <v>38</v>
      </c>
      <c r="B51" s="22">
        <v>3</v>
      </c>
      <c r="C51" s="14">
        <v>4</v>
      </c>
      <c r="D51" s="18">
        <v>7</v>
      </c>
    </row>
    <row r="52" spans="1:4" ht="18" customHeight="1" x14ac:dyDescent="0.15">
      <c r="A52" s="5">
        <v>39</v>
      </c>
      <c r="B52" s="22">
        <v>3</v>
      </c>
      <c r="C52" s="14">
        <v>4</v>
      </c>
      <c r="D52" s="18">
        <v>7</v>
      </c>
    </row>
    <row r="53" spans="1:4" ht="18" customHeight="1" x14ac:dyDescent="0.15">
      <c r="A53" s="5" t="s">
        <v>18</v>
      </c>
      <c r="B53" s="22">
        <v>14</v>
      </c>
      <c r="C53" s="14">
        <v>17</v>
      </c>
      <c r="D53" s="18">
        <v>31</v>
      </c>
    </row>
    <row r="54" spans="1:4" ht="18" customHeight="1" x14ac:dyDescent="0.15">
      <c r="A54" s="5">
        <v>40</v>
      </c>
      <c r="B54" s="22">
        <v>6</v>
      </c>
      <c r="C54" s="14">
        <v>6</v>
      </c>
      <c r="D54" s="18">
        <v>12</v>
      </c>
    </row>
    <row r="55" spans="1:4" ht="18" customHeight="1" x14ac:dyDescent="0.15">
      <c r="A55" s="5">
        <v>41</v>
      </c>
      <c r="B55" s="22">
        <v>3</v>
      </c>
      <c r="C55" s="14">
        <v>2</v>
      </c>
      <c r="D55" s="18">
        <v>5</v>
      </c>
    </row>
    <row r="56" spans="1:4" ht="18" customHeight="1" x14ac:dyDescent="0.15">
      <c r="A56" s="5">
        <v>42</v>
      </c>
      <c r="B56" s="22">
        <v>2</v>
      </c>
      <c r="C56" s="14">
        <v>4</v>
      </c>
      <c r="D56" s="18">
        <v>6</v>
      </c>
    </row>
    <row r="57" spans="1:4" ht="18" customHeight="1" x14ac:dyDescent="0.15">
      <c r="A57" s="5">
        <v>43</v>
      </c>
      <c r="B57" s="22">
        <v>5</v>
      </c>
      <c r="C57" s="14">
        <v>1</v>
      </c>
      <c r="D57" s="18">
        <v>6</v>
      </c>
    </row>
    <row r="58" spans="1:4" ht="18" customHeight="1" x14ac:dyDescent="0.15">
      <c r="A58" s="5">
        <v>44</v>
      </c>
      <c r="B58" s="22">
        <v>8</v>
      </c>
      <c r="C58" s="14">
        <v>7</v>
      </c>
      <c r="D58" s="18">
        <v>15</v>
      </c>
    </row>
    <row r="59" spans="1:4" ht="18" customHeight="1" x14ac:dyDescent="0.15">
      <c r="A59" s="5" t="s">
        <v>21</v>
      </c>
      <c r="B59" s="22">
        <v>24</v>
      </c>
      <c r="C59" s="14">
        <v>20</v>
      </c>
      <c r="D59" s="18">
        <v>44</v>
      </c>
    </row>
    <row r="60" spans="1:4" ht="18" customHeight="1" x14ac:dyDescent="0.15">
      <c r="A60" s="5">
        <v>45</v>
      </c>
      <c r="B60" s="22">
        <v>4</v>
      </c>
      <c r="C60" s="14">
        <v>5</v>
      </c>
      <c r="D60" s="18">
        <v>9</v>
      </c>
    </row>
    <row r="61" spans="1:4" ht="18" customHeight="1" x14ac:dyDescent="0.15">
      <c r="A61" s="5">
        <v>46</v>
      </c>
      <c r="B61" s="22">
        <v>3</v>
      </c>
      <c r="C61" s="14">
        <v>4</v>
      </c>
      <c r="D61" s="18">
        <v>7</v>
      </c>
    </row>
    <row r="62" spans="1:4" ht="18" customHeight="1" x14ac:dyDescent="0.15">
      <c r="A62" s="5">
        <v>47</v>
      </c>
      <c r="B62" s="22">
        <v>4</v>
      </c>
      <c r="C62" s="14">
        <v>4</v>
      </c>
      <c r="D62" s="18">
        <v>8</v>
      </c>
    </row>
    <row r="63" spans="1:4" ht="18" customHeight="1" x14ac:dyDescent="0.15">
      <c r="A63" s="5">
        <v>48</v>
      </c>
      <c r="B63" s="22">
        <v>2</v>
      </c>
      <c r="C63" s="14">
        <v>2</v>
      </c>
      <c r="D63" s="18">
        <v>4</v>
      </c>
    </row>
    <row r="64" spans="1:4" ht="18" customHeight="1" x14ac:dyDescent="0.15">
      <c r="A64" s="5">
        <v>49</v>
      </c>
      <c r="B64" s="22">
        <v>4</v>
      </c>
      <c r="C64" s="14">
        <v>5</v>
      </c>
      <c r="D64" s="18">
        <v>9</v>
      </c>
    </row>
    <row r="65" spans="1:4" ht="18" customHeight="1" x14ac:dyDescent="0.15">
      <c r="A65" s="5" t="s">
        <v>17</v>
      </c>
      <c r="B65" s="22">
        <v>17</v>
      </c>
      <c r="C65" s="14">
        <v>20</v>
      </c>
      <c r="D65" s="18">
        <v>37</v>
      </c>
    </row>
    <row r="66" spans="1:4" ht="18" customHeight="1" x14ac:dyDescent="0.15">
      <c r="A66" s="5">
        <v>50</v>
      </c>
      <c r="B66" s="22">
        <v>3</v>
      </c>
      <c r="C66" s="14">
        <v>2</v>
      </c>
      <c r="D66" s="18">
        <v>5</v>
      </c>
    </row>
    <row r="67" spans="1:4" ht="18" customHeight="1" x14ac:dyDescent="0.15">
      <c r="A67" s="5">
        <v>51</v>
      </c>
      <c r="B67" s="22">
        <v>7</v>
      </c>
      <c r="C67" s="14">
        <v>8</v>
      </c>
      <c r="D67" s="18">
        <v>15</v>
      </c>
    </row>
    <row r="68" spans="1:4" ht="18" customHeight="1" x14ac:dyDescent="0.15">
      <c r="A68" s="5">
        <v>52</v>
      </c>
      <c r="B68" s="22">
        <v>9</v>
      </c>
      <c r="C68" s="14">
        <v>7</v>
      </c>
      <c r="D68" s="18">
        <v>16</v>
      </c>
    </row>
    <row r="69" spans="1:4" ht="18" customHeight="1" x14ac:dyDescent="0.15">
      <c r="A69" s="5">
        <v>53</v>
      </c>
      <c r="B69" s="22">
        <v>3</v>
      </c>
      <c r="C69" s="14">
        <v>5</v>
      </c>
      <c r="D69" s="18">
        <v>8</v>
      </c>
    </row>
    <row r="70" spans="1:4" ht="18" customHeight="1" x14ac:dyDescent="0.15">
      <c r="A70" s="5">
        <v>54</v>
      </c>
      <c r="B70" s="22">
        <v>5</v>
      </c>
      <c r="C70" s="14">
        <v>1</v>
      </c>
      <c r="D70" s="18">
        <v>6</v>
      </c>
    </row>
    <row r="71" spans="1:4" ht="18" customHeight="1" x14ac:dyDescent="0.15">
      <c r="A71" s="5" t="s">
        <v>22</v>
      </c>
      <c r="B71" s="22">
        <v>27</v>
      </c>
      <c r="C71" s="14">
        <v>23</v>
      </c>
      <c r="D71" s="18">
        <v>50</v>
      </c>
    </row>
    <row r="72" spans="1:4" ht="18" customHeight="1" x14ac:dyDescent="0.15">
      <c r="A72" s="5">
        <v>55</v>
      </c>
      <c r="B72" s="22">
        <v>3</v>
      </c>
      <c r="C72" s="14">
        <v>8</v>
      </c>
      <c r="D72" s="18">
        <v>11</v>
      </c>
    </row>
    <row r="73" spans="1:4" ht="18" customHeight="1" x14ac:dyDescent="0.15">
      <c r="A73" s="5">
        <v>56</v>
      </c>
      <c r="B73" s="22">
        <v>4</v>
      </c>
      <c r="C73" s="14">
        <v>4</v>
      </c>
      <c r="D73" s="18">
        <v>8</v>
      </c>
    </row>
    <row r="74" spans="1:4" ht="18" customHeight="1" x14ac:dyDescent="0.15">
      <c r="A74" s="5">
        <v>57</v>
      </c>
      <c r="B74" s="22">
        <v>3</v>
      </c>
      <c r="C74" s="14">
        <v>5</v>
      </c>
      <c r="D74" s="18">
        <v>8</v>
      </c>
    </row>
    <row r="75" spans="1:4" ht="18" customHeight="1" x14ac:dyDescent="0.15">
      <c r="A75" s="5">
        <v>58</v>
      </c>
      <c r="B75" s="22">
        <v>2</v>
      </c>
      <c r="C75" s="14">
        <v>10</v>
      </c>
      <c r="D75" s="18">
        <v>12</v>
      </c>
    </row>
    <row r="76" spans="1:4" ht="18" customHeight="1" x14ac:dyDescent="0.15">
      <c r="A76" s="5">
        <v>59</v>
      </c>
      <c r="B76" s="22">
        <v>5</v>
      </c>
      <c r="C76" s="14">
        <v>5</v>
      </c>
      <c r="D76" s="18">
        <v>10</v>
      </c>
    </row>
    <row r="77" spans="1:4" ht="18" customHeight="1" x14ac:dyDescent="0.15">
      <c r="A77" s="5" t="s">
        <v>27</v>
      </c>
      <c r="B77" s="22">
        <v>17</v>
      </c>
      <c r="C77" s="14">
        <v>32</v>
      </c>
      <c r="D77" s="18">
        <v>49</v>
      </c>
    </row>
    <row r="78" spans="1:4" ht="18" customHeight="1" x14ac:dyDescent="0.15">
      <c r="A78" s="5">
        <v>60</v>
      </c>
      <c r="B78" s="22">
        <v>4</v>
      </c>
      <c r="C78" s="14">
        <v>3</v>
      </c>
      <c r="D78" s="18">
        <v>7</v>
      </c>
    </row>
    <row r="79" spans="1:4" ht="18" customHeight="1" x14ac:dyDescent="0.15">
      <c r="A79" s="5">
        <v>61</v>
      </c>
      <c r="B79" s="22">
        <v>7</v>
      </c>
      <c r="C79" s="14">
        <v>6</v>
      </c>
      <c r="D79" s="18">
        <v>13</v>
      </c>
    </row>
    <row r="80" spans="1:4" ht="18" customHeight="1" x14ac:dyDescent="0.15">
      <c r="A80" s="5">
        <v>62</v>
      </c>
      <c r="B80" s="22">
        <v>8</v>
      </c>
      <c r="C80" s="14">
        <v>6</v>
      </c>
      <c r="D80" s="18">
        <v>14</v>
      </c>
    </row>
    <row r="81" spans="1:4" ht="18" customHeight="1" x14ac:dyDescent="0.15">
      <c r="A81" s="5">
        <v>63</v>
      </c>
      <c r="B81" s="22">
        <v>2</v>
      </c>
      <c r="C81" s="14">
        <v>6</v>
      </c>
      <c r="D81" s="18">
        <v>8</v>
      </c>
    </row>
    <row r="82" spans="1:4" ht="18" customHeight="1" x14ac:dyDescent="0.15">
      <c r="A82" s="5">
        <v>64</v>
      </c>
      <c r="B82" s="22">
        <v>3</v>
      </c>
      <c r="C82" s="14">
        <v>4</v>
      </c>
      <c r="D82" s="18">
        <v>7</v>
      </c>
    </row>
    <row r="83" spans="1:4" ht="18" customHeight="1" x14ac:dyDescent="0.15">
      <c r="A83" s="5" t="s">
        <v>28</v>
      </c>
      <c r="B83" s="22">
        <v>24</v>
      </c>
      <c r="C83" s="14">
        <v>25</v>
      </c>
      <c r="D83" s="18">
        <v>49</v>
      </c>
    </row>
    <row r="84" spans="1:4" ht="18" customHeight="1" x14ac:dyDescent="0.15">
      <c r="A84" s="5" t="s">
        <v>31</v>
      </c>
      <c r="B84" s="22">
        <v>184</v>
      </c>
      <c r="C84" s="14">
        <v>178</v>
      </c>
      <c r="D84" s="18">
        <v>362</v>
      </c>
    </row>
    <row r="85" spans="1:4" ht="18" customHeight="1" x14ac:dyDescent="0.15">
      <c r="A85" s="5">
        <v>65</v>
      </c>
      <c r="B85" s="22">
        <v>2</v>
      </c>
      <c r="C85" s="14">
        <v>4</v>
      </c>
      <c r="D85" s="18">
        <v>6</v>
      </c>
    </row>
    <row r="86" spans="1:4" ht="18" customHeight="1" x14ac:dyDescent="0.15">
      <c r="A86" s="5">
        <v>66</v>
      </c>
      <c r="B86" s="22">
        <v>6</v>
      </c>
      <c r="C86" s="14">
        <v>6</v>
      </c>
      <c r="D86" s="18">
        <v>12</v>
      </c>
    </row>
    <row r="87" spans="1:4" ht="18" customHeight="1" x14ac:dyDescent="0.15">
      <c r="A87" s="5">
        <v>67</v>
      </c>
      <c r="B87" s="22">
        <v>1</v>
      </c>
      <c r="C87" s="14">
        <v>8</v>
      </c>
      <c r="D87" s="18">
        <v>9</v>
      </c>
    </row>
    <row r="88" spans="1:4" ht="18" customHeight="1" x14ac:dyDescent="0.15">
      <c r="A88" s="5">
        <v>68</v>
      </c>
      <c r="B88" s="22">
        <v>6</v>
      </c>
      <c r="C88" s="14">
        <v>10</v>
      </c>
      <c r="D88" s="18">
        <v>16</v>
      </c>
    </row>
    <row r="89" spans="1:4" ht="18" customHeight="1" x14ac:dyDescent="0.15">
      <c r="A89" s="5">
        <v>69</v>
      </c>
      <c r="B89" s="22">
        <v>11</v>
      </c>
      <c r="C89" s="14">
        <v>9</v>
      </c>
      <c r="D89" s="18">
        <v>20</v>
      </c>
    </row>
    <row r="90" spans="1:4" ht="18" customHeight="1" x14ac:dyDescent="0.15">
      <c r="A90" s="5" t="s">
        <v>20</v>
      </c>
      <c r="B90" s="22">
        <v>26</v>
      </c>
      <c r="C90" s="14">
        <v>37</v>
      </c>
      <c r="D90" s="18">
        <v>63</v>
      </c>
    </row>
    <row r="91" spans="1:4" ht="18" customHeight="1" x14ac:dyDescent="0.15">
      <c r="A91" s="5">
        <v>70</v>
      </c>
      <c r="B91" s="22">
        <v>6</v>
      </c>
      <c r="C91" s="14">
        <v>5</v>
      </c>
      <c r="D91" s="18">
        <v>11</v>
      </c>
    </row>
    <row r="92" spans="1:4" ht="18" customHeight="1" x14ac:dyDescent="0.15">
      <c r="A92" s="5">
        <v>71</v>
      </c>
      <c r="B92" s="22">
        <v>6</v>
      </c>
      <c r="C92" s="14">
        <v>8</v>
      </c>
      <c r="D92" s="18">
        <v>14</v>
      </c>
    </row>
    <row r="93" spans="1:4" ht="18" customHeight="1" x14ac:dyDescent="0.15">
      <c r="A93" s="5">
        <v>72</v>
      </c>
      <c r="B93" s="22">
        <v>14</v>
      </c>
      <c r="C93" s="14">
        <v>9</v>
      </c>
      <c r="D93" s="18">
        <v>23</v>
      </c>
    </row>
    <row r="94" spans="1:4" ht="18" customHeight="1" x14ac:dyDescent="0.15">
      <c r="A94" s="5">
        <v>73</v>
      </c>
      <c r="B94" s="22">
        <v>12</v>
      </c>
      <c r="C94" s="14">
        <v>14</v>
      </c>
      <c r="D94" s="18">
        <v>26</v>
      </c>
    </row>
    <row r="95" spans="1:4" ht="18" customHeight="1" x14ac:dyDescent="0.15">
      <c r="A95" s="5">
        <v>74</v>
      </c>
      <c r="B95" s="22">
        <v>11</v>
      </c>
      <c r="C95" s="14">
        <v>7</v>
      </c>
      <c r="D95" s="18">
        <v>18</v>
      </c>
    </row>
    <row r="96" spans="1:4" ht="18" customHeight="1" x14ac:dyDescent="0.15">
      <c r="A96" s="5" t="s">
        <v>33</v>
      </c>
      <c r="B96" s="22">
        <v>49</v>
      </c>
      <c r="C96" s="14">
        <v>43</v>
      </c>
      <c r="D96" s="18">
        <v>92</v>
      </c>
    </row>
    <row r="97" spans="1:4" ht="18" customHeight="1" x14ac:dyDescent="0.15">
      <c r="A97" s="5">
        <v>75</v>
      </c>
      <c r="B97" s="22">
        <v>2</v>
      </c>
      <c r="C97" s="14">
        <v>10</v>
      </c>
      <c r="D97" s="18">
        <v>12</v>
      </c>
    </row>
    <row r="98" spans="1:4" ht="18" customHeight="1" x14ac:dyDescent="0.15">
      <c r="A98" s="5">
        <v>76</v>
      </c>
      <c r="B98" s="22">
        <v>14</v>
      </c>
      <c r="C98" s="14">
        <v>8</v>
      </c>
      <c r="D98" s="18">
        <v>22</v>
      </c>
    </row>
    <row r="99" spans="1:4" ht="18" customHeight="1" x14ac:dyDescent="0.15">
      <c r="A99" s="5">
        <v>77</v>
      </c>
      <c r="B99" s="22">
        <v>8</v>
      </c>
      <c r="C99" s="14">
        <v>12</v>
      </c>
      <c r="D99" s="18">
        <v>20</v>
      </c>
    </row>
    <row r="100" spans="1:4" ht="18" customHeight="1" x14ac:dyDescent="0.15">
      <c r="A100" s="5">
        <v>78</v>
      </c>
      <c r="B100" s="22">
        <v>6</v>
      </c>
      <c r="C100" s="14">
        <v>4</v>
      </c>
      <c r="D100" s="18">
        <v>10</v>
      </c>
    </row>
    <row r="101" spans="1:4" ht="18" customHeight="1" x14ac:dyDescent="0.15">
      <c r="A101" s="5">
        <v>79</v>
      </c>
      <c r="B101" s="22">
        <v>9</v>
      </c>
      <c r="C101" s="14">
        <v>7</v>
      </c>
      <c r="D101" s="18">
        <v>16</v>
      </c>
    </row>
    <row r="102" spans="1:4" ht="18" customHeight="1" x14ac:dyDescent="0.15">
      <c r="A102" s="5" t="s">
        <v>0</v>
      </c>
      <c r="B102" s="22">
        <v>39</v>
      </c>
      <c r="C102" s="14">
        <v>41</v>
      </c>
      <c r="D102" s="18">
        <v>80</v>
      </c>
    </row>
    <row r="103" spans="1:4" ht="18" customHeight="1" x14ac:dyDescent="0.15">
      <c r="A103" s="5">
        <v>80</v>
      </c>
      <c r="B103" s="22">
        <v>3</v>
      </c>
      <c r="C103" s="14">
        <v>2</v>
      </c>
      <c r="D103" s="18">
        <v>5</v>
      </c>
    </row>
    <row r="104" spans="1:4" ht="18" customHeight="1" x14ac:dyDescent="0.15">
      <c r="A104" s="5">
        <v>81</v>
      </c>
      <c r="B104" s="22">
        <v>2</v>
      </c>
      <c r="C104" s="14">
        <v>6</v>
      </c>
      <c r="D104" s="18">
        <v>8</v>
      </c>
    </row>
    <row r="105" spans="1:4" ht="18" customHeight="1" x14ac:dyDescent="0.15">
      <c r="A105" s="5">
        <v>82</v>
      </c>
      <c r="B105" s="22">
        <v>4</v>
      </c>
      <c r="C105" s="14">
        <v>5</v>
      </c>
      <c r="D105" s="18">
        <v>9</v>
      </c>
    </row>
    <row r="106" spans="1:4" ht="18" customHeight="1" x14ac:dyDescent="0.15">
      <c r="A106" s="5">
        <v>83</v>
      </c>
      <c r="B106" s="22">
        <v>7</v>
      </c>
      <c r="C106" s="14">
        <v>4</v>
      </c>
      <c r="D106" s="18">
        <v>11</v>
      </c>
    </row>
    <row r="107" spans="1:4" ht="18" customHeight="1" x14ac:dyDescent="0.15">
      <c r="A107" s="5">
        <v>84</v>
      </c>
      <c r="B107" s="22">
        <v>2</v>
      </c>
      <c r="C107" s="14">
        <v>11</v>
      </c>
      <c r="D107" s="18">
        <v>13</v>
      </c>
    </row>
    <row r="108" spans="1:4" ht="18" customHeight="1" x14ac:dyDescent="0.15">
      <c r="A108" s="5" t="s">
        <v>35</v>
      </c>
      <c r="B108" s="22">
        <v>18</v>
      </c>
      <c r="C108" s="14">
        <v>28</v>
      </c>
      <c r="D108" s="18">
        <v>46</v>
      </c>
    </row>
    <row r="109" spans="1:4" ht="18" customHeight="1" x14ac:dyDescent="0.15">
      <c r="A109" s="5">
        <v>85</v>
      </c>
      <c r="B109" s="22">
        <v>2</v>
      </c>
      <c r="C109" s="14">
        <v>6</v>
      </c>
      <c r="D109" s="18">
        <v>8</v>
      </c>
    </row>
    <row r="110" spans="1:4" ht="18" customHeight="1" x14ac:dyDescent="0.15">
      <c r="A110" s="5">
        <v>86</v>
      </c>
      <c r="B110" s="22">
        <v>2</v>
      </c>
      <c r="C110" s="14">
        <v>2</v>
      </c>
      <c r="D110" s="18">
        <v>4</v>
      </c>
    </row>
    <row r="111" spans="1:4" ht="18" customHeight="1" x14ac:dyDescent="0.15">
      <c r="A111" s="5">
        <v>87</v>
      </c>
      <c r="B111" s="22">
        <v>4</v>
      </c>
      <c r="C111" s="14">
        <v>1</v>
      </c>
      <c r="D111" s="18">
        <v>5</v>
      </c>
    </row>
    <row r="112" spans="1:4" ht="18" customHeight="1" x14ac:dyDescent="0.15">
      <c r="A112" s="5">
        <v>88</v>
      </c>
      <c r="B112" s="22">
        <v>1</v>
      </c>
      <c r="C112" s="14">
        <v>3</v>
      </c>
      <c r="D112" s="18">
        <v>4</v>
      </c>
    </row>
    <row r="113" spans="1:4" ht="18" customHeight="1" x14ac:dyDescent="0.15">
      <c r="A113" s="5">
        <v>89</v>
      </c>
      <c r="B113" s="22">
        <v>4</v>
      </c>
      <c r="C113" s="14">
        <v>4</v>
      </c>
      <c r="D113" s="18">
        <v>8</v>
      </c>
    </row>
    <row r="114" spans="1:4" ht="18" customHeight="1" x14ac:dyDescent="0.15">
      <c r="A114" s="5" t="s">
        <v>37</v>
      </c>
      <c r="B114" s="22">
        <v>13</v>
      </c>
      <c r="C114" s="14">
        <v>16</v>
      </c>
      <c r="D114" s="18">
        <v>29</v>
      </c>
    </row>
    <row r="115" spans="1:4" ht="18" customHeight="1" x14ac:dyDescent="0.15">
      <c r="A115" s="5">
        <v>90</v>
      </c>
      <c r="B115" s="22">
        <v>0</v>
      </c>
      <c r="C115" s="14">
        <v>5</v>
      </c>
      <c r="D115" s="18">
        <v>5</v>
      </c>
    </row>
    <row r="116" spans="1:4" ht="18" customHeight="1" x14ac:dyDescent="0.15">
      <c r="A116" s="5">
        <v>91</v>
      </c>
      <c r="B116" s="22">
        <v>1</v>
      </c>
      <c r="C116" s="14">
        <v>5</v>
      </c>
      <c r="D116" s="18">
        <v>6</v>
      </c>
    </row>
    <row r="117" spans="1:4" ht="18" customHeight="1" x14ac:dyDescent="0.15">
      <c r="A117" s="5">
        <v>92</v>
      </c>
      <c r="B117" s="22">
        <v>3</v>
      </c>
      <c r="C117" s="14">
        <v>4</v>
      </c>
      <c r="D117" s="18">
        <v>7</v>
      </c>
    </row>
    <row r="118" spans="1:4" ht="18" customHeight="1" x14ac:dyDescent="0.15">
      <c r="A118" s="5">
        <v>93</v>
      </c>
      <c r="B118" s="22">
        <v>0</v>
      </c>
      <c r="C118" s="14">
        <v>4</v>
      </c>
      <c r="D118" s="18">
        <v>4</v>
      </c>
    </row>
    <row r="119" spans="1:4" ht="18" customHeight="1" x14ac:dyDescent="0.15">
      <c r="A119" s="5">
        <v>94</v>
      </c>
      <c r="B119" s="22">
        <v>1</v>
      </c>
      <c r="C119" s="14">
        <v>1</v>
      </c>
      <c r="D119" s="18">
        <v>2</v>
      </c>
    </row>
    <row r="120" spans="1:4" ht="18" customHeight="1" x14ac:dyDescent="0.15">
      <c r="A120" s="5" t="s">
        <v>39</v>
      </c>
      <c r="B120" s="22">
        <v>5</v>
      </c>
      <c r="C120" s="14">
        <v>19</v>
      </c>
      <c r="D120" s="18">
        <v>24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0</v>
      </c>
      <c r="D122" s="18">
        <v>0</v>
      </c>
    </row>
    <row r="123" spans="1:4" ht="18" customHeight="1" x14ac:dyDescent="0.15">
      <c r="A123" s="5">
        <v>97</v>
      </c>
      <c r="B123" s="22">
        <v>0</v>
      </c>
      <c r="C123" s="14">
        <v>1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3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0</v>
      </c>
      <c r="C126" s="14">
        <v>7</v>
      </c>
      <c r="D126" s="18">
        <v>7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0</v>
      </c>
      <c r="D129" s="18">
        <v>0</v>
      </c>
    </row>
    <row r="130" spans="1:4" ht="18" customHeight="1" x14ac:dyDescent="0.15">
      <c r="A130" s="5" t="s">
        <v>46</v>
      </c>
      <c r="B130" s="22">
        <v>150</v>
      </c>
      <c r="C130" s="14">
        <v>191</v>
      </c>
      <c r="D130" s="18">
        <v>341</v>
      </c>
    </row>
    <row r="131" spans="1:4" ht="18" customHeight="1" x14ac:dyDescent="0.15">
      <c r="A131" s="7" t="s">
        <v>45</v>
      </c>
      <c r="B131" s="23">
        <v>366</v>
      </c>
      <c r="C131" s="15">
        <v>392</v>
      </c>
      <c r="D131" s="19">
        <v>75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95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5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 t="s">
        <v>219</v>
      </c>
      <c r="C5" s="29" t="s">
        <v>219</v>
      </c>
      <c r="D5" s="31" t="s">
        <v>219</v>
      </c>
    </row>
    <row r="6" spans="1:4" ht="18" customHeight="1" x14ac:dyDescent="0.15">
      <c r="A6" s="5">
        <v>1</v>
      </c>
      <c r="B6" s="27" t="s">
        <v>219</v>
      </c>
      <c r="C6" s="14" t="s">
        <v>219</v>
      </c>
      <c r="D6" s="18" t="s">
        <v>219</v>
      </c>
    </row>
    <row r="7" spans="1:4" ht="18" customHeight="1" x14ac:dyDescent="0.15">
      <c r="A7" s="5">
        <v>2</v>
      </c>
      <c r="B7" s="27" t="s">
        <v>219</v>
      </c>
      <c r="C7" s="14" t="s">
        <v>219</v>
      </c>
      <c r="D7" s="18" t="s">
        <v>219</v>
      </c>
    </row>
    <row r="8" spans="1:4" ht="18" customHeight="1" x14ac:dyDescent="0.15">
      <c r="A8" s="5">
        <v>3</v>
      </c>
      <c r="B8" s="27" t="s">
        <v>219</v>
      </c>
      <c r="C8" s="14" t="s">
        <v>219</v>
      </c>
      <c r="D8" s="18" t="s">
        <v>219</v>
      </c>
    </row>
    <row r="9" spans="1:4" ht="18" customHeight="1" x14ac:dyDescent="0.15">
      <c r="A9" s="5">
        <v>4</v>
      </c>
      <c r="B9" s="28" t="s">
        <v>219</v>
      </c>
      <c r="C9" s="30" t="s">
        <v>219</v>
      </c>
      <c r="D9" s="32" t="s">
        <v>219</v>
      </c>
    </row>
    <row r="10" spans="1:4" ht="18" customHeight="1" x14ac:dyDescent="0.15">
      <c r="A10" s="5" t="s">
        <v>7</v>
      </c>
      <c r="B10" s="22" t="s">
        <v>219</v>
      </c>
      <c r="C10" s="14" t="s">
        <v>219</v>
      </c>
      <c r="D10" s="18" t="s">
        <v>219</v>
      </c>
    </row>
    <row r="11" spans="1:4" ht="18" customHeight="1" x14ac:dyDescent="0.15">
      <c r="A11" s="5">
        <v>5</v>
      </c>
      <c r="B11" s="27" t="s">
        <v>219</v>
      </c>
      <c r="C11" s="14" t="s">
        <v>219</v>
      </c>
      <c r="D11" s="18" t="s">
        <v>219</v>
      </c>
    </row>
    <row r="12" spans="1:4" ht="18" customHeight="1" x14ac:dyDescent="0.15">
      <c r="A12" s="5">
        <v>6</v>
      </c>
      <c r="B12" s="27" t="s">
        <v>219</v>
      </c>
      <c r="C12" s="14" t="s">
        <v>219</v>
      </c>
      <c r="D12" s="18" t="s">
        <v>219</v>
      </c>
    </row>
    <row r="13" spans="1:4" ht="18" customHeight="1" x14ac:dyDescent="0.15">
      <c r="A13" s="5">
        <v>7</v>
      </c>
      <c r="B13" s="27" t="s">
        <v>219</v>
      </c>
      <c r="C13" s="14" t="s">
        <v>219</v>
      </c>
      <c r="D13" s="18" t="s">
        <v>219</v>
      </c>
    </row>
    <row r="14" spans="1:4" ht="18" customHeight="1" x14ac:dyDescent="0.15">
      <c r="A14" s="5">
        <v>8</v>
      </c>
      <c r="B14" s="27" t="s">
        <v>219</v>
      </c>
      <c r="C14" s="14" t="s">
        <v>219</v>
      </c>
      <c r="D14" s="18" t="s">
        <v>219</v>
      </c>
    </row>
    <row r="15" spans="1:4" ht="18" customHeight="1" x14ac:dyDescent="0.15">
      <c r="A15" s="5">
        <v>9</v>
      </c>
      <c r="B15" s="27" t="s">
        <v>219</v>
      </c>
      <c r="C15" s="14" t="s">
        <v>219</v>
      </c>
      <c r="D15" s="18" t="s">
        <v>219</v>
      </c>
    </row>
    <row r="16" spans="1:4" ht="18" customHeight="1" x14ac:dyDescent="0.15">
      <c r="A16" s="5" t="s">
        <v>11</v>
      </c>
      <c r="B16" s="22" t="s">
        <v>219</v>
      </c>
      <c r="C16" s="14" t="s">
        <v>219</v>
      </c>
      <c r="D16" s="18" t="s">
        <v>219</v>
      </c>
    </row>
    <row r="17" spans="1:4" ht="18" customHeight="1" x14ac:dyDescent="0.15">
      <c r="A17" s="5">
        <v>10</v>
      </c>
      <c r="B17" s="22" t="s">
        <v>219</v>
      </c>
      <c r="C17" s="14" t="s">
        <v>219</v>
      </c>
      <c r="D17" s="18" t="s">
        <v>219</v>
      </c>
    </row>
    <row r="18" spans="1:4" ht="18" customHeight="1" x14ac:dyDescent="0.15">
      <c r="A18" s="5">
        <v>11</v>
      </c>
      <c r="B18" s="22" t="s">
        <v>219</v>
      </c>
      <c r="C18" s="14" t="s">
        <v>219</v>
      </c>
      <c r="D18" s="18" t="s">
        <v>219</v>
      </c>
    </row>
    <row r="19" spans="1:4" ht="18" customHeight="1" x14ac:dyDescent="0.15">
      <c r="A19" s="5">
        <v>12</v>
      </c>
      <c r="B19" s="22" t="s">
        <v>219</v>
      </c>
      <c r="C19" s="14" t="s">
        <v>219</v>
      </c>
      <c r="D19" s="18" t="s">
        <v>219</v>
      </c>
    </row>
    <row r="20" spans="1:4" ht="18" customHeight="1" x14ac:dyDescent="0.15">
      <c r="A20" s="5">
        <v>13</v>
      </c>
      <c r="B20" s="22" t="s">
        <v>219</v>
      </c>
      <c r="C20" s="14" t="s">
        <v>219</v>
      </c>
      <c r="D20" s="18" t="s">
        <v>219</v>
      </c>
    </row>
    <row r="21" spans="1:4" ht="18" customHeight="1" x14ac:dyDescent="0.15">
      <c r="A21" s="5">
        <v>14</v>
      </c>
      <c r="B21" s="22" t="s">
        <v>219</v>
      </c>
      <c r="C21" s="14" t="s">
        <v>219</v>
      </c>
      <c r="D21" s="18" t="s">
        <v>219</v>
      </c>
    </row>
    <row r="22" spans="1:4" ht="18" customHeight="1" x14ac:dyDescent="0.15">
      <c r="A22" s="5" t="s">
        <v>12</v>
      </c>
      <c r="B22" s="22" t="s">
        <v>219</v>
      </c>
      <c r="C22" s="14" t="s">
        <v>219</v>
      </c>
      <c r="D22" s="18" t="s">
        <v>219</v>
      </c>
    </row>
    <row r="23" spans="1:4" ht="18" customHeight="1" x14ac:dyDescent="0.15">
      <c r="A23" s="5" t="s">
        <v>6</v>
      </c>
      <c r="B23" s="22">
        <v>3</v>
      </c>
      <c r="C23" s="14">
        <v>5</v>
      </c>
      <c r="D23" s="18">
        <v>8</v>
      </c>
    </row>
    <row r="24" spans="1:4" ht="18" customHeight="1" x14ac:dyDescent="0.15">
      <c r="A24" s="5">
        <v>15</v>
      </c>
      <c r="B24" s="22" t="s">
        <v>219</v>
      </c>
      <c r="C24" s="14" t="s">
        <v>219</v>
      </c>
      <c r="D24" s="18" t="s">
        <v>219</v>
      </c>
    </row>
    <row r="25" spans="1:4" ht="18" customHeight="1" x14ac:dyDescent="0.15">
      <c r="A25" s="5">
        <v>16</v>
      </c>
      <c r="B25" s="22" t="s">
        <v>219</v>
      </c>
      <c r="C25" s="14" t="s">
        <v>219</v>
      </c>
      <c r="D25" s="18" t="s">
        <v>219</v>
      </c>
    </row>
    <row r="26" spans="1:4" ht="18" customHeight="1" x14ac:dyDescent="0.15">
      <c r="A26" s="5">
        <v>17</v>
      </c>
      <c r="B26" s="22" t="s">
        <v>219</v>
      </c>
      <c r="C26" s="14" t="s">
        <v>219</v>
      </c>
      <c r="D26" s="18" t="s">
        <v>219</v>
      </c>
    </row>
    <row r="27" spans="1:4" ht="18" customHeight="1" x14ac:dyDescent="0.15">
      <c r="A27" s="5">
        <v>18</v>
      </c>
      <c r="B27" s="22" t="s">
        <v>219</v>
      </c>
      <c r="C27" s="14" t="s">
        <v>219</v>
      </c>
      <c r="D27" s="18" t="s">
        <v>219</v>
      </c>
    </row>
    <row r="28" spans="1:4" ht="18" customHeight="1" x14ac:dyDescent="0.15">
      <c r="A28" s="5">
        <v>19</v>
      </c>
      <c r="B28" s="22" t="s">
        <v>219</v>
      </c>
      <c r="C28" s="14" t="s">
        <v>219</v>
      </c>
      <c r="D28" s="18" t="s">
        <v>219</v>
      </c>
    </row>
    <row r="29" spans="1:4" ht="18" customHeight="1" x14ac:dyDescent="0.15">
      <c r="A29" s="5" t="s">
        <v>14</v>
      </c>
      <c r="B29" s="22" t="s">
        <v>219</v>
      </c>
      <c r="C29" s="14" t="s">
        <v>219</v>
      </c>
      <c r="D29" s="18" t="s">
        <v>219</v>
      </c>
    </row>
    <row r="30" spans="1:4" ht="18" customHeight="1" x14ac:dyDescent="0.15">
      <c r="A30" s="5">
        <v>20</v>
      </c>
      <c r="B30" s="22" t="s">
        <v>219</v>
      </c>
      <c r="C30" s="14" t="s">
        <v>219</v>
      </c>
      <c r="D30" s="18" t="s">
        <v>219</v>
      </c>
    </row>
    <row r="31" spans="1:4" ht="18" customHeight="1" x14ac:dyDescent="0.15">
      <c r="A31" s="5">
        <v>21</v>
      </c>
      <c r="B31" s="22" t="s">
        <v>219</v>
      </c>
      <c r="C31" s="14" t="s">
        <v>219</v>
      </c>
      <c r="D31" s="18" t="s">
        <v>219</v>
      </c>
    </row>
    <row r="32" spans="1:4" ht="18" customHeight="1" x14ac:dyDescent="0.15">
      <c r="A32" s="5">
        <v>22</v>
      </c>
      <c r="B32" s="22" t="s">
        <v>219</v>
      </c>
      <c r="C32" s="14" t="s">
        <v>219</v>
      </c>
      <c r="D32" s="18" t="s">
        <v>219</v>
      </c>
    </row>
    <row r="33" spans="1:4" ht="18" customHeight="1" x14ac:dyDescent="0.15">
      <c r="A33" s="5">
        <v>23</v>
      </c>
      <c r="B33" s="22" t="s">
        <v>219</v>
      </c>
      <c r="C33" s="14" t="s">
        <v>219</v>
      </c>
      <c r="D33" s="18" t="s">
        <v>219</v>
      </c>
    </row>
    <row r="34" spans="1:4" ht="18" customHeight="1" x14ac:dyDescent="0.15">
      <c r="A34" s="5">
        <v>24</v>
      </c>
      <c r="B34" s="22" t="s">
        <v>219</v>
      </c>
      <c r="C34" s="14" t="s">
        <v>219</v>
      </c>
      <c r="D34" s="18" t="s">
        <v>219</v>
      </c>
    </row>
    <row r="35" spans="1:4" ht="18" customHeight="1" x14ac:dyDescent="0.15">
      <c r="A35" s="5" t="s">
        <v>9</v>
      </c>
      <c r="B35" s="22" t="s">
        <v>219</v>
      </c>
      <c r="C35" s="14" t="s">
        <v>219</v>
      </c>
      <c r="D35" s="18" t="s">
        <v>219</v>
      </c>
    </row>
    <row r="36" spans="1:4" ht="18" customHeight="1" x14ac:dyDescent="0.15">
      <c r="A36" s="5">
        <v>25</v>
      </c>
      <c r="B36" s="22" t="s">
        <v>219</v>
      </c>
      <c r="C36" s="14" t="s">
        <v>219</v>
      </c>
      <c r="D36" s="18" t="s">
        <v>219</v>
      </c>
    </row>
    <row r="37" spans="1:4" ht="18" customHeight="1" x14ac:dyDescent="0.15">
      <c r="A37" s="5">
        <v>26</v>
      </c>
      <c r="B37" s="22" t="s">
        <v>219</v>
      </c>
      <c r="C37" s="14" t="s">
        <v>219</v>
      </c>
      <c r="D37" s="18" t="s">
        <v>219</v>
      </c>
    </row>
    <row r="38" spans="1:4" ht="18" customHeight="1" x14ac:dyDescent="0.15">
      <c r="A38" s="5">
        <v>27</v>
      </c>
      <c r="B38" s="22" t="s">
        <v>219</v>
      </c>
      <c r="C38" s="14" t="s">
        <v>219</v>
      </c>
      <c r="D38" s="18" t="s">
        <v>219</v>
      </c>
    </row>
    <row r="39" spans="1:4" ht="18" customHeight="1" x14ac:dyDescent="0.15">
      <c r="A39" s="5">
        <v>28</v>
      </c>
      <c r="B39" s="22" t="s">
        <v>219</v>
      </c>
      <c r="C39" s="14" t="s">
        <v>219</v>
      </c>
      <c r="D39" s="18" t="s">
        <v>219</v>
      </c>
    </row>
    <row r="40" spans="1:4" ht="18" customHeight="1" x14ac:dyDescent="0.15">
      <c r="A40" s="5">
        <v>29</v>
      </c>
      <c r="B40" s="22" t="s">
        <v>219</v>
      </c>
      <c r="C40" s="14" t="s">
        <v>219</v>
      </c>
      <c r="D40" s="18" t="s">
        <v>219</v>
      </c>
    </row>
    <row r="41" spans="1:4" ht="18" customHeight="1" x14ac:dyDescent="0.15">
      <c r="A41" s="5" t="s">
        <v>2</v>
      </c>
      <c r="B41" s="22" t="s">
        <v>219</v>
      </c>
      <c r="C41" s="14" t="s">
        <v>219</v>
      </c>
      <c r="D41" s="18" t="s">
        <v>219</v>
      </c>
    </row>
    <row r="42" spans="1:4" ht="18" customHeight="1" x14ac:dyDescent="0.15">
      <c r="A42" s="5">
        <v>30</v>
      </c>
      <c r="B42" s="22" t="s">
        <v>219</v>
      </c>
      <c r="C42" s="14" t="s">
        <v>219</v>
      </c>
      <c r="D42" s="18" t="s">
        <v>219</v>
      </c>
    </row>
    <row r="43" spans="1:4" ht="18" customHeight="1" x14ac:dyDescent="0.15">
      <c r="A43" s="5">
        <v>31</v>
      </c>
      <c r="B43" s="22" t="s">
        <v>219</v>
      </c>
      <c r="C43" s="14" t="s">
        <v>219</v>
      </c>
      <c r="D43" s="18" t="s">
        <v>219</v>
      </c>
    </row>
    <row r="44" spans="1:4" ht="18" customHeight="1" x14ac:dyDescent="0.15">
      <c r="A44" s="5">
        <v>32</v>
      </c>
      <c r="B44" s="22" t="s">
        <v>219</v>
      </c>
      <c r="C44" s="14" t="s">
        <v>219</v>
      </c>
      <c r="D44" s="18" t="s">
        <v>219</v>
      </c>
    </row>
    <row r="45" spans="1:4" ht="18" customHeight="1" x14ac:dyDescent="0.15">
      <c r="A45" s="5">
        <v>33</v>
      </c>
      <c r="B45" s="22" t="s">
        <v>219</v>
      </c>
      <c r="C45" s="14" t="s">
        <v>219</v>
      </c>
      <c r="D45" s="18" t="s">
        <v>219</v>
      </c>
    </row>
    <row r="46" spans="1:4" ht="18" customHeight="1" x14ac:dyDescent="0.15">
      <c r="A46" s="5">
        <v>34</v>
      </c>
      <c r="B46" s="22" t="s">
        <v>219</v>
      </c>
      <c r="C46" s="14" t="s">
        <v>219</v>
      </c>
      <c r="D46" s="18" t="s">
        <v>219</v>
      </c>
    </row>
    <row r="47" spans="1:4" ht="18" customHeight="1" x14ac:dyDescent="0.15">
      <c r="A47" s="5" t="s">
        <v>15</v>
      </c>
      <c r="B47" s="22" t="s">
        <v>219</v>
      </c>
      <c r="C47" s="14" t="s">
        <v>219</v>
      </c>
      <c r="D47" s="18" t="s">
        <v>219</v>
      </c>
    </row>
    <row r="48" spans="1:4" ht="18" customHeight="1" x14ac:dyDescent="0.15">
      <c r="A48" s="5">
        <v>35</v>
      </c>
      <c r="B48" s="22" t="s">
        <v>219</v>
      </c>
      <c r="C48" s="14" t="s">
        <v>219</v>
      </c>
      <c r="D48" s="18" t="s">
        <v>219</v>
      </c>
    </row>
    <row r="49" spans="1:4" ht="18" customHeight="1" x14ac:dyDescent="0.15">
      <c r="A49" s="5">
        <v>36</v>
      </c>
      <c r="B49" s="22" t="s">
        <v>219</v>
      </c>
      <c r="C49" s="14" t="s">
        <v>219</v>
      </c>
      <c r="D49" s="18" t="s">
        <v>219</v>
      </c>
    </row>
    <row r="50" spans="1:4" ht="18" customHeight="1" x14ac:dyDescent="0.15">
      <c r="A50" s="5">
        <v>37</v>
      </c>
      <c r="B50" s="22" t="s">
        <v>219</v>
      </c>
      <c r="C50" s="14" t="s">
        <v>219</v>
      </c>
      <c r="D50" s="18" t="s">
        <v>219</v>
      </c>
    </row>
    <row r="51" spans="1:4" ht="18" customHeight="1" x14ac:dyDescent="0.15">
      <c r="A51" s="5">
        <v>38</v>
      </c>
      <c r="B51" s="22" t="s">
        <v>219</v>
      </c>
      <c r="C51" s="14" t="s">
        <v>219</v>
      </c>
      <c r="D51" s="18" t="s">
        <v>219</v>
      </c>
    </row>
    <row r="52" spans="1:4" ht="18" customHeight="1" x14ac:dyDescent="0.15">
      <c r="A52" s="5">
        <v>39</v>
      </c>
      <c r="B52" s="22" t="s">
        <v>219</v>
      </c>
      <c r="C52" s="14" t="s">
        <v>219</v>
      </c>
      <c r="D52" s="18" t="s">
        <v>219</v>
      </c>
    </row>
    <row r="53" spans="1:4" ht="18" customHeight="1" x14ac:dyDescent="0.15">
      <c r="A53" s="5" t="s">
        <v>18</v>
      </c>
      <c r="B53" s="22" t="s">
        <v>219</v>
      </c>
      <c r="C53" s="14" t="s">
        <v>219</v>
      </c>
      <c r="D53" s="18" t="s">
        <v>219</v>
      </c>
    </row>
    <row r="54" spans="1:4" ht="18" customHeight="1" x14ac:dyDescent="0.15">
      <c r="A54" s="5">
        <v>40</v>
      </c>
      <c r="B54" s="22" t="s">
        <v>219</v>
      </c>
      <c r="C54" s="14" t="s">
        <v>219</v>
      </c>
      <c r="D54" s="18" t="s">
        <v>219</v>
      </c>
    </row>
    <row r="55" spans="1:4" ht="18" customHeight="1" x14ac:dyDescent="0.15">
      <c r="A55" s="5">
        <v>41</v>
      </c>
      <c r="B55" s="22" t="s">
        <v>219</v>
      </c>
      <c r="C55" s="14" t="s">
        <v>219</v>
      </c>
      <c r="D55" s="18" t="s">
        <v>219</v>
      </c>
    </row>
    <row r="56" spans="1:4" ht="18" customHeight="1" x14ac:dyDescent="0.15">
      <c r="A56" s="5">
        <v>42</v>
      </c>
      <c r="B56" s="22" t="s">
        <v>219</v>
      </c>
      <c r="C56" s="14" t="s">
        <v>219</v>
      </c>
      <c r="D56" s="18" t="s">
        <v>219</v>
      </c>
    </row>
    <row r="57" spans="1:4" ht="18" customHeight="1" x14ac:dyDescent="0.15">
      <c r="A57" s="5">
        <v>43</v>
      </c>
      <c r="B57" s="22" t="s">
        <v>219</v>
      </c>
      <c r="C57" s="14" t="s">
        <v>219</v>
      </c>
      <c r="D57" s="18" t="s">
        <v>219</v>
      </c>
    </row>
    <row r="58" spans="1:4" ht="18" customHeight="1" x14ac:dyDescent="0.15">
      <c r="A58" s="5">
        <v>44</v>
      </c>
      <c r="B58" s="22" t="s">
        <v>219</v>
      </c>
      <c r="C58" s="14" t="s">
        <v>219</v>
      </c>
      <c r="D58" s="18" t="s">
        <v>219</v>
      </c>
    </row>
    <row r="59" spans="1:4" ht="18" customHeight="1" x14ac:dyDescent="0.15">
      <c r="A59" s="5" t="s">
        <v>21</v>
      </c>
      <c r="B59" s="22" t="s">
        <v>219</v>
      </c>
      <c r="C59" s="14" t="s">
        <v>219</v>
      </c>
      <c r="D59" s="18" t="s">
        <v>219</v>
      </c>
    </row>
    <row r="60" spans="1:4" ht="18" customHeight="1" x14ac:dyDescent="0.15">
      <c r="A60" s="5">
        <v>45</v>
      </c>
      <c r="B60" s="22" t="s">
        <v>219</v>
      </c>
      <c r="C60" s="14" t="s">
        <v>219</v>
      </c>
      <c r="D60" s="18" t="s">
        <v>219</v>
      </c>
    </row>
    <row r="61" spans="1:4" ht="18" customHeight="1" x14ac:dyDescent="0.15">
      <c r="A61" s="5">
        <v>46</v>
      </c>
      <c r="B61" s="22" t="s">
        <v>219</v>
      </c>
      <c r="C61" s="14" t="s">
        <v>219</v>
      </c>
      <c r="D61" s="18" t="s">
        <v>219</v>
      </c>
    </row>
    <row r="62" spans="1:4" ht="18" customHeight="1" x14ac:dyDescent="0.15">
      <c r="A62" s="5">
        <v>47</v>
      </c>
      <c r="B62" s="22" t="s">
        <v>219</v>
      </c>
      <c r="C62" s="14" t="s">
        <v>219</v>
      </c>
      <c r="D62" s="18" t="s">
        <v>219</v>
      </c>
    </row>
    <row r="63" spans="1:4" ht="18" customHeight="1" x14ac:dyDescent="0.15">
      <c r="A63" s="5">
        <v>48</v>
      </c>
      <c r="B63" s="22" t="s">
        <v>219</v>
      </c>
      <c r="C63" s="14" t="s">
        <v>219</v>
      </c>
      <c r="D63" s="18" t="s">
        <v>219</v>
      </c>
    </row>
    <row r="64" spans="1:4" ht="18" customHeight="1" x14ac:dyDescent="0.15">
      <c r="A64" s="5">
        <v>49</v>
      </c>
      <c r="B64" s="22" t="s">
        <v>219</v>
      </c>
      <c r="C64" s="14" t="s">
        <v>219</v>
      </c>
      <c r="D64" s="18" t="s">
        <v>219</v>
      </c>
    </row>
    <row r="65" spans="1:4" ht="18" customHeight="1" x14ac:dyDescent="0.15">
      <c r="A65" s="5" t="s">
        <v>17</v>
      </c>
      <c r="B65" s="22" t="s">
        <v>219</v>
      </c>
      <c r="C65" s="14" t="s">
        <v>219</v>
      </c>
      <c r="D65" s="18" t="s">
        <v>219</v>
      </c>
    </row>
    <row r="66" spans="1:4" ht="18" customHeight="1" x14ac:dyDescent="0.15">
      <c r="A66" s="5">
        <v>50</v>
      </c>
      <c r="B66" s="22" t="s">
        <v>219</v>
      </c>
      <c r="C66" s="14" t="s">
        <v>219</v>
      </c>
      <c r="D66" s="18" t="s">
        <v>219</v>
      </c>
    </row>
    <row r="67" spans="1:4" ht="18" customHeight="1" x14ac:dyDescent="0.15">
      <c r="A67" s="5">
        <v>51</v>
      </c>
      <c r="B67" s="22" t="s">
        <v>219</v>
      </c>
      <c r="C67" s="14" t="s">
        <v>219</v>
      </c>
      <c r="D67" s="18" t="s">
        <v>219</v>
      </c>
    </row>
    <row r="68" spans="1:4" ht="18" customHeight="1" x14ac:dyDescent="0.15">
      <c r="A68" s="5">
        <v>52</v>
      </c>
      <c r="B68" s="22" t="s">
        <v>219</v>
      </c>
      <c r="C68" s="14" t="s">
        <v>219</v>
      </c>
      <c r="D68" s="18" t="s">
        <v>219</v>
      </c>
    </row>
    <row r="69" spans="1:4" ht="18" customHeight="1" x14ac:dyDescent="0.15">
      <c r="A69" s="5">
        <v>53</v>
      </c>
      <c r="B69" s="22" t="s">
        <v>219</v>
      </c>
      <c r="C69" s="14" t="s">
        <v>219</v>
      </c>
      <c r="D69" s="18" t="s">
        <v>219</v>
      </c>
    </row>
    <row r="70" spans="1:4" ht="18" customHeight="1" x14ac:dyDescent="0.15">
      <c r="A70" s="5">
        <v>54</v>
      </c>
      <c r="B70" s="22" t="s">
        <v>219</v>
      </c>
      <c r="C70" s="14" t="s">
        <v>219</v>
      </c>
      <c r="D70" s="18" t="s">
        <v>219</v>
      </c>
    </row>
    <row r="71" spans="1:4" ht="18" customHeight="1" x14ac:dyDescent="0.15">
      <c r="A71" s="5" t="s">
        <v>22</v>
      </c>
      <c r="B71" s="22" t="s">
        <v>219</v>
      </c>
      <c r="C71" s="14" t="s">
        <v>219</v>
      </c>
      <c r="D71" s="18" t="s">
        <v>219</v>
      </c>
    </row>
    <row r="72" spans="1:4" ht="18" customHeight="1" x14ac:dyDescent="0.15">
      <c r="A72" s="5">
        <v>55</v>
      </c>
      <c r="B72" s="22" t="s">
        <v>219</v>
      </c>
      <c r="C72" s="14" t="s">
        <v>219</v>
      </c>
      <c r="D72" s="18" t="s">
        <v>219</v>
      </c>
    </row>
    <row r="73" spans="1:4" ht="18" customHeight="1" x14ac:dyDescent="0.15">
      <c r="A73" s="5">
        <v>56</v>
      </c>
      <c r="B73" s="22" t="s">
        <v>219</v>
      </c>
      <c r="C73" s="14" t="s">
        <v>219</v>
      </c>
      <c r="D73" s="18" t="s">
        <v>219</v>
      </c>
    </row>
    <row r="74" spans="1:4" ht="18" customHeight="1" x14ac:dyDescent="0.15">
      <c r="A74" s="5">
        <v>57</v>
      </c>
      <c r="B74" s="22" t="s">
        <v>219</v>
      </c>
      <c r="C74" s="14" t="s">
        <v>219</v>
      </c>
      <c r="D74" s="18" t="s">
        <v>219</v>
      </c>
    </row>
    <row r="75" spans="1:4" ht="18" customHeight="1" x14ac:dyDescent="0.15">
      <c r="A75" s="5">
        <v>58</v>
      </c>
      <c r="B75" s="22" t="s">
        <v>219</v>
      </c>
      <c r="C75" s="14" t="s">
        <v>219</v>
      </c>
      <c r="D75" s="18" t="s">
        <v>219</v>
      </c>
    </row>
    <row r="76" spans="1:4" ht="18" customHeight="1" x14ac:dyDescent="0.15">
      <c r="A76" s="5">
        <v>59</v>
      </c>
      <c r="B76" s="22" t="s">
        <v>219</v>
      </c>
      <c r="C76" s="14" t="s">
        <v>219</v>
      </c>
      <c r="D76" s="18" t="s">
        <v>219</v>
      </c>
    </row>
    <row r="77" spans="1:4" ht="18" customHeight="1" x14ac:dyDescent="0.15">
      <c r="A77" s="5" t="s">
        <v>27</v>
      </c>
      <c r="B77" s="22" t="s">
        <v>219</v>
      </c>
      <c r="C77" s="14" t="s">
        <v>219</v>
      </c>
      <c r="D77" s="18" t="s">
        <v>219</v>
      </c>
    </row>
    <row r="78" spans="1:4" ht="18" customHeight="1" x14ac:dyDescent="0.15">
      <c r="A78" s="5">
        <v>60</v>
      </c>
      <c r="B78" s="22" t="s">
        <v>219</v>
      </c>
      <c r="C78" s="14" t="s">
        <v>219</v>
      </c>
      <c r="D78" s="18" t="s">
        <v>219</v>
      </c>
    </row>
    <row r="79" spans="1:4" ht="18" customHeight="1" x14ac:dyDescent="0.15">
      <c r="A79" s="5">
        <v>61</v>
      </c>
      <c r="B79" s="22" t="s">
        <v>219</v>
      </c>
      <c r="C79" s="14" t="s">
        <v>219</v>
      </c>
      <c r="D79" s="18" t="s">
        <v>219</v>
      </c>
    </row>
    <row r="80" spans="1:4" ht="18" customHeight="1" x14ac:dyDescent="0.15">
      <c r="A80" s="5">
        <v>62</v>
      </c>
      <c r="B80" s="22" t="s">
        <v>219</v>
      </c>
      <c r="C80" s="14" t="s">
        <v>219</v>
      </c>
      <c r="D80" s="18" t="s">
        <v>219</v>
      </c>
    </row>
    <row r="81" spans="1:4" ht="18" customHeight="1" x14ac:dyDescent="0.15">
      <c r="A81" s="5">
        <v>63</v>
      </c>
      <c r="B81" s="22" t="s">
        <v>219</v>
      </c>
      <c r="C81" s="14" t="s">
        <v>219</v>
      </c>
      <c r="D81" s="18" t="s">
        <v>219</v>
      </c>
    </row>
    <row r="82" spans="1:4" ht="18" customHeight="1" x14ac:dyDescent="0.15">
      <c r="A82" s="5">
        <v>64</v>
      </c>
      <c r="B82" s="22" t="s">
        <v>219</v>
      </c>
      <c r="C82" s="14" t="s">
        <v>219</v>
      </c>
      <c r="D82" s="18" t="s">
        <v>219</v>
      </c>
    </row>
    <row r="83" spans="1:4" ht="18" customHeight="1" x14ac:dyDescent="0.15">
      <c r="A83" s="5" t="s">
        <v>28</v>
      </c>
      <c r="B83" s="22" t="s">
        <v>219</v>
      </c>
      <c r="C83" s="14" t="s">
        <v>219</v>
      </c>
      <c r="D83" s="18" t="s">
        <v>219</v>
      </c>
    </row>
    <row r="84" spans="1:4" ht="18" customHeight="1" x14ac:dyDescent="0.15">
      <c r="A84" s="5" t="s">
        <v>31</v>
      </c>
      <c r="B84" s="22">
        <v>35</v>
      </c>
      <c r="C84" s="14">
        <v>30</v>
      </c>
      <c r="D84" s="18">
        <v>65</v>
      </c>
    </row>
    <row r="85" spans="1:4" ht="18" customHeight="1" x14ac:dyDescent="0.15">
      <c r="A85" s="5">
        <v>65</v>
      </c>
      <c r="B85" s="22" t="s">
        <v>219</v>
      </c>
      <c r="C85" s="14" t="s">
        <v>219</v>
      </c>
      <c r="D85" s="18" t="s">
        <v>219</v>
      </c>
    </row>
    <row r="86" spans="1:4" ht="18" customHeight="1" x14ac:dyDescent="0.15">
      <c r="A86" s="5">
        <v>66</v>
      </c>
      <c r="B86" s="22" t="s">
        <v>219</v>
      </c>
      <c r="C86" s="14" t="s">
        <v>219</v>
      </c>
      <c r="D86" s="18" t="s">
        <v>219</v>
      </c>
    </row>
    <row r="87" spans="1:4" ht="18" customHeight="1" x14ac:dyDescent="0.15">
      <c r="A87" s="5">
        <v>67</v>
      </c>
      <c r="B87" s="22" t="s">
        <v>219</v>
      </c>
      <c r="C87" s="14" t="s">
        <v>219</v>
      </c>
      <c r="D87" s="18" t="s">
        <v>219</v>
      </c>
    </row>
    <row r="88" spans="1:4" ht="18" customHeight="1" x14ac:dyDescent="0.15">
      <c r="A88" s="5">
        <v>68</v>
      </c>
      <c r="B88" s="22" t="s">
        <v>219</v>
      </c>
      <c r="C88" s="14" t="s">
        <v>219</v>
      </c>
      <c r="D88" s="18" t="s">
        <v>219</v>
      </c>
    </row>
    <row r="89" spans="1:4" ht="18" customHeight="1" x14ac:dyDescent="0.15">
      <c r="A89" s="5">
        <v>69</v>
      </c>
      <c r="B89" s="22" t="s">
        <v>219</v>
      </c>
      <c r="C89" s="14" t="s">
        <v>219</v>
      </c>
      <c r="D89" s="18" t="s">
        <v>219</v>
      </c>
    </row>
    <row r="90" spans="1:4" ht="18" customHeight="1" x14ac:dyDescent="0.15">
      <c r="A90" s="5" t="s">
        <v>20</v>
      </c>
      <c r="B90" s="22" t="s">
        <v>219</v>
      </c>
      <c r="C90" s="14" t="s">
        <v>219</v>
      </c>
      <c r="D90" s="18" t="s">
        <v>219</v>
      </c>
    </row>
    <row r="91" spans="1:4" ht="18" customHeight="1" x14ac:dyDescent="0.15">
      <c r="A91" s="5">
        <v>70</v>
      </c>
      <c r="B91" s="22" t="s">
        <v>219</v>
      </c>
      <c r="C91" s="14" t="s">
        <v>219</v>
      </c>
      <c r="D91" s="18" t="s">
        <v>219</v>
      </c>
    </row>
    <row r="92" spans="1:4" ht="18" customHeight="1" x14ac:dyDescent="0.15">
      <c r="A92" s="5">
        <v>71</v>
      </c>
      <c r="B92" s="22" t="s">
        <v>219</v>
      </c>
      <c r="C92" s="14" t="s">
        <v>219</v>
      </c>
      <c r="D92" s="18" t="s">
        <v>219</v>
      </c>
    </row>
    <row r="93" spans="1:4" ht="18" customHeight="1" x14ac:dyDescent="0.15">
      <c r="A93" s="5">
        <v>72</v>
      </c>
      <c r="B93" s="22" t="s">
        <v>219</v>
      </c>
      <c r="C93" s="14" t="s">
        <v>219</v>
      </c>
      <c r="D93" s="18" t="s">
        <v>219</v>
      </c>
    </row>
    <row r="94" spans="1:4" ht="18" customHeight="1" x14ac:dyDescent="0.15">
      <c r="A94" s="5">
        <v>73</v>
      </c>
      <c r="B94" s="22" t="s">
        <v>219</v>
      </c>
      <c r="C94" s="14" t="s">
        <v>219</v>
      </c>
      <c r="D94" s="18" t="s">
        <v>219</v>
      </c>
    </row>
    <row r="95" spans="1:4" ht="18" customHeight="1" x14ac:dyDescent="0.15">
      <c r="A95" s="5">
        <v>74</v>
      </c>
      <c r="B95" s="22" t="s">
        <v>219</v>
      </c>
      <c r="C95" s="14" t="s">
        <v>219</v>
      </c>
      <c r="D95" s="18" t="s">
        <v>219</v>
      </c>
    </row>
    <row r="96" spans="1:4" ht="18" customHeight="1" x14ac:dyDescent="0.15">
      <c r="A96" s="5" t="s">
        <v>33</v>
      </c>
      <c r="B96" s="22" t="s">
        <v>219</v>
      </c>
      <c r="C96" s="14" t="s">
        <v>219</v>
      </c>
      <c r="D96" s="18" t="s">
        <v>219</v>
      </c>
    </row>
    <row r="97" spans="1:4" ht="18" customHeight="1" x14ac:dyDescent="0.15">
      <c r="A97" s="5">
        <v>75</v>
      </c>
      <c r="B97" s="22" t="s">
        <v>219</v>
      </c>
      <c r="C97" s="14" t="s">
        <v>219</v>
      </c>
      <c r="D97" s="18" t="s">
        <v>219</v>
      </c>
    </row>
    <row r="98" spans="1:4" ht="18" customHeight="1" x14ac:dyDescent="0.15">
      <c r="A98" s="5">
        <v>76</v>
      </c>
      <c r="B98" s="22" t="s">
        <v>219</v>
      </c>
      <c r="C98" s="14" t="s">
        <v>219</v>
      </c>
      <c r="D98" s="18" t="s">
        <v>219</v>
      </c>
    </row>
    <row r="99" spans="1:4" ht="18" customHeight="1" x14ac:dyDescent="0.15">
      <c r="A99" s="5">
        <v>77</v>
      </c>
      <c r="B99" s="22" t="s">
        <v>219</v>
      </c>
      <c r="C99" s="14" t="s">
        <v>219</v>
      </c>
      <c r="D99" s="18" t="s">
        <v>219</v>
      </c>
    </row>
    <row r="100" spans="1:4" ht="18" customHeight="1" x14ac:dyDescent="0.15">
      <c r="A100" s="5">
        <v>78</v>
      </c>
      <c r="B100" s="22" t="s">
        <v>219</v>
      </c>
      <c r="C100" s="14" t="s">
        <v>219</v>
      </c>
      <c r="D100" s="18" t="s">
        <v>219</v>
      </c>
    </row>
    <row r="101" spans="1:4" ht="18" customHeight="1" x14ac:dyDescent="0.15">
      <c r="A101" s="5">
        <v>79</v>
      </c>
      <c r="B101" s="22" t="s">
        <v>219</v>
      </c>
      <c r="C101" s="14" t="s">
        <v>219</v>
      </c>
      <c r="D101" s="18" t="s">
        <v>219</v>
      </c>
    </row>
    <row r="102" spans="1:4" ht="18" customHeight="1" x14ac:dyDescent="0.15">
      <c r="A102" s="5" t="s">
        <v>0</v>
      </c>
      <c r="B102" s="22" t="s">
        <v>219</v>
      </c>
      <c r="C102" s="14" t="s">
        <v>219</v>
      </c>
      <c r="D102" s="18" t="s">
        <v>219</v>
      </c>
    </row>
    <row r="103" spans="1:4" ht="18" customHeight="1" x14ac:dyDescent="0.15">
      <c r="A103" s="5">
        <v>80</v>
      </c>
      <c r="B103" s="22" t="s">
        <v>219</v>
      </c>
      <c r="C103" s="14" t="s">
        <v>219</v>
      </c>
      <c r="D103" s="18" t="s">
        <v>219</v>
      </c>
    </row>
    <row r="104" spans="1:4" ht="18" customHeight="1" x14ac:dyDescent="0.15">
      <c r="A104" s="5">
        <v>81</v>
      </c>
      <c r="B104" s="22" t="s">
        <v>219</v>
      </c>
      <c r="C104" s="14" t="s">
        <v>219</v>
      </c>
      <c r="D104" s="18" t="s">
        <v>219</v>
      </c>
    </row>
    <row r="105" spans="1:4" ht="18" customHeight="1" x14ac:dyDescent="0.15">
      <c r="A105" s="5">
        <v>82</v>
      </c>
      <c r="B105" s="22" t="s">
        <v>219</v>
      </c>
      <c r="C105" s="14" t="s">
        <v>219</v>
      </c>
      <c r="D105" s="18" t="s">
        <v>219</v>
      </c>
    </row>
    <row r="106" spans="1:4" ht="18" customHeight="1" x14ac:dyDescent="0.15">
      <c r="A106" s="5">
        <v>83</v>
      </c>
      <c r="B106" s="22" t="s">
        <v>219</v>
      </c>
      <c r="C106" s="14" t="s">
        <v>219</v>
      </c>
      <c r="D106" s="18" t="s">
        <v>219</v>
      </c>
    </row>
    <row r="107" spans="1:4" ht="18" customHeight="1" x14ac:dyDescent="0.15">
      <c r="A107" s="5">
        <v>84</v>
      </c>
      <c r="B107" s="22" t="s">
        <v>219</v>
      </c>
      <c r="C107" s="14" t="s">
        <v>219</v>
      </c>
      <c r="D107" s="18" t="s">
        <v>219</v>
      </c>
    </row>
    <row r="108" spans="1:4" ht="18" customHeight="1" x14ac:dyDescent="0.15">
      <c r="A108" s="5" t="s">
        <v>35</v>
      </c>
      <c r="B108" s="22" t="s">
        <v>219</v>
      </c>
      <c r="C108" s="14" t="s">
        <v>219</v>
      </c>
      <c r="D108" s="18" t="s">
        <v>219</v>
      </c>
    </row>
    <row r="109" spans="1:4" ht="18" customHeight="1" x14ac:dyDescent="0.15">
      <c r="A109" s="5">
        <v>85</v>
      </c>
      <c r="B109" s="22" t="s">
        <v>219</v>
      </c>
      <c r="C109" s="14" t="s">
        <v>219</v>
      </c>
      <c r="D109" s="18" t="s">
        <v>219</v>
      </c>
    </row>
    <row r="110" spans="1:4" ht="18" customHeight="1" x14ac:dyDescent="0.15">
      <c r="A110" s="5">
        <v>86</v>
      </c>
      <c r="B110" s="22" t="s">
        <v>219</v>
      </c>
      <c r="C110" s="14" t="s">
        <v>219</v>
      </c>
      <c r="D110" s="18" t="s">
        <v>219</v>
      </c>
    </row>
    <row r="111" spans="1:4" ht="18" customHeight="1" x14ac:dyDescent="0.15">
      <c r="A111" s="5">
        <v>87</v>
      </c>
      <c r="B111" s="22" t="s">
        <v>219</v>
      </c>
      <c r="C111" s="14" t="s">
        <v>219</v>
      </c>
      <c r="D111" s="18" t="s">
        <v>219</v>
      </c>
    </row>
    <row r="112" spans="1:4" ht="18" customHeight="1" x14ac:dyDescent="0.15">
      <c r="A112" s="5">
        <v>88</v>
      </c>
      <c r="B112" s="22" t="s">
        <v>219</v>
      </c>
      <c r="C112" s="14" t="s">
        <v>219</v>
      </c>
      <c r="D112" s="18" t="s">
        <v>219</v>
      </c>
    </row>
    <row r="113" spans="1:4" ht="18" customHeight="1" x14ac:dyDescent="0.15">
      <c r="A113" s="5">
        <v>89</v>
      </c>
      <c r="B113" s="22" t="s">
        <v>219</v>
      </c>
      <c r="C113" s="14" t="s">
        <v>219</v>
      </c>
      <c r="D113" s="18" t="s">
        <v>219</v>
      </c>
    </row>
    <row r="114" spans="1:4" ht="18" customHeight="1" x14ac:dyDescent="0.15">
      <c r="A114" s="5" t="s">
        <v>37</v>
      </c>
      <c r="B114" s="22" t="s">
        <v>219</v>
      </c>
      <c r="C114" s="14" t="s">
        <v>219</v>
      </c>
      <c r="D114" s="18" t="s">
        <v>219</v>
      </c>
    </row>
    <row r="115" spans="1:4" ht="18" customHeight="1" x14ac:dyDescent="0.15">
      <c r="A115" s="5">
        <v>90</v>
      </c>
      <c r="B115" s="22" t="s">
        <v>219</v>
      </c>
      <c r="C115" s="14" t="s">
        <v>219</v>
      </c>
      <c r="D115" s="18" t="s">
        <v>219</v>
      </c>
    </row>
    <row r="116" spans="1:4" ht="18" customHeight="1" x14ac:dyDescent="0.15">
      <c r="A116" s="5">
        <v>91</v>
      </c>
      <c r="B116" s="22" t="s">
        <v>219</v>
      </c>
      <c r="C116" s="14" t="s">
        <v>219</v>
      </c>
      <c r="D116" s="18" t="s">
        <v>219</v>
      </c>
    </row>
    <row r="117" spans="1:4" ht="18" customHeight="1" x14ac:dyDescent="0.15">
      <c r="A117" s="5">
        <v>92</v>
      </c>
      <c r="B117" s="22" t="s">
        <v>219</v>
      </c>
      <c r="C117" s="14" t="s">
        <v>219</v>
      </c>
      <c r="D117" s="18" t="s">
        <v>219</v>
      </c>
    </row>
    <row r="118" spans="1:4" ht="18" customHeight="1" x14ac:dyDescent="0.15">
      <c r="A118" s="5">
        <v>93</v>
      </c>
      <c r="B118" s="22" t="s">
        <v>219</v>
      </c>
      <c r="C118" s="14" t="s">
        <v>219</v>
      </c>
      <c r="D118" s="18" t="s">
        <v>219</v>
      </c>
    </row>
    <row r="119" spans="1:4" ht="18" customHeight="1" x14ac:dyDescent="0.15">
      <c r="A119" s="5">
        <v>94</v>
      </c>
      <c r="B119" s="22" t="s">
        <v>219</v>
      </c>
      <c r="C119" s="14" t="s">
        <v>219</v>
      </c>
      <c r="D119" s="18" t="s">
        <v>219</v>
      </c>
    </row>
    <row r="120" spans="1:4" ht="18" customHeight="1" x14ac:dyDescent="0.15">
      <c r="A120" s="5" t="s">
        <v>39</v>
      </c>
      <c r="B120" s="22" t="s">
        <v>219</v>
      </c>
      <c r="C120" s="14" t="s">
        <v>219</v>
      </c>
      <c r="D120" s="18" t="s">
        <v>219</v>
      </c>
    </row>
    <row r="121" spans="1:4" ht="18" customHeight="1" x14ac:dyDescent="0.15">
      <c r="A121" s="5">
        <v>95</v>
      </c>
      <c r="B121" s="22" t="s">
        <v>219</v>
      </c>
      <c r="C121" s="14" t="s">
        <v>219</v>
      </c>
      <c r="D121" s="18" t="s">
        <v>219</v>
      </c>
    </row>
    <row r="122" spans="1:4" ht="18" customHeight="1" x14ac:dyDescent="0.15">
      <c r="A122" s="5">
        <v>96</v>
      </c>
      <c r="B122" s="22" t="s">
        <v>219</v>
      </c>
      <c r="C122" s="14" t="s">
        <v>219</v>
      </c>
      <c r="D122" s="18" t="s">
        <v>219</v>
      </c>
    </row>
    <row r="123" spans="1:4" ht="18" customHeight="1" x14ac:dyDescent="0.15">
      <c r="A123" s="5">
        <v>97</v>
      </c>
      <c r="B123" s="22" t="s">
        <v>219</v>
      </c>
      <c r="C123" s="14" t="s">
        <v>219</v>
      </c>
      <c r="D123" s="18" t="s">
        <v>219</v>
      </c>
    </row>
    <row r="124" spans="1:4" ht="18" customHeight="1" x14ac:dyDescent="0.15">
      <c r="A124" s="5">
        <v>98</v>
      </c>
      <c r="B124" s="22" t="s">
        <v>219</v>
      </c>
      <c r="C124" s="14" t="s">
        <v>219</v>
      </c>
      <c r="D124" s="18" t="s">
        <v>219</v>
      </c>
    </row>
    <row r="125" spans="1:4" ht="18" customHeight="1" x14ac:dyDescent="0.15">
      <c r="A125" s="5">
        <v>99</v>
      </c>
      <c r="B125" s="22" t="s">
        <v>219</v>
      </c>
      <c r="C125" s="14" t="s">
        <v>219</v>
      </c>
      <c r="D125" s="18" t="s">
        <v>219</v>
      </c>
    </row>
    <row r="126" spans="1:4" ht="18" customHeight="1" x14ac:dyDescent="0.15">
      <c r="A126" s="5" t="s">
        <v>40</v>
      </c>
      <c r="B126" s="22" t="s">
        <v>219</v>
      </c>
      <c r="C126" s="14" t="s">
        <v>219</v>
      </c>
      <c r="D126" s="18" t="s">
        <v>219</v>
      </c>
    </row>
    <row r="127" spans="1:4" ht="18" customHeight="1" x14ac:dyDescent="0.15">
      <c r="A127" s="5">
        <v>100</v>
      </c>
      <c r="B127" s="22" t="s">
        <v>219</v>
      </c>
      <c r="C127" s="14" t="s">
        <v>219</v>
      </c>
      <c r="D127" s="18" t="s">
        <v>219</v>
      </c>
    </row>
    <row r="128" spans="1:4" ht="18" customHeight="1" x14ac:dyDescent="0.15">
      <c r="A128" s="6" t="s">
        <v>43</v>
      </c>
      <c r="B128" s="22" t="s">
        <v>219</v>
      </c>
      <c r="C128" s="14" t="s">
        <v>219</v>
      </c>
      <c r="D128" s="18" t="s">
        <v>219</v>
      </c>
    </row>
    <row r="129" spans="1:4" ht="18" customHeight="1" x14ac:dyDescent="0.15">
      <c r="A129" s="5" t="s">
        <v>44</v>
      </c>
      <c r="B129" s="22" t="s">
        <v>219</v>
      </c>
      <c r="C129" s="14" t="s">
        <v>219</v>
      </c>
      <c r="D129" s="18" t="s">
        <v>219</v>
      </c>
    </row>
    <row r="130" spans="1:4" ht="18" customHeight="1" x14ac:dyDescent="0.15">
      <c r="A130" s="5" t="s">
        <v>46</v>
      </c>
      <c r="B130" s="22">
        <v>38</v>
      </c>
      <c r="C130" s="14">
        <v>34</v>
      </c>
      <c r="D130" s="18">
        <v>72</v>
      </c>
    </row>
    <row r="131" spans="1:4" ht="18" customHeight="1" x14ac:dyDescent="0.15">
      <c r="A131" s="7" t="s">
        <v>45</v>
      </c>
      <c r="B131" s="23">
        <v>76</v>
      </c>
      <c r="C131" s="15">
        <v>69</v>
      </c>
      <c r="D131" s="19">
        <v>1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96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6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0</v>
      </c>
      <c r="C10" s="14">
        <v>1</v>
      </c>
      <c r="D10" s="18">
        <v>1</v>
      </c>
    </row>
    <row r="11" spans="1:4" ht="18" customHeight="1" x14ac:dyDescent="0.15">
      <c r="A11" s="5">
        <v>5</v>
      </c>
      <c r="B11" s="27">
        <v>1</v>
      </c>
      <c r="C11" s="14">
        <v>0</v>
      </c>
      <c r="D11" s="18">
        <v>1</v>
      </c>
    </row>
    <row r="12" spans="1:4" ht="18" customHeight="1" x14ac:dyDescent="0.15">
      <c r="A12" s="5">
        <v>6</v>
      </c>
      <c r="B12" s="27">
        <v>0</v>
      </c>
      <c r="C12" s="14">
        <v>1</v>
      </c>
      <c r="D12" s="18">
        <v>1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1</v>
      </c>
      <c r="C14" s="14">
        <v>1</v>
      </c>
      <c r="D14" s="18">
        <v>2</v>
      </c>
    </row>
    <row r="15" spans="1:4" ht="18" customHeight="1" x14ac:dyDescent="0.15">
      <c r="A15" s="5">
        <v>9</v>
      </c>
      <c r="B15" s="27">
        <v>1</v>
      </c>
      <c r="C15" s="14">
        <v>0</v>
      </c>
      <c r="D15" s="18">
        <v>1</v>
      </c>
    </row>
    <row r="16" spans="1:4" ht="18" customHeight="1" x14ac:dyDescent="0.15">
      <c r="A16" s="5" t="s">
        <v>11</v>
      </c>
      <c r="B16" s="22">
        <v>3</v>
      </c>
      <c r="C16" s="14">
        <v>2</v>
      </c>
      <c r="D16" s="18">
        <v>5</v>
      </c>
    </row>
    <row r="17" spans="1:4" ht="18" customHeight="1" x14ac:dyDescent="0.15">
      <c r="A17" s="5">
        <v>10</v>
      </c>
      <c r="B17" s="22">
        <v>0</v>
      </c>
      <c r="C17" s="14">
        <v>0</v>
      </c>
      <c r="D17" s="18">
        <v>0</v>
      </c>
    </row>
    <row r="18" spans="1:4" ht="18" customHeight="1" x14ac:dyDescent="0.15">
      <c r="A18" s="5">
        <v>11</v>
      </c>
      <c r="B18" s="22">
        <v>2</v>
      </c>
      <c r="C18" s="14">
        <v>1</v>
      </c>
      <c r="D18" s="18">
        <v>3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3</v>
      </c>
      <c r="C20" s="14">
        <v>1</v>
      </c>
      <c r="D20" s="18">
        <v>4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5</v>
      </c>
      <c r="C22" s="14">
        <v>2</v>
      </c>
      <c r="D22" s="18">
        <v>7</v>
      </c>
    </row>
    <row r="23" spans="1:4" ht="18" customHeight="1" x14ac:dyDescent="0.15">
      <c r="A23" s="5" t="s">
        <v>6</v>
      </c>
      <c r="B23" s="22">
        <v>8</v>
      </c>
      <c r="C23" s="14">
        <v>5</v>
      </c>
      <c r="D23" s="18">
        <v>13</v>
      </c>
    </row>
    <row r="24" spans="1:4" ht="18" customHeight="1" x14ac:dyDescent="0.15">
      <c r="A24" s="5">
        <v>15</v>
      </c>
      <c r="B24" s="22">
        <v>2</v>
      </c>
      <c r="C24" s="14">
        <v>0</v>
      </c>
      <c r="D24" s="18">
        <v>2</v>
      </c>
    </row>
    <row r="25" spans="1:4" ht="18" customHeight="1" x14ac:dyDescent="0.15">
      <c r="A25" s="5">
        <v>16</v>
      </c>
      <c r="B25" s="22">
        <v>0</v>
      </c>
      <c r="C25" s="14">
        <v>1</v>
      </c>
      <c r="D25" s="18">
        <v>1</v>
      </c>
    </row>
    <row r="26" spans="1:4" ht="18" customHeight="1" x14ac:dyDescent="0.15">
      <c r="A26" s="5">
        <v>17</v>
      </c>
      <c r="B26" s="22">
        <v>1</v>
      </c>
      <c r="C26" s="14">
        <v>1</v>
      </c>
      <c r="D26" s="18">
        <v>2</v>
      </c>
    </row>
    <row r="27" spans="1:4" ht="18" customHeight="1" x14ac:dyDescent="0.15">
      <c r="A27" s="5">
        <v>18</v>
      </c>
      <c r="B27" s="22">
        <v>2</v>
      </c>
      <c r="C27" s="14">
        <v>0</v>
      </c>
      <c r="D27" s="18">
        <v>2</v>
      </c>
    </row>
    <row r="28" spans="1:4" ht="18" customHeight="1" x14ac:dyDescent="0.15">
      <c r="A28" s="5">
        <v>19</v>
      </c>
      <c r="B28" s="22">
        <v>1</v>
      </c>
      <c r="C28" s="14">
        <v>2</v>
      </c>
      <c r="D28" s="18">
        <v>3</v>
      </c>
    </row>
    <row r="29" spans="1:4" ht="18" customHeight="1" x14ac:dyDescent="0.15">
      <c r="A29" s="5" t="s">
        <v>14</v>
      </c>
      <c r="B29" s="22">
        <v>6</v>
      </c>
      <c r="C29" s="14">
        <v>4</v>
      </c>
      <c r="D29" s="18">
        <v>10</v>
      </c>
    </row>
    <row r="30" spans="1:4" ht="18" customHeight="1" x14ac:dyDescent="0.15">
      <c r="A30" s="5">
        <v>20</v>
      </c>
      <c r="B30" s="22">
        <v>1</v>
      </c>
      <c r="C30" s="14">
        <v>1</v>
      </c>
      <c r="D30" s="18">
        <v>2</v>
      </c>
    </row>
    <row r="31" spans="1:4" ht="18" customHeight="1" x14ac:dyDescent="0.15">
      <c r="A31" s="5">
        <v>21</v>
      </c>
      <c r="B31" s="22">
        <v>0</v>
      </c>
      <c r="C31" s="14">
        <v>1</v>
      </c>
      <c r="D31" s="18">
        <v>1</v>
      </c>
    </row>
    <row r="32" spans="1:4" ht="18" customHeight="1" x14ac:dyDescent="0.15">
      <c r="A32" s="5">
        <v>22</v>
      </c>
      <c r="B32" s="22">
        <v>2</v>
      </c>
      <c r="C32" s="14">
        <v>1</v>
      </c>
      <c r="D32" s="18">
        <v>3</v>
      </c>
    </row>
    <row r="33" spans="1:4" ht="18" customHeight="1" x14ac:dyDescent="0.15">
      <c r="A33" s="5">
        <v>23</v>
      </c>
      <c r="B33" s="22">
        <v>1</v>
      </c>
      <c r="C33" s="14">
        <v>1</v>
      </c>
      <c r="D33" s="18">
        <v>2</v>
      </c>
    </row>
    <row r="34" spans="1:4" ht="18" customHeight="1" x14ac:dyDescent="0.15">
      <c r="A34" s="5">
        <v>24</v>
      </c>
      <c r="B34" s="22">
        <v>3</v>
      </c>
      <c r="C34" s="14">
        <v>0</v>
      </c>
      <c r="D34" s="18">
        <v>3</v>
      </c>
    </row>
    <row r="35" spans="1:4" ht="18" customHeight="1" x14ac:dyDescent="0.15">
      <c r="A35" s="5" t="s">
        <v>9</v>
      </c>
      <c r="B35" s="22">
        <v>7</v>
      </c>
      <c r="C35" s="14">
        <v>4</v>
      </c>
      <c r="D35" s="18">
        <v>11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1</v>
      </c>
      <c r="C37" s="14">
        <v>1</v>
      </c>
      <c r="D37" s="18">
        <v>2</v>
      </c>
    </row>
    <row r="38" spans="1:4" ht="18" customHeight="1" x14ac:dyDescent="0.15">
      <c r="A38" s="5">
        <v>27</v>
      </c>
      <c r="B38" s="22">
        <v>1</v>
      </c>
      <c r="C38" s="14">
        <v>0</v>
      </c>
      <c r="D38" s="18">
        <v>1</v>
      </c>
    </row>
    <row r="39" spans="1:4" ht="18" customHeight="1" x14ac:dyDescent="0.15">
      <c r="A39" s="5">
        <v>28</v>
      </c>
      <c r="B39" s="22">
        <v>0</v>
      </c>
      <c r="C39" s="14">
        <v>0</v>
      </c>
      <c r="D39" s="18">
        <v>0</v>
      </c>
    </row>
    <row r="40" spans="1:4" ht="18" customHeight="1" x14ac:dyDescent="0.15">
      <c r="A40" s="5">
        <v>29</v>
      </c>
      <c r="B40" s="22">
        <v>0</v>
      </c>
      <c r="C40" s="14">
        <v>0</v>
      </c>
      <c r="D40" s="18">
        <v>0</v>
      </c>
    </row>
    <row r="41" spans="1:4" ht="18" customHeight="1" x14ac:dyDescent="0.15">
      <c r="A41" s="5" t="s">
        <v>2</v>
      </c>
      <c r="B41" s="22">
        <v>2</v>
      </c>
      <c r="C41" s="14">
        <v>1</v>
      </c>
      <c r="D41" s="18">
        <v>3</v>
      </c>
    </row>
    <row r="42" spans="1:4" ht="18" customHeight="1" x14ac:dyDescent="0.15">
      <c r="A42" s="5">
        <v>30</v>
      </c>
      <c r="B42" s="22">
        <v>0</v>
      </c>
      <c r="C42" s="14">
        <v>1</v>
      </c>
      <c r="D42" s="18">
        <v>1</v>
      </c>
    </row>
    <row r="43" spans="1:4" ht="18" customHeight="1" x14ac:dyDescent="0.15">
      <c r="A43" s="5">
        <v>31</v>
      </c>
      <c r="B43" s="22">
        <v>0</v>
      </c>
      <c r="C43" s="14">
        <v>0</v>
      </c>
      <c r="D43" s="18">
        <v>0</v>
      </c>
    </row>
    <row r="44" spans="1:4" ht="18" customHeight="1" x14ac:dyDescent="0.15">
      <c r="A44" s="5">
        <v>32</v>
      </c>
      <c r="B44" s="22">
        <v>1</v>
      </c>
      <c r="C44" s="14">
        <v>1</v>
      </c>
      <c r="D44" s="18">
        <v>2</v>
      </c>
    </row>
    <row r="45" spans="1:4" ht="18" customHeight="1" x14ac:dyDescent="0.15">
      <c r="A45" s="5">
        <v>33</v>
      </c>
      <c r="B45" s="22">
        <v>1</v>
      </c>
      <c r="C45" s="14">
        <v>0</v>
      </c>
      <c r="D45" s="18">
        <v>1</v>
      </c>
    </row>
    <row r="46" spans="1:4" ht="18" customHeight="1" x14ac:dyDescent="0.15">
      <c r="A46" s="5">
        <v>34</v>
      </c>
      <c r="B46" s="22">
        <v>2</v>
      </c>
      <c r="C46" s="14">
        <v>0</v>
      </c>
      <c r="D46" s="18">
        <v>2</v>
      </c>
    </row>
    <row r="47" spans="1:4" ht="18" customHeight="1" x14ac:dyDescent="0.15">
      <c r="A47" s="5" t="s">
        <v>15</v>
      </c>
      <c r="B47" s="22">
        <v>4</v>
      </c>
      <c r="C47" s="14">
        <v>2</v>
      </c>
      <c r="D47" s="18">
        <v>6</v>
      </c>
    </row>
    <row r="48" spans="1:4" ht="18" customHeight="1" x14ac:dyDescent="0.15">
      <c r="A48" s="5">
        <v>35</v>
      </c>
      <c r="B48" s="22">
        <v>4</v>
      </c>
      <c r="C48" s="14">
        <v>1</v>
      </c>
      <c r="D48" s="18">
        <v>5</v>
      </c>
    </row>
    <row r="49" spans="1:4" ht="18" customHeight="1" x14ac:dyDescent="0.15">
      <c r="A49" s="5">
        <v>36</v>
      </c>
      <c r="B49" s="22">
        <v>0</v>
      </c>
      <c r="C49" s="14">
        <v>1</v>
      </c>
      <c r="D49" s="18">
        <v>1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0</v>
      </c>
      <c r="C52" s="14">
        <v>0</v>
      </c>
      <c r="D52" s="18">
        <v>0</v>
      </c>
    </row>
    <row r="53" spans="1:4" ht="18" customHeight="1" x14ac:dyDescent="0.15">
      <c r="A53" s="5" t="s">
        <v>18</v>
      </c>
      <c r="B53" s="22">
        <v>7</v>
      </c>
      <c r="C53" s="14">
        <v>2</v>
      </c>
      <c r="D53" s="18">
        <v>9</v>
      </c>
    </row>
    <row r="54" spans="1:4" ht="18" customHeight="1" x14ac:dyDescent="0.15">
      <c r="A54" s="5">
        <v>40</v>
      </c>
      <c r="B54" s="22">
        <v>1</v>
      </c>
      <c r="C54" s="14">
        <v>1</v>
      </c>
      <c r="D54" s="18">
        <v>2</v>
      </c>
    </row>
    <row r="55" spans="1:4" ht="18" customHeight="1" x14ac:dyDescent="0.15">
      <c r="A55" s="5">
        <v>41</v>
      </c>
      <c r="B55" s="22">
        <v>1</v>
      </c>
      <c r="C55" s="14">
        <v>2</v>
      </c>
      <c r="D55" s="18">
        <v>3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1</v>
      </c>
      <c r="C57" s="14">
        <v>0</v>
      </c>
      <c r="D57" s="18">
        <v>1</v>
      </c>
    </row>
    <row r="58" spans="1:4" ht="18" customHeight="1" x14ac:dyDescent="0.15">
      <c r="A58" s="5">
        <v>44</v>
      </c>
      <c r="B58" s="22">
        <v>3</v>
      </c>
      <c r="C58" s="14">
        <v>1</v>
      </c>
      <c r="D58" s="18">
        <v>4</v>
      </c>
    </row>
    <row r="59" spans="1:4" ht="18" customHeight="1" x14ac:dyDescent="0.15">
      <c r="A59" s="5" t="s">
        <v>21</v>
      </c>
      <c r="B59" s="22">
        <v>7</v>
      </c>
      <c r="C59" s="14">
        <v>4</v>
      </c>
      <c r="D59" s="18">
        <v>11</v>
      </c>
    </row>
    <row r="60" spans="1:4" ht="18" customHeight="1" x14ac:dyDescent="0.15">
      <c r="A60" s="5">
        <v>45</v>
      </c>
      <c r="B60" s="22">
        <v>3</v>
      </c>
      <c r="C60" s="14">
        <v>3</v>
      </c>
      <c r="D60" s="18">
        <v>6</v>
      </c>
    </row>
    <row r="61" spans="1:4" ht="18" customHeight="1" x14ac:dyDescent="0.15">
      <c r="A61" s="5">
        <v>46</v>
      </c>
      <c r="B61" s="22">
        <v>1</v>
      </c>
      <c r="C61" s="14">
        <v>2</v>
      </c>
      <c r="D61" s="18">
        <v>3</v>
      </c>
    </row>
    <row r="62" spans="1:4" ht="18" customHeight="1" x14ac:dyDescent="0.15">
      <c r="A62" s="5">
        <v>47</v>
      </c>
      <c r="B62" s="22">
        <v>1</v>
      </c>
      <c r="C62" s="14">
        <v>1</v>
      </c>
      <c r="D62" s="18">
        <v>2</v>
      </c>
    </row>
    <row r="63" spans="1:4" ht="18" customHeight="1" x14ac:dyDescent="0.15">
      <c r="A63" s="5">
        <v>48</v>
      </c>
      <c r="B63" s="22">
        <v>4</v>
      </c>
      <c r="C63" s="14">
        <v>1</v>
      </c>
      <c r="D63" s="18">
        <v>5</v>
      </c>
    </row>
    <row r="64" spans="1:4" ht="18" customHeight="1" x14ac:dyDescent="0.15">
      <c r="A64" s="5">
        <v>49</v>
      </c>
      <c r="B64" s="22">
        <v>3</v>
      </c>
      <c r="C64" s="14">
        <v>3</v>
      </c>
      <c r="D64" s="18">
        <v>6</v>
      </c>
    </row>
    <row r="65" spans="1:4" ht="18" customHeight="1" x14ac:dyDescent="0.15">
      <c r="A65" s="5" t="s">
        <v>17</v>
      </c>
      <c r="B65" s="22">
        <v>12</v>
      </c>
      <c r="C65" s="14">
        <v>10</v>
      </c>
      <c r="D65" s="18">
        <v>22</v>
      </c>
    </row>
    <row r="66" spans="1:4" ht="18" customHeight="1" x14ac:dyDescent="0.15">
      <c r="A66" s="5">
        <v>50</v>
      </c>
      <c r="B66" s="22">
        <v>2</v>
      </c>
      <c r="C66" s="14">
        <v>3</v>
      </c>
      <c r="D66" s="18">
        <v>5</v>
      </c>
    </row>
    <row r="67" spans="1:4" ht="18" customHeight="1" x14ac:dyDescent="0.15">
      <c r="A67" s="5">
        <v>51</v>
      </c>
      <c r="B67" s="22">
        <v>2</v>
      </c>
      <c r="C67" s="14">
        <v>2</v>
      </c>
      <c r="D67" s="18">
        <v>4</v>
      </c>
    </row>
    <row r="68" spans="1:4" ht="18" customHeight="1" x14ac:dyDescent="0.15">
      <c r="A68" s="5">
        <v>52</v>
      </c>
      <c r="B68" s="22">
        <v>3</v>
      </c>
      <c r="C68" s="14">
        <v>3</v>
      </c>
      <c r="D68" s="18">
        <v>6</v>
      </c>
    </row>
    <row r="69" spans="1:4" ht="18" customHeight="1" x14ac:dyDescent="0.15">
      <c r="A69" s="5">
        <v>53</v>
      </c>
      <c r="B69" s="22">
        <v>2</v>
      </c>
      <c r="C69" s="14">
        <v>2</v>
      </c>
      <c r="D69" s="18">
        <v>4</v>
      </c>
    </row>
    <row r="70" spans="1:4" ht="18" customHeight="1" x14ac:dyDescent="0.15">
      <c r="A70" s="5">
        <v>54</v>
      </c>
      <c r="B70" s="22">
        <v>5</v>
      </c>
      <c r="C70" s="14">
        <v>3</v>
      </c>
      <c r="D70" s="18">
        <v>8</v>
      </c>
    </row>
    <row r="71" spans="1:4" ht="18" customHeight="1" x14ac:dyDescent="0.15">
      <c r="A71" s="5" t="s">
        <v>22</v>
      </c>
      <c r="B71" s="22">
        <v>14</v>
      </c>
      <c r="C71" s="14">
        <v>13</v>
      </c>
      <c r="D71" s="18">
        <v>27</v>
      </c>
    </row>
    <row r="72" spans="1:4" ht="18" customHeight="1" x14ac:dyDescent="0.15">
      <c r="A72" s="5">
        <v>55</v>
      </c>
      <c r="B72" s="22">
        <v>5</v>
      </c>
      <c r="C72" s="14">
        <v>1</v>
      </c>
      <c r="D72" s="18">
        <v>6</v>
      </c>
    </row>
    <row r="73" spans="1:4" ht="18" customHeight="1" x14ac:dyDescent="0.15">
      <c r="A73" s="5">
        <v>56</v>
      </c>
      <c r="B73" s="22">
        <v>3</v>
      </c>
      <c r="C73" s="14">
        <v>1</v>
      </c>
      <c r="D73" s="18">
        <v>4</v>
      </c>
    </row>
    <row r="74" spans="1:4" ht="18" customHeight="1" x14ac:dyDescent="0.15">
      <c r="A74" s="5">
        <v>57</v>
      </c>
      <c r="B74" s="22">
        <v>0</v>
      </c>
      <c r="C74" s="14">
        <v>5</v>
      </c>
      <c r="D74" s="18">
        <v>5</v>
      </c>
    </row>
    <row r="75" spans="1:4" ht="18" customHeight="1" x14ac:dyDescent="0.15">
      <c r="A75" s="5">
        <v>58</v>
      </c>
      <c r="B75" s="22">
        <v>3</v>
      </c>
      <c r="C75" s="14">
        <v>1</v>
      </c>
      <c r="D75" s="18">
        <v>4</v>
      </c>
    </row>
    <row r="76" spans="1:4" ht="18" customHeight="1" x14ac:dyDescent="0.15">
      <c r="A76" s="5">
        <v>59</v>
      </c>
      <c r="B76" s="22">
        <v>3</v>
      </c>
      <c r="C76" s="14">
        <v>0</v>
      </c>
      <c r="D76" s="18">
        <v>3</v>
      </c>
    </row>
    <row r="77" spans="1:4" ht="18" customHeight="1" x14ac:dyDescent="0.15">
      <c r="A77" s="5" t="s">
        <v>27</v>
      </c>
      <c r="B77" s="22">
        <v>14</v>
      </c>
      <c r="C77" s="14">
        <v>8</v>
      </c>
      <c r="D77" s="18">
        <v>22</v>
      </c>
    </row>
    <row r="78" spans="1:4" ht="18" customHeight="1" x14ac:dyDescent="0.15">
      <c r="A78" s="5">
        <v>60</v>
      </c>
      <c r="B78" s="22">
        <v>1</v>
      </c>
      <c r="C78" s="14">
        <v>2</v>
      </c>
      <c r="D78" s="18">
        <v>3</v>
      </c>
    </row>
    <row r="79" spans="1:4" ht="18" customHeight="1" x14ac:dyDescent="0.15">
      <c r="A79" s="5">
        <v>61</v>
      </c>
      <c r="B79" s="22">
        <v>1</v>
      </c>
      <c r="C79" s="14">
        <v>1</v>
      </c>
      <c r="D79" s="18">
        <v>2</v>
      </c>
    </row>
    <row r="80" spans="1:4" ht="18" customHeight="1" x14ac:dyDescent="0.15">
      <c r="A80" s="5">
        <v>62</v>
      </c>
      <c r="B80" s="22">
        <v>1</v>
      </c>
      <c r="C80" s="14">
        <v>2</v>
      </c>
      <c r="D80" s="18">
        <v>3</v>
      </c>
    </row>
    <row r="81" spans="1:4" ht="18" customHeight="1" x14ac:dyDescent="0.15">
      <c r="A81" s="5">
        <v>63</v>
      </c>
      <c r="B81" s="22">
        <v>0</v>
      </c>
      <c r="C81" s="14">
        <v>1</v>
      </c>
      <c r="D81" s="18">
        <v>1</v>
      </c>
    </row>
    <row r="82" spans="1:4" ht="18" customHeight="1" x14ac:dyDescent="0.15">
      <c r="A82" s="5">
        <v>64</v>
      </c>
      <c r="B82" s="22">
        <v>0</v>
      </c>
      <c r="C82" s="14">
        <v>5</v>
      </c>
      <c r="D82" s="18">
        <v>5</v>
      </c>
    </row>
    <row r="83" spans="1:4" ht="18" customHeight="1" x14ac:dyDescent="0.15">
      <c r="A83" s="5" t="s">
        <v>28</v>
      </c>
      <c r="B83" s="22">
        <v>3</v>
      </c>
      <c r="C83" s="14">
        <v>11</v>
      </c>
      <c r="D83" s="18">
        <v>14</v>
      </c>
    </row>
    <row r="84" spans="1:4" ht="18" customHeight="1" x14ac:dyDescent="0.15">
      <c r="A84" s="5" t="s">
        <v>31</v>
      </c>
      <c r="B84" s="22">
        <v>76</v>
      </c>
      <c r="C84" s="14">
        <v>59</v>
      </c>
      <c r="D84" s="18">
        <v>135</v>
      </c>
    </row>
    <row r="85" spans="1:4" ht="18" customHeight="1" x14ac:dyDescent="0.15">
      <c r="A85" s="5">
        <v>65</v>
      </c>
      <c r="B85" s="22">
        <v>0</v>
      </c>
      <c r="C85" s="14">
        <v>1</v>
      </c>
      <c r="D85" s="18">
        <v>1</v>
      </c>
    </row>
    <row r="86" spans="1:4" ht="18" customHeight="1" x14ac:dyDescent="0.15">
      <c r="A86" s="5">
        <v>66</v>
      </c>
      <c r="B86" s="22">
        <v>0</v>
      </c>
      <c r="C86" s="14">
        <v>1</v>
      </c>
      <c r="D86" s="18">
        <v>1</v>
      </c>
    </row>
    <row r="87" spans="1:4" ht="18" customHeight="1" x14ac:dyDescent="0.15">
      <c r="A87" s="5">
        <v>67</v>
      </c>
      <c r="B87" s="22">
        <v>3</v>
      </c>
      <c r="C87" s="14">
        <v>2</v>
      </c>
      <c r="D87" s="18">
        <v>5</v>
      </c>
    </row>
    <row r="88" spans="1:4" ht="18" customHeight="1" x14ac:dyDescent="0.15">
      <c r="A88" s="5">
        <v>68</v>
      </c>
      <c r="B88" s="22">
        <v>3</v>
      </c>
      <c r="C88" s="14">
        <v>1</v>
      </c>
      <c r="D88" s="18">
        <v>4</v>
      </c>
    </row>
    <row r="89" spans="1:4" ht="18" customHeight="1" x14ac:dyDescent="0.15">
      <c r="A89" s="5">
        <v>69</v>
      </c>
      <c r="B89" s="22">
        <v>3</v>
      </c>
      <c r="C89" s="14">
        <v>2</v>
      </c>
      <c r="D89" s="18">
        <v>5</v>
      </c>
    </row>
    <row r="90" spans="1:4" ht="18" customHeight="1" x14ac:dyDescent="0.15">
      <c r="A90" s="5" t="s">
        <v>20</v>
      </c>
      <c r="B90" s="22">
        <v>9</v>
      </c>
      <c r="C90" s="14">
        <v>7</v>
      </c>
      <c r="D90" s="18">
        <v>16</v>
      </c>
    </row>
    <row r="91" spans="1:4" ht="18" customHeight="1" x14ac:dyDescent="0.15">
      <c r="A91" s="5">
        <v>70</v>
      </c>
      <c r="B91" s="22">
        <v>1</v>
      </c>
      <c r="C91" s="14">
        <v>2</v>
      </c>
      <c r="D91" s="18">
        <v>3</v>
      </c>
    </row>
    <row r="92" spans="1:4" ht="18" customHeight="1" x14ac:dyDescent="0.15">
      <c r="A92" s="5">
        <v>71</v>
      </c>
      <c r="B92" s="22">
        <v>5</v>
      </c>
      <c r="C92" s="14">
        <v>4</v>
      </c>
      <c r="D92" s="18">
        <v>9</v>
      </c>
    </row>
    <row r="93" spans="1:4" ht="18" customHeight="1" x14ac:dyDescent="0.15">
      <c r="A93" s="5">
        <v>72</v>
      </c>
      <c r="B93" s="22">
        <v>1</v>
      </c>
      <c r="C93" s="14">
        <v>2</v>
      </c>
      <c r="D93" s="18">
        <v>3</v>
      </c>
    </row>
    <row r="94" spans="1:4" ht="18" customHeight="1" x14ac:dyDescent="0.15">
      <c r="A94" s="5">
        <v>73</v>
      </c>
      <c r="B94" s="22">
        <v>2</v>
      </c>
      <c r="C94" s="14">
        <v>2</v>
      </c>
      <c r="D94" s="18">
        <v>4</v>
      </c>
    </row>
    <row r="95" spans="1:4" ht="18" customHeight="1" x14ac:dyDescent="0.15">
      <c r="A95" s="5">
        <v>74</v>
      </c>
      <c r="B95" s="22">
        <v>1</v>
      </c>
      <c r="C95" s="14">
        <v>2</v>
      </c>
      <c r="D95" s="18">
        <v>3</v>
      </c>
    </row>
    <row r="96" spans="1:4" ht="18" customHeight="1" x14ac:dyDescent="0.15">
      <c r="A96" s="5" t="s">
        <v>33</v>
      </c>
      <c r="B96" s="22">
        <v>10</v>
      </c>
      <c r="C96" s="14">
        <v>12</v>
      </c>
      <c r="D96" s="18">
        <v>22</v>
      </c>
    </row>
    <row r="97" spans="1:4" ht="18" customHeight="1" x14ac:dyDescent="0.15">
      <c r="A97" s="5">
        <v>75</v>
      </c>
      <c r="B97" s="22">
        <v>3</v>
      </c>
      <c r="C97" s="14">
        <v>2</v>
      </c>
      <c r="D97" s="18">
        <v>5</v>
      </c>
    </row>
    <row r="98" spans="1:4" ht="18" customHeight="1" x14ac:dyDescent="0.15">
      <c r="A98" s="5">
        <v>76</v>
      </c>
      <c r="B98" s="22">
        <v>3</v>
      </c>
      <c r="C98" s="14">
        <v>5</v>
      </c>
      <c r="D98" s="18">
        <v>8</v>
      </c>
    </row>
    <row r="99" spans="1:4" ht="18" customHeight="1" x14ac:dyDescent="0.15">
      <c r="A99" s="5">
        <v>77</v>
      </c>
      <c r="B99" s="22">
        <v>2</v>
      </c>
      <c r="C99" s="14">
        <v>2</v>
      </c>
      <c r="D99" s="18">
        <v>4</v>
      </c>
    </row>
    <row r="100" spans="1:4" ht="18" customHeight="1" x14ac:dyDescent="0.15">
      <c r="A100" s="5">
        <v>78</v>
      </c>
      <c r="B100" s="22">
        <v>3</v>
      </c>
      <c r="C100" s="14">
        <v>5</v>
      </c>
      <c r="D100" s="18">
        <v>8</v>
      </c>
    </row>
    <row r="101" spans="1:4" ht="18" customHeight="1" x14ac:dyDescent="0.15">
      <c r="A101" s="5">
        <v>79</v>
      </c>
      <c r="B101" s="22">
        <v>1</v>
      </c>
      <c r="C101" s="14">
        <v>1</v>
      </c>
      <c r="D101" s="18">
        <v>2</v>
      </c>
    </row>
    <row r="102" spans="1:4" ht="18" customHeight="1" x14ac:dyDescent="0.15">
      <c r="A102" s="5" t="s">
        <v>0</v>
      </c>
      <c r="B102" s="22">
        <v>12</v>
      </c>
      <c r="C102" s="14">
        <v>15</v>
      </c>
      <c r="D102" s="18">
        <v>27</v>
      </c>
    </row>
    <row r="103" spans="1:4" ht="18" customHeight="1" x14ac:dyDescent="0.15">
      <c r="A103" s="5">
        <v>80</v>
      </c>
      <c r="B103" s="22">
        <v>1</v>
      </c>
      <c r="C103" s="14">
        <v>1</v>
      </c>
      <c r="D103" s="18">
        <v>2</v>
      </c>
    </row>
    <row r="104" spans="1:4" ht="18" customHeight="1" x14ac:dyDescent="0.15">
      <c r="A104" s="5">
        <v>81</v>
      </c>
      <c r="B104" s="22">
        <v>1</v>
      </c>
      <c r="C104" s="14">
        <v>0</v>
      </c>
      <c r="D104" s="18">
        <v>1</v>
      </c>
    </row>
    <row r="105" spans="1:4" ht="18" customHeight="1" x14ac:dyDescent="0.15">
      <c r="A105" s="5">
        <v>82</v>
      </c>
      <c r="B105" s="22">
        <v>1</v>
      </c>
      <c r="C105" s="14">
        <v>1</v>
      </c>
      <c r="D105" s="18">
        <v>2</v>
      </c>
    </row>
    <row r="106" spans="1:4" ht="18" customHeight="1" x14ac:dyDescent="0.15">
      <c r="A106" s="5">
        <v>83</v>
      </c>
      <c r="B106" s="22">
        <v>0</v>
      </c>
      <c r="C106" s="14">
        <v>1</v>
      </c>
      <c r="D106" s="18">
        <v>1</v>
      </c>
    </row>
    <row r="107" spans="1:4" ht="18" customHeight="1" x14ac:dyDescent="0.15">
      <c r="A107" s="5">
        <v>84</v>
      </c>
      <c r="B107" s="22">
        <v>2</v>
      </c>
      <c r="C107" s="14">
        <v>4</v>
      </c>
      <c r="D107" s="18">
        <v>6</v>
      </c>
    </row>
    <row r="108" spans="1:4" ht="18" customHeight="1" x14ac:dyDescent="0.15">
      <c r="A108" s="5" t="s">
        <v>35</v>
      </c>
      <c r="B108" s="22">
        <v>5</v>
      </c>
      <c r="C108" s="14">
        <v>7</v>
      </c>
      <c r="D108" s="18">
        <v>12</v>
      </c>
    </row>
    <row r="109" spans="1:4" ht="18" customHeight="1" x14ac:dyDescent="0.15">
      <c r="A109" s="5">
        <v>85</v>
      </c>
      <c r="B109" s="22">
        <v>0</v>
      </c>
      <c r="C109" s="14">
        <v>1</v>
      </c>
      <c r="D109" s="18">
        <v>1</v>
      </c>
    </row>
    <row r="110" spans="1:4" ht="18" customHeight="1" x14ac:dyDescent="0.15">
      <c r="A110" s="5">
        <v>86</v>
      </c>
      <c r="B110" s="22">
        <v>0</v>
      </c>
      <c r="C110" s="14">
        <v>0</v>
      </c>
      <c r="D110" s="18">
        <v>0</v>
      </c>
    </row>
    <row r="111" spans="1:4" ht="18" customHeight="1" x14ac:dyDescent="0.15">
      <c r="A111" s="5">
        <v>87</v>
      </c>
      <c r="B111" s="22">
        <v>0</v>
      </c>
      <c r="C111" s="14">
        <v>1</v>
      </c>
      <c r="D111" s="18">
        <v>1</v>
      </c>
    </row>
    <row r="112" spans="1:4" ht="18" customHeight="1" x14ac:dyDescent="0.15">
      <c r="A112" s="5">
        <v>88</v>
      </c>
      <c r="B112" s="22">
        <v>1</v>
      </c>
      <c r="C112" s="14">
        <v>1</v>
      </c>
      <c r="D112" s="18">
        <v>2</v>
      </c>
    </row>
    <row r="113" spans="1:4" ht="18" customHeight="1" x14ac:dyDescent="0.15">
      <c r="A113" s="5">
        <v>89</v>
      </c>
      <c r="B113" s="22">
        <v>0</v>
      </c>
      <c r="C113" s="14">
        <v>1</v>
      </c>
      <c r="D113" s="18">
        <v>1</v>
      </c>
    </row>
    <row r="114" spans="1:4" ht="18" customHeight="1" x14ac:dyDescent="0.15">
      <c r="A114" s="5" t="s">
        <v>37</v>
      </c>
      <c r="B114" s="22">
        <v>1</v>
      </c>
      <c r="C114" s="14">
        <v>4</v>
      </c>
      <c r="D114" s="18">
        <v>5</v>
      </c>
    </row>
    <row r="115" spans="1:4" ht="18" customHeight="1" x14ac:dyDescent="0.15">
      <c r="A115" s="5">
        <v>90</v>
      </c>
      <c r="B115" s="22">
        <v>1</v>
      </c>
      <c r="C115" s="14">
        <v>2</v>
      </c>
      <c r="D115" s="18">
        <v>3</v>
      </c>
    </row>
    <row r="116" spans="1:4" ht="18" customHeight="1" x14ac:dyDescent="0.15">
      <c r="A116" s="5">
        <v>91</v>
      </c>
      <c r="B116" s="22">
        <v>0</v>
      </c>
      <c r="C116" s="14">
        <v>1</v>
      </c>
      <c r="D116" s="18">
        <v>1</v>
      </c>
    </row>
    <row r="117" spans="1:4" ht="18" customHeight="1" x14ac:dyDescent="0.15">
      <c r="A117" s="5">
        <v>92</v>
      </c>
      <c r="B117" s="22">
        <v>0</v>
      </c>
      <c r="C117" s="14">
        <v>1</v>
      </c>
      <c r="D117" s="18">
        <v>1</v>
      </c>
    </row>
    <row r="118" spans="1:4" ht="18" customHeight="1" x14ac:dyDescent="0.15">
      <c r="A118" s="5">
        <v>93</v>
      </c>
      <c r="B118" s="22">
        <v>0</v>
      </c>
      <c r="C118" s="14">
        <v>0</v>
      </c>
      <c r="D118" s="18">
        <v>0</v>
      </c>
    </row>
    <row r="119" spans="1:4" ht="18" customHeight="1" x14ac:dyDescent="0.15">
      <c r="A119" s="5">
        <v>94</v>
      </c>
      <c r="B119" s="22">
        <v>0</v>
      </c>
      <c r="C119" s="14">
        <v>0</v>
      </c>
      <c r="D119" s="18">
        <v>0</v>
      </c>
    </row>
    <row r="120" spans="1:4" ht="18" customHeight="1" x14ac:dyDescent="0.15">
      <c r="A120" s="5" t="s">
        <v>39</v>
      </c>
      <c r="B120" s="22">
        <v>1</v>
      </c>
      <c r="C120" s="14">
        <v>4</v>
      </c>
      <c r="D120" s="18">
        <v>5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0</v>
      </c>
      <c r="D123" s="18">
        <v>1</v>
      </c>
    </row>
    <row r="124" spans="1:4" ht="18" customHeight="1" x14ac:dyDescent="0.15">
      <c r="A124" s="5">
        <v>98</v>
      </c>
      <c r="B124" s="22">
        <v>0</v>
      </c>
      <c r="C124" s="14">
        <v>1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3</v>
      </c>
      <c r="D126" s="18">
        <v>4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39</v>
      </c>
      <c r="C130" s="14">
        <v>54</v>
      </c>
      <c r="D130" s="18">
        <v>93</v>
      </c>
    </row>
    <row r="131" spans="1:4" ht="18" customHeight="1" x14ac:dyDescent="0.15">
      <c r="A131" s="7" t="s">
        <v>45</v>
      </c>
      <c r="B131" s="23">
        <v>123</v>
      </c>
      <c r="C131" s="15">
        <v>118</v>
      </c>
      <c r="D131" s="19">
        <v>24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7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7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1</v>
      </c>
      <c r="D5" s="31">
        <v>1</v>
      </c>
    </row>
    <row r="6" spans="1:4" ht="18" customHeight="1" x14ac:dyDescent="0.15">
      <c r="A6" s="5">
        <v>1</v>
      </c>
      <c r="B6" s="27">
        <v>1</v>
      </c>
      <c r="C6" s="14">
        <v>0</v>
      </c>
      <c r="D6" s="18">
        <v>1</v>
      </c>
    </row>
    <row r="7" spans="1:4" ht="18" customHeight="1" x14ac:dyDescent="0.15">
      <c r="A7" s="5">
        <v>2</v>
      </c>
      <c r="B7" s="27">
        <v>0</v>
      </c>
      <c r="C7" s="14">
        <v>1</v>
      </c>
      <c r="D7" s="18">
        <v>1</v>
      </c>
    </row>
    <row r="8" spans="1:4" ht="18" customHeight="1" x14ac:dyDescent="0.15">
      <c r="A8" s="5">
        <v>3</v>
      </c>
      <c r="B8" s="27">
        <v>2</v>
      </c>
      <c r="C8" s="14">
        <v>1</v>
      </c>
      <c r="D8" s="18">
        <v>3</v>
      </c>
    </row>
    <row r="9" spans="1:4" ht="18" customHeight="1" x14ac:dyDescent="0.15">
      <c r="A9" s="5">
        <v>4</v>
      </c>
      <c r="B9" s="28">
        <v>0</v>
      </c>
      <c r="C9" s="30">
        <v>0</v>
      </c>
      <c r="D9" s="32">
        <v>0</v>
      </c>
    </row>
    <row r="10" spans="1:4" ht="18" customHeight="1" x14ac:dyDescent="0.15">
      <c r="A10" s="5" t="s">
        <v>7</v>
      </c>
      <c r="B10" s="22">
        <v>3</v>
      </c>
      <c r="C10" s="14">
        <v>3</v>
      </c>
      <c r="D10" s="18">
        <v>6</v>
      </c>
    </row>
    <row r="11" spans="1:4" ht="18" customHeight="1" x14ac:dyDescent="0.15">
      <c r="A11" s="5">
        <v>5</v>
      </c>
      <c r="B11" s="27">
        <v>2</v>
      </c>
      <c r="C11" s="14">
        <v>2</v>
      </c>
      <c r="D11" s="18">
        <v>4</v>
      </c>
    </row>
    <row r="12" spans="1:4" ht="18" customHeight="1" x14ac:dyDescent="0.15">
      <c r="A12" s="5">
        <v>6</v>
      </c>
      <c r="B12" s="27">
        <v>1</v>
      </c>
      <c r="C12" s="14">
        <v>4</v>
      </c>
      <c r="D12" s="18">
        <v>5</v>
      </c>
    </row>
    <row r="13" spans="1:4" ht="18" customHeight="1" x14ac:dyDescent="0.15">
      <c r="A13" s="5">
        <v>7</v>
      </c>
      <c r="B13" s="27">
        <v>1</v>
      </c>
      <c r="C13" s="14">
        <v>3</v>
      </c>
      <c r="D13" s="18">
        <v>4</v>
      </c>
    </row>
    <row r="14" spans="1:4" ht="18" customHeight="1" x14ac:dyDescent="0.15">
      <c r="A14" s="5">
        <v>8</v>
      </c>
      <c r="B14" s="27">
        <v>6</v>
      </c>
      <c r="C14" s="14">
        <v>1</v>
      </c>
      <c r="D14" s="18">
        <v>7</v>
      </c>
    </row>
    <row r="15" spans="1:4" ht="18" customHeight="1" x14ac:dyDescent="0.15">
      <c r="A15" s="5">
        <v>9</v>
      </c>
      <c r="B15" s="27">
        <v>4</v>
      </c>
      <c r="C15" s="14">
        <v>2</v>
      </c>
      <c r="D15" s="18">
        <v>6</v>
      </c>
    </row>
    <row r="16" spans="1:4" ht="18" customHeight="1" x14ac:dyDescent="0.15">
      <c r="A16" s="5" t="s">
        <v>11</v>
      </c>
      <c r="B16" s="22">
        <v>14</v>
      </c>
      <c r="C16" s="14">
        <v>12</v>
      </c>
      <c r="D16" s="18">
        <v>26</v>
      </c>
    </row>
    <row r="17" spans="1:4" ht="18" customHeight="1" x14ac:dyDescent="0.15">
      <c r="A17" s="5">
        <v>10</v>
      </c>
      <c r="B17" s="22">
        <v>4</v>
      </c>
      <c r="C17" s="14">
        <v>3</v>
      </c>
      <c r="D17" s="18">
        <v>7</v>
      </c>
    </row>
    <row r="18" spans="1:4" ht="18" customHeight="1" x14ac:dyDescent="0.15">
      <c r="A18" s="5">
        <v>11</v>
      </c>
      <c r="B18" s="22">
        <v>8</v>
      </c>
      <c r="C18" s="14">
        <v>4</v>
      </c>
      <c r="D18" s="18">
        <v>12</v>
      </c>
    </row>
    <row r="19" spans="1:4" ht="18" customHeight="1" x14ac:dyDescent="0.15">
      <c r="A19" s="5">
        <v>12</v>
      </c>
      <c r="B19" s="22">
        <v>2</v>
      </c>
      <c r="C19" s="14">
        <v>2</v>
      </c>
      <c r="D19" s="18">
        <v>4</v>
      </c>
    </row>
    <row r="20" spans="1:4" ht="18" customHeight="1" x14ac:dyDescent="0.15">
      <c r="A20" s="5">
        <v>13</v>
      </c>
      <c r="B20" s="22">
        <v>6</v>
      </c>
      <c r="C20" s="14">
        <v>6</v>
      </c>
      <c r="D20" s="18">
        <v>12</v>
      </c>
    </row>
    <row r="21" spans="1:4" ht="18" customHeight="1" x14ac:dyDescent="0.15">
      <c r="A21" s="5">
        <v>14</v>
      </c>
      <c r="B21" s="22">
        <v>6</v>
      </c>
      <c r="C21" s="14">
        <v>3</v>
      </c>
      <c r="D21" s="18">
        <v>9</v>
      </c>
    </row>
    <row r="22" spans="1:4" ht="18" customHeight="1" x14ac:dyDescent="0.15">
      <c r="A22" s="5" t="s">
        <v>12</v>
      </c>
      <c r="B22" s="22">
        <v>26</v>
      </c>
      <c r="C22" s="14">
        <v>18</v>
      </c>
      <c r="D22" s="18">
        <v>44</v>
      </c>
    </row>
    <row r="23" spans="1:4" ht="18" customHeight="1" x14ac:dyDescent="0.15">
      <c r="A23" s="5" t="s">
        <v>6</v>
      </c>
      <c r="B23" s="22">
        <v>43</v>
      </c>
      <c r="C23" s="14">
        <v>33</v>
      </c>
      <c r="D23" s="18">
        <v>76</v>
      </c>
    </row>
    <row r="24" spans="1:4" ht="18" customHeight="1" x14ac:dyDescent="0.15">
      <c r="A24" s="5">
        <v>15</v>
      </c>
      <c r="B24" s="22">
        <v>9</v>
      </c>
      <c r="C24" s="14">
        <v>2</v>
      </c>
      <c r="D24" s="18">
        <v>11</v>
      </c>
    </row>
    <row r="25" spans="1:4" ht="18" customHeight="1" x14ac:dyDescent="0.15">
      <c r="A25" s="5">
        <v>16</v>
      </c>
      <c r="B25" s="22">
        <v>4</v>
      </c>
      <c r="C25" s="14">
        <v>4</v>
      </c>
      <c r="D25" s="18">
        <v>8</v>
      </c>
    </row>
    <row r="26" spans="1:4" ht="18" customHeight="1" x14ac:dyDescent="0.15">
      <c r="A26" s="5">
        <v>17</v>
      </c>
      <c r="B26" s="22">
        <v>4</v>
      </c>
      <c r="C26" s="14">
        <v>7</v>
      </c>
      <c r="D26" s="18">
        <v>11</v>
      </c>
    </row>
    <row r="27" spans="1:4" ht="18" customHeight="1" x14ac:dyDescent="0.15">
      <c r="A27" s="5">
        <v>18</v>
      </c>
      <c r="B27" s="22">
        <v>7</v>
      </c>
      <c r="C27" s="14">
        <v>1</v>
      </c>
      <c r="D27" s="18">
        <v>8</v>
      </c>
    </row>
    <row r="28" spans="1:4" ht="18" customHeight="1" x14ac:dyDescent="0.15">
      <c r="A28" s="5">
        <v>19</v>
      </c>
      <c r="B28" s="22">
        <v>4</v>
      </c>
      <c r="C28" s="14">
        <v>7</v>
      </c>
      <c r="D28" s="18">
        <v>11</v>
      </c>
    </row>
    <row r="29" spans="1:4" ht="18" customHeight="1" x14ac:dyDescent="0.15">
      <c r="A29" s="5" t="s">
        <v>14</v>
      </c>
      <c r="B29" s="22">
        <v>28</v>
      </c>
      <c r="C29" s="14">
        <v>21</v>
      </c>
      <c r="D29" s="18">
        <v>49</v>
      </c>
    </row>
    <row r="30" spans="1:4" ht="18" customHeight="1" x14ac:dyDescent="0.15">
      <c r="A30" s="5">
        <v>20</v>
      </c>
      <c r="B30" s="22">
        <v>8</v>
      </c>
      <c r="C30" s="14">
        <v>5</v>
      </c>
      <c r="D30" s="18">
        <v>13</v>
      </c>
    </row>
    <row r="31" spans="1:4" ht="18" customHeight="1" x14ac:dyDescent="0.15">
      <c r="A31" s="5">
        <v>21</v>
      </c>
      <c r="B31" s="22">
        <v>3</v>
      </c>
      <c r="C31" s="14">
        <v>5</v>
      </c>
      <c r="D31" s="18">
        <v>8</v>
      </c>
    </row>
    <row r="32" spans="1:4" ht="18" customHeight="1" x14ac:dyDescent="0.15">
      <c r="A32" s="5">
        <v>22</v>
      </c>
      <c r="B32" s="22">
        <v>9</v>
      </c>
      <c r="C32" s="14">
        <v>5</v>
      </c>
      <c r="D32" s="18">
        <v>14</v>
      </c>
    </row>
    <row r="33" spans="1:4" ht="18" customHeight="1" x14ac:dyDescent="0.15">
      <c r="A33" s="5">
        <v>23</v>
      </c>
      <c r="B33" s="22">
        <v>6</v>
      </c>
      <c r="C33" s="14">
        <v>3</v>
      </c>
      <c r="D33" s="18">
        <v>9</v>
      </c>
    </row>
    <row r="34" spans="1:4" ht="18" customHeight="1" x14ac:dyDescent="0.15">
      <c r="A34" s="5">
        <v>24</v>
      </c>
      <c r="B34" s="22">
        <v>7</v>
      </c>
      <c r="C34" s="14">
        <v>3</v>
      </c>
      <c r="D34" s="18">
        <v>10</v>
      </c>
    </row>
    <row r="35" spans="1:4" ht="18" customHeight="1" x14ac:dyDescent="0.15">
      <c r="A35" s="5" t="s">
        <v>9</v>
      </c>
      <c r="B35" s="22">
        <v>33</v>
      </c>
      <c r="C35" s="14">
        <v>21</v>
      </c>
      <c r="D35" s="18">
        <v>54</v>
      </c>
    </row>
    <row r="36" spans="1:4" ht="18" customHeight="1" x14ac:dyDescent="0.15">
      <c r="A36" s="5">
        <v>25</v>
      </c>
      <c r="B36" s="22">
        <v>1</v>
      </c>
      <c r="C36" s="14">
        <v>3</v>
      </c>
      <c r="D36" s="18">
        <v>4</v>
      </c>
    </row>
    <row r="37" spans="1:4" ht="18" customHeight="1" x14ac:dyDescent="0.15">
      <c r="A37" s="5">
        <v>26</v>
      </c>
      <c r="B37" s="22">
        <v>2</v>
      </c>
      <c r="C37" s="14">
        <v>1</v>
      </c>
      <c r="D37" s="18">
        <v>3</v>
      </c>
    </row>
    <row r="38" spans="1:4" ht="18" customHeight="1" x14ac:dyDescent="0.15">
      <c r="A38" s="5">
        <v>27</v>
      </c>
      <c r="B38" s="22">
        <v>3</v>
      </c>
      <c r="C38" s="14">
        <v>2</v>
      </c>
      <c r="D38" s="18">
        <v>5</v>
      </c>
    </row>
    <row r="39" spans="1:4" ht="18" customHeight="1" x14ac:dyDescent="0.15">
      <c r="A39" s="5">
        <v>28</v>
      </c>
      <c r="B39" s="22">
        <v>5</v>
      </c>
      <c r="C39" s="14">
        <v>1</v>
      </c>
      <c r="D39" s="18">
        <v>6</v>
      </c>
    </row>
    <row r="40" spans="1:4" ht="18" customHeight="1" x14ac:dyDescent="0.15">
      <c r="A40" s="5">
        <v>29</v>
      </c>
      <c r="B40" s="22">
        <v>0</v>
      </c>
      <c r="C40" s="14">
        <v>1</v>
      </c>
      <c r="D40" s="18">
        <v>1</v>
      </c>
    </row>
    <row r="41" spans="1:4" ht="18" customHeight="1" x14ac:dyDescent="0.15">
      <c r="A41" s="5" t="s">
        <v>2</v>
      </c>
      <c r="B41" s="22">
        <v>11</v>
      </c>
      <c r="C41" s="14">
        <v>8</v>
      </c>
      <c r="D41" s="18">
        <v>19</v>
      </c>
    </row>
    <row r="42" spans="1:4" ht="18" customHeight="1" x14ac:dyDescent="0.15">
      <c r="A42" s="5">
        <v>30</v>
      </c>
      <c r="B42" s="22">
        <v>6</v>
      </c>
      <c r="C42" s="14">
        <v>3</v>
      </c>
      <c r="D42" s="18">
        <v>9</v>
      </c>
    </row>
    <row r="43" spans="1:4" ht="18" customHeight="1" x14ac:dyDescent="0.15">
      <c r="A43" s="5">
        <v>31</v>
      </c>
      <c r="B43" s="22">
        <v>1</v>
      </c>
      <c r="C43" s="14">
        <v>0</v>
      </c>
      <c r="D43" s="18">
        <v>1</v>
      </c>
    </row>
    <row r="44" spans="1:4" ht="18" customHeight="1" x14ac:dyDescent="0.15">
      <c r="A44" s="5">
        <v>32</v>
      </c>
      <c r="B44" s="22">
        <v>2</v>
      </c>
      <c r="C44" s="14">
        <v>3</v>
      </c>
      <c r="D44" s="18">
        <v>5</v>
      </c>
    </row>
    <row r="45" spans="1:4" ht="18" customHeight="1" x14ac:dyDescent="0.15">
      <c r="A45" s="5">
        <v>33</v>
      </c>
      <c r="B45" s="22">
        <v>5</v>
      </c>
      <c r="C45" s="14">
        <v>2</v>
      </c>
      <c r="D45" s="18">
        <v>7</v>
      </c>
    </row>
    <row r="46" spans="1:4" ht="18" customHeight="1" x14ac:dyDescent="0.15">
      <c r="A46" s="5">
        <v>34</v>
      </c>
      <c r="B46" s="22">
        <v>4</v>
      </c>
      <c r="C46" s="14">
        <v>3</v>
      </c>
      <c r="D46" s="18">
        <v>7</v>
      </c>
    </row>
    <row r="47" spans="1:4" ht="18" customHeight="1" x14ac:dyDescent="0.15">
      <c r="A47" s="5" t="s">
        <v>15</v>
      </c>
      <c r="B47" s="22">
        <v>18</v>
      </c>
      <c r="C47" s="14">
        <v>11</v>
      </c>
      <c r="D47" s="18">
        <v>29</v>
      </c>
    </row>
    <row r="48" spans="1:4" ht="18" customHeight="1" x14ac:dyDescent="0.15">
      <c r="A48" s="5">
        <v>35</v>
      </c>
      <c r="B48" s="22">
        <v>7</v>
      </c>
      <c r="C48" s="14">
        <v>2</v>
      </c>
      <c r="D48" s="18">
        <v>9</v>
      </c>
    </row>
    <row r="49" spans="1:4" ht="18" customHeight="1" x14ac:dyDescent="0.15">
      <c r="A49" s="5">
        <v>36</v>
      </c>
      <c r="B49" s="22">
        <v>2</v>
      </c>
      <c r="C49" s="14">
        <v>4</v>
      </c>
      <c r="D49" s="18">
        <v>6</v>
      </c>
    </row>
    <row r="50" spans="1:4" ht="18" customHeight="1" x14ac:dyDescent="0.15">
      <c r="A50" s="5">
        <v>37</v>
      </c>
      <c r="B50" s="22">
        <v>5</v>
      </c>
      <c r="C50" s="14">
        <v>5</v>
      </c>
      <c r="D50" s="18">
        <v>10</v>
      </c>
    </row>
    <row r="51" spans="1:4" ht="18" customHeight="1" x14ac:dyDescent="0.15">
      <c r="A51" s="5">
        <v>38</v>
      </c>
      <c r="B51" s="22">
        <v>5</v>
      </c>
      <c r="C51" s="14">
        <v>6</v>
      </c>
      <c r="D51" s="18">
        <v>11</v>
      </c>
    </row>
    <row r="52" spans="1:4" ht="18" customHeight="1" x14ac:dyDescent="0.15">
      <c r="A52" s="5">
        <v>39</v>
      </c>
      <c r="B52" s="22">
        <v>3</v>
      </c>
      <c r="C52" s="14">
        <v>4</v>
      </c>
      <c r="D52" s="18">
        <v>7</v>
      </c>
    </row>
    <row r="53" spans="1:4" ht="18" customHeight="1" x14ac:dyDescent="0.15">
      <c r="A53" s="5" t="s">
        <v>18</v>
      </c>
      <c r="B53" s="22">
        <v>22</v>
      </c>
      <c r="C53" s="14">
        <v>21</v>
      </c>
      <c r="D53" s="18">
        <v>43</v>
      </c>
    </row>
    <row r="54" spans="1:4" ht="18" customHeight="1" x14ac:dyDescent="0.15">
      <c r="A54" s="5">
        <v>40</v>
      </c>
      <c r="B54" s="22">
        <v>7</v>
      </c>
      <c r="C54" s="14">
        <v>7</v>
      </c>
      <c r="D54" s="18">
        <v>14</v>
      </c>
    </row>
    <row r="55" spans="1:4" ht="18" customHeight="1" x14ac:dyDescent="0.15">
      <c r="A55" s="5">
        <v>41</v>
      </c>
      <c r="B55" s="22">
        <v>6</v>
      </c>
      <c r="C55" s="14">
        <v>4</v>
      </c>
      <c r="D55" s="18">
        <v>10</v>
      </c>
    </row>
    <row r="56" spans="1:4" ht="18" customHeight="1" x14ac:dyDescent="0.15">
      <c r="A56" s="5">
        <v>42</v>
      </c>
      <c r="B56" s="22">
        <v>3</v>
      </c>
      <c r="C56" s="14">
        <v>5</v>
      </c>
      <c r="D56" s="18">
        <v>8</v>
      </c>
    </row>
    <row r="57" spans="1:4" ht="18" customHeight="1" x14ac:dyDescent="0.15">
      <c r="A57" s="5">
        <v>43</v>
      </c>
      <c r="B57" s="22">
        <v>6</v>
      </c>
      <c r="C57" s="14">
        <v>2</v>
      </c>
      <c r="D57" s="18">
        <v>8</v>
      </c>
    </row>
    <row r="58" spans="1:4" ht="18" customHeight="1" x14ac:dyDescent="0.15">
      <c r="A58" s="5">
        <v>44</v>
      </c>
      <c r="B58" s="22">
        <v>12</v>
      </c>
      <c r="C58" s="14">
        <v>9</v>
      </c>
      <c r="D58" s="18">
        <v>21</v>
      </c>
    </row>
    <row r="59" spans="1:4" ht="18" customHeight="1" x14ac:dyDescent="0.15">
      <c r="A59" s="5" t="s">
        <v>21</v>
      </c>
      <c r="B59" s="22">
        <v>34</v>
      </c>
      <c r="C59" s="14">
        <v>27</v>
      </c>
      <c r="D59" s="18">
        <v>61</v>
      </c>
    </row>
    <row r="60" spans="1:4" ht="18" customHeight="1" x14ac:dyDescent="0.15">
      <c r="A60" s="5">
        <v>45</v>
      </c>
      <c r="B60" s="22">
        <v>9</v>
      </c>
      <c r="C60" s="14">
        <v>8</v>
      </c>
      <c r="D60" s="18">
        <v>17</v>
      </c>
    </row>
    <row r="61" spans="1:4" ht="18" customHeight="1" x14ac:dyDescent="0.15">
      <c r="A61" s="5">
        <v>46</v>
      </c>
      <c r="B61" s="22">
        <v>5</v>
      </c>
      <c r="C61" s="14">
        <v>7</v>
      </c>
      <c r="D61" s="18">
        <v>12</v>
      </c>
    </row>
    <row r="62" spans="1:4" ht="18" customHeight="1" x14ac:dyDescent="0.15">
      <c r="A62" s="5">
        <v>47</v>
      </c>
      <c r="B62" s="22">
        <v>5</v>
      </c>
      <c r="C62" s="14">
        <v>5</v>
      </c>
      <c r="D62" s="18">
        <v>10</v>
      </c>
    </row>
    <row r="63" spans="1:4" ht="18" customHeight="1" x14ac:dyDescent="0.15">
      <c r="A63" s="5">
        <v>48</v>
      </c>
      <c r="B63" s="22">
        <v>7</v>
      </c>
      <c r="C63" s="14">
        <v>5</v>
      </c>
      <c r="D63" s="18">
        <v>12</v>
      </c>
    </row>
    <row r="64" spans="1:4" ht="18" customHeight="1" x14ac:dyDescent="0.15">
      <c r="A64" s="5">
        <v>49</v>
      </c>
      <c r="B64" s="22">
        <v>8</v>
      </c>
      <c r="C64" s="14">
        <v>9</v>
      </c>
      <c r="D64" s="18">
        <v>17</v>
      </c>
    </row>
    <row r="65" spans="1:4" ht="18" customHeight="1" x14ac:dyDescent="0.15">
      <c r="A65" s="5" t="s">
        <v>17</v>
      </c>
      <c r="B65" s="22">
        <v>34</v>
      </c>
      <c r="C65" s="14">
        <v>34</v>
      </c>
      <c r="D65" s="18">
        <v>68</v>
      </c>
    </row>
    <row r="66" spans="1:4" ht="18" customHeight="1" x14ac:dyDescent="0.15">
      <c r="A66" s="5">
        <v>50</v>
      </c>
      <c r="B66" s="22">
        <v>6</v>
      </c>
      <c r="C66" s="14">
        <v>5</v>
      </c>
      <c r="D66" s="18">
        <v>11</v>
      </c>
    </row>
    <row r="67" spans="1:4" ht="18" customHeight="1" x14ac:dyDescent="0.15">
      <c r="A67" s="5">
        <v>51</v>
      </c>
      <c r="B67" s="22">
        <v>14</v>
      </c>
      <c r="C67" s="14">
        <v>13</v>
      </c>
      <c r="D67" s="18">
        <v>27</v>
      </c>
    </row>
    <row r="68" spans="1:4" ht="18" customHeight="1" x14ac:dyDescent="0.15">
      <c r="A68" s="5">
        <v>52</v>
      </c>
      <c r="B68" s="22">
        <v>15</v>
      </c>
      <c r="C68" s="14">
        <v>11</v>
      </c>
      <c r="D68" s="18">
        <v>26</v>
      </c>
    </row>
    <row r="69" spans="1:4" ht="18" customHeight="1" x14ac:dyDescent="0.15">
      <c r="A69" s="5">
        <v>53</v>
      </c>
      <c r="B69" s="22">
        <v>7</v>
      </c>
      <c r="C69" s="14">
        <v>8</v>
      </c>
      <c r="D69" s="18">
        <v>15</v>
      </c>
    </row>
    <row r="70" spans="1:4" ht="18" customHeight="1" x14ac:dyDescent="0.15">
      <c r="A70" s="5">
        <v>54</v>
      </c>
      <c r="B70" s="22">
        <v>12</v>
      </c>
      <c r="C70" s="14">
        <v>5</v>
      </c>
      <c r="D70" s="18">
        <v>17</v>
      </c>
    </row>
    <row r="71" spans="1:4" ht="18" customHeight="1" x14ac:dyDescent="0.15">
      <c r="A71" s="5" t="s">
        <v>22</v>
      </c>
      <c r="B71" s="22">
        <v>54</v>
      </c>
      <c r="C71" s="14">
        <v>42</v>
      </c>
      <c r="D71" s="18">
        <v>96</v>
      </c>
    </row>
    <row r="72" spans="1:4" ht="18" customHeight="1" x14ac:dyDescent="0.15">
      <c r="A72" s="5">
        <v>55</v>
      </c>
      <c r="B72" s="22">
        <v>9</v>
      </c>
      <c r="C72" s="14">
        <v>9</v>
      </c>
      <c r="D72" s="18">
        <v>18</v>
      </c>
    </row>
    <row r="73" spans="1:4" ht="18" customHeight="1" x14ac:dyDescent="0.15">
      <c r="A73" s="5">
        <v>56</v>
      </c>
      <c r="B73" s="22">
        <v>8</v>
      </c>
      <c r="C73" s="14">
        <v>5</v>
      </c>
      <c r="D73" s="18">
        <v>13</v>
      </c>
    </row>
    <row r="74" spans="1:4" ht="18" customHeight="1" x14ac:dyDescent="0.15">
      <c r="A74" s="5">
        <v>57</v>
      </c>
      <c r="B74" s="22">
        <v>3</v>
      </c>
      <c r="C74" s="14">
        <v>11</v>
      </c>
      <c r="D74" s="18">
        <v>14</v>
      </c>
    </row>
    <row r="75" spans="1:4" ht="18" customHeight="1" x14ac:dyDescent="0.15">
      <c r="A75" s="5">
        <v>58</v>
      </c>
      <c r="B75" s="22">
        <v>5</v>
      </c>
      <c r="C75" s="14">
        <v>12</v>
      </c>
      <c r="D75" s="18">
        <v>17</v>
      </c>
    </row>
    <row r="76" spans="1:4" ht="18" customHeight="1" x14ac:dyDescent="0.15">
      <c r="A76" s="5">
        <v>59</v>
      </c>
      <c r="B76" s="22">
        <v>9</v>
      </c>
      <c r="C76" s="14">
        <v>6</v>
      </c>
      <c r="D76" s="18">
        <v>15</v>
      </c>
    </row>
    <row r="77" spans="1:4" ht="18" customHeight="1" x14ac:dyDescent="0.15">
      <c r="A77" s="5" t="s">
        <v>27</v>
      </c>
      <c r="B77" s="22">
        <v>34</v>
      </c>
      <c r="C77" s="14">
        <v>43</v>
      </c>
      <c r="D77" s="18">
        <v>77</v>
      </c>
    </row>
    <row r="78" spans="1:4" ht="18" customHeight="1" x14ac:dyDescent="0.15">
      <c r="A78" s="5">
        <v>60</v>
      </c>
      <c r="B78" s="22">
        <v>6</v>
      </c>
      <c r="C78" s="14">
        <v>6</v>
      </c>
      <c r="D78" s="18">
        <v>12</v>
      </c>
    </row>
    <row r="79" spans="1:4" ht="18" customHeight="1" x14ac:dyDescent="0.15">
      <c r="A79" s="5">
        <v>61</v>
      </c>
      <c r="B79" s="22">
        <v>8</v>
      </c>
      <c r="C79" s="14">
        <v>8</v>
      </c>
      <c r="D79" s="18">
        <v>16</v>
      </c>
    </row>
    <row r="80" spans="1:4" ht="18" customHeight="1" x14ac:dyDescent="0.15">
      <c r="A80" s="5">
        <v>62</v>
      </c>
      <c r="B80" s="22">
        <v>9</v>
      </c>
      <c r="C80" s="14">
        <v>9</v>
      </c>
      <c r="D80" s="18">
        <v>18</v>
      </c>
    </row>
    <row r="81" spans="1:4" ht="18" customHeight="1" x14ac:dyDescent="0.15">
      <c r="A81" s="5">
        <v>63</v>
      </c>
      <c r="B81" s="22">
        <v>2</v>
      </c>
      <c r="C81" s="14">
        <v>9</v>
      </c>
      <c r="D81" s="18">
        <v>11</v>
      </c>
    </row>
    <row r="82" spans="1:4" ht="18" customHeight="1" x14ac:dyDescent="0.15">
      <c r="A82" s="5">
        <v>64</v>
      </c>
      <c r="B82" s="22">
        <v>4</v>
      </c>
      <c r="C82" s="14">
        <v>10</v>
      </c>
      <c r="D82" s="18">
        <v>14</v>
      </c>
    </row>
    <row r="83" spans="1:4" ht="18" customHeight="1" x14ac:dyDescent="0.15">
      <c r="A83" s="5" t="s">
        <v>28</v>
      </c>
      <c r="B83" s="22">
        <v>29</v>
      </c>
      <c r="C83" s="14">
        <v>42</v>
      </c>
      <c r="D83" s="18">
        <v>71</v>
      </c>
    </row>
    <row r="84" spans="1:4" ht="18" customHeight="1" x14ac:dyDescent="0.15">
      <c r="A84" s="5" t="s">
        <v>31</v>
      </c>
      <c r="B84" s="22">
        <v>297</v>
      </c>
      <c r="C84" s="14">
        <v>270</v>
      </c>
      <c r="D84" s="18">
        <v>567</v>
      </c>
    </row>
    <row r="85" spans="1:4" ht="18" customHeight="1" x14ac:dyDescent="0.15">
      <c r="A85" s="5">
        <v>65</v>
      </c>
      <c r="B85" s="22">
        <v>3</v>
      </c>
      <c r="C85" s="14">
        <v>5</v>
      </c>
      <c r="D85" s="18">
        <v>8</v>
      </c>
    </row>
    <row r="86" spans="1:4" ht="18" customHeight="1" x14ac:dyDescent="0.15">
      <c r="A86" s="5">
        <v>66</v>
      </c>
      <c r="B86" s="22">
        <v>8</v>
      </c>
      <c r="C86" s="14">
        <v>9</v>
      </c>
      <c r="D86" s="18">
        <v>17</v>
      </c>
    </row>
    <row r="87" spans="1:4" ht="18" customHeight="1" x14ac:dyDescent="0.15">
      <c r="A87" s="5">
        <v>67</v>
      </c>
      <c r="B87" s="22">
        <v>6</v>
      </c>
      <c r="C87" s="14">
        <v>11</v>
      </c>
      <c r="D87" s="18">
        <v>17</v>
      </c>
    </row>
    <row r="88" spans="1:4" ht="18" customHeight="1" x14ac:dyDescent="0.15">
      <c r="A88" s="5">
        <v>68</v>
      </c>
      <c r="B88" s="22">
        <v>11</v>
      </c>
      <c r="C88" s="14">
        <v>11</v>
      </c>
      <c r="D88" s="18">
        <v>22</v>
      </c>
    </row>
    <row r="89" spans="1:4" ht="18" customHeight="1" x14ac:dyDescent="0.15">
      <c r="A89" s="5">
        <v>69</v>
      </c>
      <c r="B89" s="22">
        <v>17</v>
      </c>
      <c r="C89" s="14">
        <v>11</v>
      </c>
      <c r="D89" s="18">
        <v>28</v>
      </c>
    </row>
    <row r="90" spans="1:4" ht="18" customHeight="1" x14ac:dyDescent="0.15">
      <c r="A90" s="5" t="s">
        <v>20</v>
      </c>
      <c r="B90" s="22">
        <v>45</v>
      </c>
      <c r="C90" s="14">
        <v>47</v>
      </c>
      <c r="D90" s="18">
        <v>92</v>
      </c>
    </row>
    <row r="91" spans="1:4" ht="18" customHeight="1" x14ac:dyDescent="0.15">
      <c r="A91" s="5">
        <v>70</v>
      </c>
      <c r="B91" s="22">
        <v>9</v>
      </c>
      <c r="C91" s="14">
        <v>9</v>
      </c>
      <c r="D91" s="18">
        <v>18</v>
      </c>
    </row>
    <row r="92" spans="1:4" ht="18" customHeight="1" x14ac:dyDescent="0.15">
      <c r="A92" s="5">
        <v>71</v>
      </c>
      <c r="B92" s="22">
        <v>14</v>
      </c>
      <c r="C92" s="14">
        <v>15</v>
      </c>
      <c r="D92" s="18">
        <v>29</v>
      </c>
    </row>
    <row r="93" spans="1:4" ht="18" customHeight="1" x14ac:dyDescent="0.15">
      <c r="A93" s="5">
        <v>72</v>
      </c>
      <c r="B93" s="22">
        <v>16</v>
      </c>
      <c r="C93" s="14">
        <v>12</v>
      </c>
      <c r="D93" s="18">
        <v>28</v>
      </c>
    </row>
    <row r="94" spans="1:4" ht="18" customHeight="1" x14ac:dyDescent="0.15">
      <c r="A94" s="5">
        <v>73</v>
      </c>
      <c r="B94" s="22">
        <v>15</v>
      </c>
      <c r="C94" s="14">
        <v>16</v>
      </c>
      <c r="D94" s="18">
        <v>31</v>
      </c>
    </row>
    <row r="95" spans="1:4" ht="18" customHeight="1" x14ac:dyDescent="0.15">
      <c r="A95" s="5">
        <v>74</v>
      </c>
      <c r="B95" s="22">
        <v>14</v>
      </c>
      <c r="C95" s="14">
        <v>9</v>
      </c>
      <c r="D95" s="18">
        <v>23</v>
      </c>
    </row>
    <row r="96" spans="1:4" ht="18" customHeight="1" x14ac:dyDescent="0.15">
      <c r="A96" s="5" t="s">
        <v>33</v>
      </c>
      <c r="B96" s="22">
        <v>68</v>
      </c>
      <c r="C96" s="14">
        <v>61</v>
      </c>
      <c r="D96" s="18">
        <v>129</v>
      </c>
    </row>
    <row r="97" spans="1:4" ht="18" customHeight="1" x14ac:dyDescent="0.15">
      <c r="A97" s="5">
        <v>75</v>
      </c>
      <c r="B97" s="22">
        <v>7</v>
      </c>
      <c r="C97" s="14">
        <v>13</v>
      </c>
      <c r="D97" s="18">
        <v>20</v>
      </c>
    </row>
    <row r="98" spans="1:4" ht="18" customHeight="1" x14ac:dyDescent="0.15">
      <c r="A98" s="5">
        <v>76</v>
      </c>
      <c r="B98" s="22">
        <v>17</v>
      </c>
      <c r="C98" s="14">
        <v>18</v>
      </c>
      <c r="D98" s="18">
        <v>35</v>
      </c>
    </row>
    <row r="99" spans="1:4" ht="18" customHeight="1" x14ac:dyDescent="0.15">
      <c r="A99" s="5">
        <v>77</v>
      </c>
      <c r="B99" s="22">
        <v>14</v>
      </c>
      <c r="C99" s="14">
        <v>15</v>
      </c>
      <c r="D99" s="18">
        <v>29</v>
      </c>
    </row>
    <row r="100" spans="1:4" ht="18" customHeight="1" x14ac:dyDescent="0.15">
      <c r="A100" s="5">
        <v>78</v>
      </c>
      <c r="B100" s="22">
        <v>10</v>
      </c>
      <c r="C100" s="14">
        <v>11</v>
      </c>
      <c r="D100" s="18">
        <v>21</v>
      </c>
    </row>
    <row r="101" spans="1:4" ht="18" customHeight="1" x14ac:dyDescent="0.15">
      <c r="A101" s="5">
        <v>79</v>
      </c>
      <c r="B101" s="22">
        <v>11</v>
      </c>
      <c r="C101" s="14">
        <v>9</v>
      </c>
      <c r="D101" s="18">
        <v>20</v>
      </c>
    </row>
    <row r="102" spans="1:4" ht="18" customHeight="1" x14ac:dyDescent="0.15">
      <c r="A102" s="5" t="s">
        <v>0</v>
      </c>
      <c r="B102" s="22">
        <v>59</v>
      </c>
      <c r="C102" s="14">
        <v>66</v>
      </c>
      <c r="D102" s="18">
        <v>125</v>
      </c>
    </row>
    <row r="103" spans="1:4" ht="18" customHeight="1" x14ac:dyDescent="0.15">
      <c r="A103" s="5">
        <v>80</v>
      </c>
      <c r="B103" s="22">
        <v>4</v>
      </c>
      <c r="C103" s="14">
        <v>4</v>
      </c>
      <c r="D103" s="18">
        <v>8</v>
      </c>
    </row>
    <row r="104" spans="1:4" ht="18" customHeight="1" x14ac:dyDescent="0.15">
      <c r="A104" s="5">
        <v>81</v>
      </c>
      <c r="B104" s="22">
        <v>7</v>
      </c>
      <c r="C104" s="14">
        <v>7</v>
      </c>
      <c r="D104" s="18">
        <v>14</v>
      </c>
    </row>
    <row r="105" spans="1:4" ht="18" customHeight="1" x14ac:dyDescent="0.15">
      <c r="A105" s="5">
        <v>82</v>
      </c>
      <c r="B105" s="22">
        <v>6</v>
      </c>
      <c r="C105" s="14">
        <v>6</v>
      </c>
      <c r="D105" s="18">
        <v>12</v>
      </c>
    </row>
    <row r="106" spans="1:4" ht="18" customHeight="1" x14ac:dyDescent="0.15">
      <c r="A106" s="5">
        <v>83</v>
      </c>
      <c r="B106" s="22">
        <v>8</v>
      </c>
      <c r="C106" s="14">
        <v>6</v>
      </c>
      <c r="D106" s="18">
        <v>14</v>
      </c>
    </row>
    <row r="107" spans="1:4" ht="18" customHeight="1" x14ac:dyDescent="0.15">
      <c r="A107" s="5">
        <v>84</v>
      </c>
      <c r="B107" s="22">
        <v>5</v>
      </c>
      <c r="C107" s="14">
        <v>16</v>
      </c>
      <c r="D107" s="18">
        <v>21</v>
      </c>
    </row>
    <row r="108" spans="1:4" ht="18" customHeight="1" x14ac:dyDescent="0.15">
      <c r="A108" s="5" t="s">
        <v>35</v>
      </c>
      <c r="B108" s="22">
        <v>30</v>
      </c>
      <c r="C108" s="14">
        <v>39</v>
      </c>
      <c r="D108" s="18">
        <v>69</v>
      </c>
    </row>
    <row r="109" spans="1:4" ht="18" customHeight="1" x14ac:dyDescent="0.15">
      <c r="A109" s="5">
        <v>85</v>
      </c>
      <c r="B109" s="22">
        <v>2</v>
      </c>
      <c r="C109" s="14">
        <v>7</v>
      </c>
      <c r="D109" s="18">
        <v>9</v>
      </c>
    </row>
    <row r="110" spans="1:4" ht="18" customHeight="1" x14ac:dyDescent="0.15">
      <c r="A110" s="5">
        <v>86</v>
      </c>
      <c r="B110" s="22">
        <v>4</v>
      </c>
      <c r="C110" s="14">
        <v>6</v>
      </c>
      <c r="D110" s="18">
        <v>10</v>
      </c>
    </row>
    <row r="111" spans="1:4" ht="18" customHeight="1" x14ac:dyDescent="0.15">
      <c r="A111" s="5">
        <v>87</v>
      </c>
      <c r="B111" s="22">
        <v>5</v>
      </c>
      <c r="C111" s="14">
        <v>2</v>
      </c>
      <c r="D111" s="18">
        <v>7</v>
      </c>
    </row>
    <row r="112" spans="1:4" ht="18" customHeight="1" x14ac:dyDescent="0.15">
      <c r="A112" s="5">
        <v>88</v>
      </c>
      <c r="B112" s="22">
        <v>2</v>
      </c>
      <c r="C112" s="14">
        <v>5</v>
      </c>
      <c r="D112" s="18">
        <v>7</v>
      </c>
    </row>
    <row r="113" spans="1:4" ht="18" customHeight="1" x14ac:dyDescent="0.15">
      <c r="A113" s="5">
        <v>89</v>
      </c>
      <c r="B113" s="22">
        <v>5</v>
      </c>
      <c r="C113" s="14">
        <v>6</v>
      </c>
      <c r="D113" s="18">
        <v>11</v>
      </c>
    </row>
    <row r="114" spans="1:4" ht="18" customHeight="1" x14ac:dyDescent="0.15">
      <c r="A114" s="5" t="s">
        <v>37</v>
      </c>
      <c r="B114" s="22">
        <v>18</v>
      </c>
      <c r="C114" s="14">
        <v>26</v>
      </c>
      <c r="D114" s="18">
        <v>44</v>
      </c>
    </row>
    <row r="115" spans="1:4" ht="18" customHeight="1" x14ac:dyDescent="0.15">
      <c r="A115" s="5">
        <v>90</v>
      </c>
      <c r="B115" s="22">
        <v>2</v>
      </c>
      <c r="C115" s="14">
        <v>8</v>
      </c>
      <c r="D115" s="18">
        <v>10</v>
      </c>
    </row>
    <row r="116" spans="1:4" ht="18" customHeight="1" x14ac:dyDescent="0.15">
      <c r="A116" s="5">
        <v>91</v>
      </c>
      <c r="B116" s="22">
        <v>1</v>
      </c>
      <c r="C116" s="14">
        <v>6</v>
      </c>
      <c r="D116" s="18">
        <v>7</v>
      </c>
    </row>
    <row r="117" spans="1:4" ht="18" customHeight="1" x14ac:dyDescent="0.15">
      <c r="A117" s="5">
        <v>92</v>
      </c>
      <c r="B117" s="22">
        <v>3</v>
      </c>
      <c r="C117" s="14">
        <v>7</v>
      </c>
      <c r="D117" s="18">
        <v>10</v>
      </c>
    </row>
    <row r="118" spans="1:4" ht="18" customHeight="1" x14ac:dyDescent="0.15">
      <c r="A118" s="5">
        <v>93</v>
      </c>
      <c r="B118" s="22">
        <v>0</v>
      </c>
      <c r="C118" s="14">
        <v>7</v>
      </c>
      <c r="D118" s="18">
        <v>7</v>
      </c>
    </row>
    <row r="119" spans="1:4" ht="18" customHeight="1" x14ac:dyDescent="0.15">
      <c r="A119" s="5">
        <v>94</v>
      </c>
      <c r="B119" s="22">
        <v>1</v>
      </c>
      <c r="C119" s="14">
        <v>1</v>
      </c>
      <c r="D119" s="18">
        <v>2</v>
      </c>
    </row>
    <row r="120" spans="1:4" ht="18" customHeight="1" x14ac:dyDescent="0.15">
      <c r="A120" s="5" t="s">
        <v>39</v>
      </c>
      <c r="B120" s="22">
        <v>7</v>
      </c>
      <c r="C120" s="14">
        <v>29</v>
      </c>
      <c r="D120" s="18">
        <v>36</v>
      </c>
    </row>
    <row r="121" spans="1:4" ht="18" customHeight="1" x14ac:dyDescent="0.15">
      <c r="A121" s="5">
        <v>95</v>
      </c>
      <c r="B121" s="22">
        <v>0</v>
      </c>
      <c r="C121" s="14">
        <v>3</v>
      </c>
      <c r="D121" s="18">
        <v>3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5</v>
      </c>
      <c r="D124" s="18">
        <v>5</v>
      </c>
    </row>
    <row r="125" spans="1:4" ht="18" customHeight="1" x14ac:dyDescent="0.15">
      <c r="A125" s="5">
        <v>99</v>
      </c>
      <c r="B125" s="22">
        <v>0</v>
      </c>
      <c r="C125" s="14">
        <v>1</v>
      </c>
      <c r="D125" s="18">
        <v>1</v>
      </c>
    </row>
    <row r="126" spans="1:4" ht="18" customHeight="1" x14ac:dyDescent="0.15">
      <c r="A126" s="5" t="s">
        <v>40</v>
      </c>
      <c r="B126" s="22">
        <v>1</v>
      </c>
      <c r="C126" s="14">
        <v>12</v>
      </c>
      <c r="D126" s="18">
        <v>13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28</v>
      </c>
      <c r="C130" s="14">
        <v>282</v>
      </c>
      <c r="D130" s="18">
        <v>510</v>
      </c>
    </row>
    <row r="131" spans="1:4" ht="18" customHeight="1" x14ac:dyDescent="0.15">
      <c r="A131" s="7" t="s">
        <v>45</v>
      </c>
      <c r="B131" s="23">
        <v>568</v>
      </c>
      <c r="C131" s="15">
        <v>585</v>
      </c>
      <c r="D131" s="19">
        <v>115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8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8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0</v>
      </c>
      <c r="C5" s="29">
        <v>0</v>
      </c>
      <c r="D5" s="31">
        <v>0</v>
      </c>
    </row>
    <row r="6" spans="1:4" ht="18" customHeight="1" x14ac:dyDescent="0.15">
      <c r="A6" s="5">
        <v>1</v>
      </c>
      <c r="B6" s="27">
        <v>2</v>
      </c>
      <c r="C6" s="14">
        <v>2</v>
      </c>
      <c r="D6" s="18">
        <v>4</v>
      </c>
    </row>
    <row r="7" spans="1:4" ht="18" customHeight="1" x14ac:dyDescent="0.15">
      <c r="A7" s="5">
        <v>2</v>
      </c>
      <c r="B7" s="27">
        <v>1</v>
      </c>
      <c r="C7" s="14">
        <v>3</v>
      </c>
      <c r="D7" s="18">
        <v>4</v>
      </c>
    </row>
    <row r="8" spans="1:4" ht="18" customHeight="1" x14ac:dyDescent="0.15">
      <c r="A8" s="5">
        <v>3</v>
      </c>
      <c r="B8" s="27">
        <v>0</v>
      </c>
      <c r="C8" s="14">
        <v>1</v>
      </c>
      <c r="D8" s="18">
        <v>1</v>
      </c>
    </row>
    <row r="9" spans="1:4" ht="18" customHeight="1" x14ac:dyDescent="0.15">
      <c r="A9" s="5">
        <v>4</v>
      </c>
      <c r="B9" s="28">
        <v>1</v>
      </c>
      <c r="C9" s="30">
        <v>1</v>
      </c>
      <c r="D9" s="32">
        <v>2</v>
      </c>
    </row>
    <row r="10" spans="1:4" ht="18" customHeight="1" x14ac:dyDescent="0.15">
      <c r="A10" s="5" t="s">
        <v>7</v>
      </c>
      <c r="B10" s="22">
        <v>4</v>
      </c>
      <c r="C10" s="14">
        <v>7</v>
      </c>
      <c r="D10" s="18">
        <v>11</v>
      </c>
    </row>
    <row r="11" spans="1:4" ht="18" customHeight="1" x14ac:dyDescent="0.15">
      <c r="A11" s="5">
        <v>5</v>
      </c>
      <c r="B11" s="27">
        <v>2</v>
      </c>
      <c r="C11" s="14">
        <v>5</v>
      </c>
      <c r="D11" s="18">
        <v>7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1</v>
      </c>
      <c r="C13" s="14">
        <v>3</v>
      </c>
      <c r="D13" s="18">
        <v>4</v>
      </c>
    </row>
    <row r="14" spans="1:4" ht="18" customHeight="1" x14ac:dyDescent="0.15">
      <c r="A14" s="5">
        <v>8</v>
      </c>
      <c r="B14" s="27">
        <v>1</v>
      </c>
      <c r="C14" s="14">
        <v>1</v>
      </c>
      <c r="D14" s="18">
        <v>2</v>
      </c>
    </row>
    <row r="15" spans="1:4" ht="18" customHeight="1" x14ac:dyDescent="0.15">
      <c r="A15" s="5">
        <v>9</v>
      </c>
      <c r="B15" s="27">
        <v>2</v>
      </c>
      <c r="C15" s="14">
        <v>1</v>
      </c>
      <c r="D15" s="18">
        <v>3</v>
      </c>
    </row>
    <row r="16" spans="1:4" ht="18" customHeight="1" x14ac:dyDescent="0.15">
      <c r="A16" s="5" t="s">
        <v>11</v>
      </c>
      <c r="B16" s="22">
        <v>6</v>
      </c>
      <c r="C16" s="14">
        <v>10</v>
      </c>
      <c r="D16" s="18">
        <v>16</v>
      </c>
    </row>
    <row r="17" spans="1:4" ht="18" customHeight="1" x14ac:dyDescent="0.15">
      <c r="A17" s="5">
        <v>10</v>
      </c>
      <c r="B17" s="22">
        <v>1</v>
      </c>
      <c r="C17" s="14">
        <v>0</v>
      </c>
      <c r="D17" s="18">
        <v>1</v>
      </c>
    </row>
    <row r="18" spans="1:4" ht="18" customHeight="1" x14ac:dyDescent="0.15">
      <c r="A18" s="5">
        <v>11</v>
      </c>
      <c r="B18" s="22">
        <v>2</v>
      </c>
      <c r="C18" s="14">
        <v>3</v>
      </c>
      <c r="D18" s="18">
        <v>5</v>
      </c>
    </row>
    <row r="19" spans="1:4" ht="18" customHeight="1" x14ac:dyDescent="0.15">
      <c r="A19" s="5">
        <v>12</v>
      </c>
      <c r="B19" s="22">
        <v>2</v>
      </c>
      <c r="C19" s="14">
        <v>1</v>
      </c>
      <c r="D19" s="18">
        <v>3</v>
      </c>
    </row>
    <row r="20" spans="1:4" ht="18" customHeight="1" x14ac:dyDescent="0.15">
      <c r="A20" s="5">
        <v>13</v>
      </c>
      <c r="B20" s="22">
        <v>3</v>
      </c>
      <c r="C20" s="14">
        <v>2</v>
      </c>
      <c r="D20" s="18">
        <v>5</v>
      </c>
    </row>
    <row r="21" spans="1:4" ht="18" customHeight="1" x14ac:dyDescent="0.15">
      <c r="A21" s="5">
        <v>14</v>
      </c>
      <c r="B21" s="22">
        <v>5</v>
      </c>
      <c r="C21" s="14">
        <v>2</v>
      </c>
      <c r="D21" s="18">
        <v>7</v>
      </c>
    </row>
    <row r="22" spans="1:4" ht="18" customHeight="1" x14ac:dyDescent="0.15">
      <c r="A22" s="5" t="s">
        <v>12</v>
      </c>
      <c r="B22" s="22">
        <v>13</v>
      </c>
      <c r="C22" s="14">
        <v>8</v>
      </c>
      <c r="D22" s="18">
        <v>21</v>
      </c>
    </row>
    <row r="23" spans="1:4" ht="18" customHeight="1" x14ac:dyDescent="0.15">
      <c r="A23" s="5" t="s">
        <v>6</v>
      </c>
      <c r="B23" s="22">
        <v>23</v>
      </c>
      <c r="C23" s="14">
        <v>25</v>
      </c>
      <c r="D23" s="18">
        <v>48</v>
      </c>
    </row>
    <row r="24" spans="1:4" ht="18" customHeight="1" x14ac:dyDescent="0.15">
      <c r="A24" s="5">
        <v>15</v>
      </c>
      <c r="B24" s="22">
        <v>8</v>
      </c>
      <c r="C24" s="14">
        <v>1</v>
      </c>
      <c r="D24" s="18">
        <v>9</v>
      </c>
    </row>
    <row r="25" spans="1:4" ht="18" customHeight="1" x14ac:dyDescent="0.15">
      <c r="A25" s="5">
        <v>16</v>
      </c>
      <c r="B25" s="22">
        <v>7</v>
      </c>
      <c r="C25" s="14">
        <v>0</v>
      </c>
      <c r="D25" s="18">
        <v>7</v>
      </c>
    </row>
    <row r="26" spans="1:4" ht="18" customHeight="1" x14ac:dyDescent="0.15">
      <c r="A26" s="5">
        <v>17</v>
      </c>
      <c r="B26" s="22">
        <v>4</v>
      </c>
      <c r="C26" s="14">
        <v>4</v>
      </c>
      <c r="D26" s="18">
        <v>8</v>
      </c>
    </row>
    <row r="27" spans="1:4" ht="18" customHeight="1" x14ac:dyDescent="0.15">
      <c r="A27" s="5">
        <v>18</v>
      </c>
      <c r="B27" s="22">
        <v>1</v>
      </c>
      <c r="C27" s="14">
        <v>1</v>
      </c>
      <c r="D27" s="18">
        <v>2</v>
      </c>
    </row>
    <row r="28" spans="1:4" ht="18" customHeight="1" x14ac:dyDescent="0.15">
      <c r="A28" s="5">
        <v>19</v>
      </c>
      <c r="B28" s="22">
        <v>11</v>
      </c>
      <c r="C28" s="14">
        <v>5</v>
      </c>
      <c r="D28" s="18">
        <v>16</v>
      </c>
    </row>
    <row r="29" spans="1:4" ht="18" customHeight="1" x14ac:dyDescent="0.15">
      <c r="A29" s="5" t="s">
        <v>14</v>
      </c>
      <c r="B29" s="22">
        <v>31</v>
      </c>
      <c r="C29" s="14">
        <v>11</v>
      </c>
      <c r="D29" s="18">
        <v>42</v>
      </c>
    </row>
    <row r="30" spans="1:4" ht="18" customHeight="1" x14ac:dyDescent="0.15">
      <c r="A30" s="5">
        <v>20</v>
      </c>
      <c r="B30" s="22">
        <v>6</v>
      </c>
      <c r="C30" s="14">
        <v>2</v>
      </c>
      <c r="D30" s="18">
        <v>8</v>
      </c>
    </row>
    <row r="31" spans="1:4" ht="18" customHeight="1" x14ac:dyDescent="0.15">
      <c r="A31" s="5">
        <v>21</v>
      </c>
      <c r="B31" s="22">
        <v>4</v>
      </c>
      <c r="C31" s="14">
        <v>4</v>
      </c>
      <c r="D31" s="18">
        <v>8</v>
      </c>
    </row>
    <row r="32" spans="1:4" ht="18" customHeight="1" x14ac:dyDescent="0.15">
      <c r="A32" s="5">
        <v>22</v>
      </c>
      <c r="B32" s="22">
        <v>6</v>
      </c>
      <c r="C32" s="14">
        <v>7</v>
      </c>
      <c r="D32" s="18">
        <v>13</v>
      </c>
    </row>
    <row r="33" spans="1:4" ht="18" customHeight="1" x14ac:dyDescent="0.15">
      <c r="A33" s="5">
        <v>23</v>
      </c>
      <c r="B33" s="22">
        <v>2</v>
      </c>
      <c r="C33" s="14">
        <v>4</v>
      </c>
      <c r="D33" s="18">
        <v>6</v>
      </c>
    </row>
    <row r="34" spans="1:4" ht="18" customHeight="1" x14ac:dyDescent="0.15">
      <c r="A34" s="5">
        <v>24</v>
      </c>
      <c r="B34" s="22">
        <v>0</v>
      </c>
      <c r="C34" s="14">
        <v>3</v>
      </c>
      <c r="D34" s="18">
        <v>3</v>
      </c>
    </row>
    <row r="35" spans="1:4" ht="18" customHeight="1" x14ac:dyDescent="0.15">
      <c r="A35" s="5" t="s">
        <v>9</v>
      </c>
      <c r="B35" s="22">
        <v>18</v>
      </c>
      <c r="C35" s="14">
        <v>20</v>
      </c>
      <c r="D35" s="18">
        <v>38</v>
      </c>
    </row>
    <row r="36" spans="1:4" ht="18" customHeight="1" x14ac:dyDescent="0.15">
      <c r="A36" s="5">
        <v>25</v>
      </c>
      <c r="B36" s="22">
        <v>4</v>
      </c>
      <c r="C36" s="14">
        <v>3</v>
      </c>
      <c r="D36" s="18">
        <v>7</v>
      </c>
    </row>
    <row r="37" spans="1:4" ht="18" customHeight="1" x14ac:dyDescent="0.15">
      <c r="A37" s="5">
        <v>26</v>
      </c>
      <c r="B37" s="22">
        <v>2</v>
      </c>
      <c r="C37" s="14">
        <v>1</v>
      </c>
      <c r="D37" s="18">
        <v>3</v>
      </c>
    </row>
    <row r="38" spans="1:4" ht="18" customHeight="1" x14ac:dyDescent="0.15">
      <c r="A38" s="5">
        <v>27</v>
      </c>
      <c r="B38" s="22">
        <v>4</v>
      </c>
      <c r="C38" s="14">
        <v>2</v>
      </c>
      <c r="D38" s="18">
        <v>6</v>
      </c>
    </row>
    <row r="39" spans="1:4" ht="18" customHeight="1" x14ac:dyDescent="0.15">
      <c r="A39" s="5">
        <v>28</v>
      </c>
      <c r="B39" s="22">
        <v>3</v>
      </c>
      <c r="C39" s="14">
        <v>2</v>
      </c>
      <c r="D39" s="18">
        <v>5</v>
      </c>
    </row>
    <row r="40" spans="1:4" ht="18" customHeight="1" x14ac:dyDescent="0.15">
      <c r="A40" s="5">
        <v>29</v>
      </c>
      <c r="B40" s="22">
        <v>2</v>
      </c>
      <c r="C40" s="14">
        <v>2</v>
      </c>
      <c r="D40" s="18">
        <v>4</v>
      </c>
    </row>
    <row r="41" spans="1:4" ht="18" customHeight="1" x14ac:dyDescent="0.15">
      <c r="A41" s="5" t="s">
        <v>2</v>
      </c>
      <c r="B41" s="22">
        <v>15</v>
      </c>
      <c r="C41" s="14">
        <v>10</v>
      </c>
      <c r="D41" s="18">
        <v>25</v>
      </c>
    </row>
    <row r="42" spans="1:4" ht="18" customHeight="1" x14ac:dyDescent="0.15">
      <c r="A42" s="5">
        <v>30</v>
      </c>
      <c r="B42" s="22">
        <v>4</v>
      </c>
      <c r="C42" s="14">
        <v>6</v>
      </c>
      <c r="D42" s="18">
        <v>10</v>
      </c>
    </row>
    <row r="43" spans="1:4" ht="18" customHeight="1" x14ac:dyDescent="0.15">
      <c r="A43" s="5">
        <v>31</v>
      </c>
      <c r="B43" s="22">
        <v>1</v>
      </c>
      <c r="C43" s="14">
        <v>1</v>
      </c>
      <c r="D43" s="18">
        <v>2</v>
      </c>
    </row>
    <row r="44" spans="1:4" ht="18" customHeight="1" x14ac:dyDescent="0.15">
      <c r="A44" s="5">
        <v>32</v>
      </c>
      <c r="B44" s="22">
        <v>1</v>
      </c>
      <c r="C44" s="14">
        <v>4</v>
      </c>
      <c r="D44" s="18">
        <v>5</v>
      </c>
    </row>
    <row r="45" spans="1:4" ht="18" customHeight="1" x14ac:dyDescent="0.15">
      <c r="A45" s="5">
        <v>33</v>
      </c>
      <c r="B45" s="22">
        <v>2</v>
      </c>
      <c r="C45" s="14">
        <v>1</v>
      </c>
      <c r="D45" s="18">
        <v>3</v>
      </c>
    </row>
    <row r="46" spans="1:4" ht="18" customHeight="1" x14ac:dyDescent="0.15">
      <c r="A46" s="5">
        <v>34</v>
      </c>
      <c r="B46" s="22">
        <v>3</v>
      </c>
      <c r="C46" s="14">
        <v>3</v>
      </c>
      <c r="D46" s="18">
        <v>6</v>
      </c>
    </row>
    <row r="47" spans="1:4" ht="18" customHeight="1" x14ac:dyDescent="0.15">
      <c r="A47" s="5" t="s">
        <v>15</v>
      </c>
      <c r="B47" s="22">
        <v>11</v>
      </c>
      <c r="C47" s="14">
        <v>15</v>
      </c>
      <c r="D47" s="18">
        <v>26</v>
      </c>
    </row>
    <row r="48" spans="1:4" ht="18" customHeight="1" x14ac:dyDescent="0.15">
      <c r="A48" s="5">
        <v>35</v>
      </c>
      <c r="B48" s="22">
        <v>5</v>
      </c>
      <c r="C48" s="14">
        <v>1</v>
      </c>
      <c r="D48" s="18">
        <v>6</v>
      </c>
    </row>
    <row r="49" spans="1:4" ht="18" customHeight="1" x14ac:dyDescent="0.15">
      <c r="A49" s="5">
        <v>36</v>
      </c>
      <c r="B49" s="22">
        <v>2</v>
      </c>
      <c r="C49" s="14">
        <v>1</v>
      </c>
      <c r="D49" s="18">
        <v>3</v>
      </c>
    </row>
    <row r="50" spans="1:4" ht="18" customHeight="1" x14ac:dyDescent="0.15">
      <c r="A50" s="5">
        <v>37</v>
      </c>
      <c r="B50" s="22">
        <v>2</v>
      </c>
      <c r="C50" s="14">
        <v>4</v>
      </c>
      <c r="D50" s="18">
        <v>6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4</v>
      </c>
      <c r="C52" s="14">
        <v>3</v>
      </c>
      <c r="D52" s="18">
        <v>7</v>
      </c>
    </row>
    <row r="53" spans="1:4" ht="18" customHeight="1" x14ac:dyDescent="0.15">
      <c r="A53" s="5" t="s">
        <v>18</v>
      </c>
      <c r="B53" s="22">
        <v>15</v>
      </c>
      <c r="C53" s="14">
        <v>9</v>
      </c>
      <c r="D53" s="18">
        <v>24</v>
      </c>
    </row>
    <row r="54" spans="1:4" ht="18" customHeight="1" x14ac:dyDescent="0.15">
      <c r="A54" s="5">
        <v>40</v>
      </c>
      <c r="B54" s="22">
        <v>3</v>
      </c>
      <c r="C54" s="14">
        <v>5</v>
      </c>
      <c r="D54" s="18">
        <v>8</v>
      </c>
    </row>
    <row r="55" spans="1:4" ht="18" customHeight="1" x14ac:dyDescent="0.15">
      <c r="A55" s="5">
        <v>41</v>
      </c>
      <c r="B55" s="22">
        <v>2</v>
      </c>
      <c r="C55" s="14">
        <v>5</v>
      </c>
      <c r="D55" s="18">
        <v>7</v>
      </c>
    </row>
    <row r="56" spans="1:4" ht="18" customHeight="1" x14ac:dyDescent="0.15">
      <c r="A56" s="5">
        <v>42</v>
      </c>
      <c r="B56" s="22">
        <v>8</v>
      </c>
      <c r="C56" s="14">
        <v>1</v>
      </c>
      <c r="D56" s="18">
        <v>9</v>
      </c>
    </row>
    <row r="57" spans="1:4" ht="18" customHeight="1" x14ac:dyDescent="0.15">
      <c r="A57" s="5">
        <v>43</v>
      </c>
      <c r="B57" s="22">
        <v>5</v>
      </c>
      <c r="C57" s="14">
        <v>0</v>
      </c>
      <c r="D57" s="18">
        <v>5</v>
      </c>
    </row>
    <row r="58" spans="1:4" ht="18" customHeight="1" x14ac:dyDescent="0.15">
      <c r="A58" s="5">
        <v>44</v>
      </c>
      <c r="B58" s="22">
        <v>5</v>
      </c>
      <c r="C58" s="14">
        <v>3</v>
      </c>
      <c r="D58" s="18">
        <v>8</v>
      </c>
    </row>
    <row r="59" spans="1:4" ht="18" customHeight="1" x14ac:dyDescent="0.15">
      <c r="A59" s="5" t="s">
        <v>21</v>
      </c>
      <c r="B59" s="22">
        <v>23</v>
      </c>
      <c r="C59" s="14">
        <v>14</v>
      </c>
      <c r="D59" s="18">
        <v>37</v>
      </c>
    </row>
    <row r="60" spans="1:4" ht="18" customHeight="1" x14ac:dyDescent="0.15">
      <c r="A60" s="5">
        <v>45</v>
      </c>
      <c r="B60" s="22">
        <v>2</v>
      </c>
      <c r="C60" s="14">
        <v>6</v>
      </c>
      <c r="D60" s="18">
        <v>8</v>
      </c>
    </row>
    <row r="61" spans="1:4" ht="18" customHeight="1" x14ac:dyDescent="0.15">
      <c r="A61" s="5">
        <v>46</v>
      </c>
      <c r="B61" s="22">
        <v>7</v>
      </c>
      <c r="C61" s="14">
        <v>5</v>
      </c>
      <c r="D61" s="18">
        <v>12</v>
      </c>
    </row>
    <row r="62" spans="1:4" ht="18" customHeight="1" x14ac:dyDescent="0.15">
      <c r="A62" s="5">
        <v>47</v>
      </c>
      <c r="B62" s="22">
        <v>5</v>
      </c>
      <c r="C62" s="14">
        <v>3</v>
      </c>
      <c r="D62" s="18">
        <v>8</v>
      </c>
    </row>
    <row r="63" spans="1:4" ht="18" customHeight="1" x14ac:dyDescent="0.15">
      <c r="A63" s="5">
        <v>48</v>
      </c>
      <c r="B63" s="22">
        <v>5</v>
      </c>
      <c r="C63" s="14">
        <v>2</v>
      </c>
      <c r="D63" s="18">
        <v>7</v>
      </c>
    </row>
    <row r="64" spans="1:4" ht="18" customHeight="1" x14ac:dyDescent="0.15">
      <c r="A64" s="5">
        <v>49</v>
      </c>
      <c r="B64" s="22">
        <v>11</v>
      </c>
      <c r="C64" s="14">
        <v>4</v>
      </c>
      <c r="D64" s="18">
        <v>15</v>
      </c>
    </row>
    <row r="65" spans="1:4" ht="18" customHeight="1" x14ac:dyDescent="0.15">
      <c r="A65" s="5" t="s">
        <v>17</v>
      </c>
      <c r="B65" s="22">
        <v>30</v>
      </c>
      <c r="C65" s="14">
        <v>20</v>
      </c>
      <c r="D65" s="18">
        <v>50</v>
      </c>
    </row>
    <row r="66" spans="1:4" ht="18" customHeight="1" x14ac:dyDescent="0.15">
      <c r="A66" s="5">
        <v>50</v>
      </c>
      <c r="B66" s="22">
        <v>6</v>
      </c>
      <c r="C66" s="14">
        <v>8</v>
      </c>
      <c r="D66" s="18">
        <v>14</v>
      </c>
    </row>
    <row r="67" spans="1:4" ht="18" customHeight="1" x14ac:dyDescent="0.15">
      <c r="A67" s="5">
        <v>51</v>
      </c>
      <c r="B67" s="22">
        <v>10</v>
      </c>
      <c r="C67" s="14">
        <v>7</v>
      </c>
      <c r="D67" s="18">
        <v>17</v>
      </c>
    </row>
    <row r="68" spans="1:4" ht="18" customHeight="1" x14ac:dyDescent="0.15">
      <c r="A68" s="5">
        <v>52</v>
      </c>
      <c r="B68" s="22">
        <v>4</v>
      </c>
      <c r="C68" s="14">
        <v>7</v>
      </c>
      <c r="D68" s="18">
        <v>11</v>
      </c>
    </row>
    <row r="69" spans="1:4" ht="18" customHeight="1" x14ac:dyDescent="0.15">
      <c r="A69" s="5">
        <v>53</v>
      </c>
      <c r="B69" s="22">
        <v>9</v>
      </c>
      <c r="C69" s="14">
        <v>5</v>
      </c>
      <c r="D69" s="18">
        <v>14</v>
      </c>
    </row>
    <row r="70" spans="1:4" ht="18" customHeight="1" x14ac:dyDescent="0.15">
      <c r="A70" s="5">
        <v>54</v>
      </c>
      <c r="B70" s="22">
        <v>4</v>
      </c>
      <c r="C70" s="14">
        <v>5</v>
      </c>
      <c r="D70" s="18">
        <v>9</v>
      </c>
    </row>
    <row r="71" spans="1:4" ht="18" customHeight="1" x14ac:dyDescent="0.15">
      <c r="A71" s="5" t="s">
        <v>22</v>
      </c>
      <c r="B71" s="22">
        <v>33</v>
      </c>
      <c r="C71" s="14">
        <v>32</v>
      </c>
      <c r="D71" s="18">
        <v>65</v>
      </c>
    </row>
    <row r="72" spans="1:4" ht="18" customHeight="1" x14ac:dyDescent="0.15">
      <c r="A72" s="5">
        <v>55</v>
      </c>
      <c r="B72" s="22">
        <v>6</v>
      </c>
      <c r="C72" s="14">
        <v>12</v>
      </c>
      <c r="D72" s="18">
        <v>18</v>
      </c>
    </row>
    <row r="73" spans="1:4" ht="18" customHeight="1" x14ac:dyDescent="0.15">
      <c r="A73" s="5">
        <v>56</v>
      </c>
      <c r="B73" s="22">
        <v>6</v>
      </c>
      <c r="C73" s="14">
        <v>4</v>
      </c>
      <c r="D73" s="18">
        <v>10</v>
      </c>
    </row>
    <row r="74" spans="1:4" ht="18" customHeight="1" x14ac:dyDescent="0.15">
      <c r="A74" s="5">
        <v>57</v>
      </c>
      <c r="B74" s="22">
        <v>4</v>
      </c>
      <c r="C74" s="14">
        <v>8</v>
      </c>
      <c r="D74" s="18">
        <v>12</v>
      </c>
    </row>
    <row r="75" spans="1:4" ht="18" customHeight="1" x14ac:dyDescent="0.15">
      <c r="A75" s="5">
        <v>58</v>
      </c>
      <c r="B75" s="22">
        <v>6</v>
      </c>
      <c r="C75" s="14">
        <v>6</v>
      </c>
      <c r="D75" s="18">
        <v>12</v>
      </c>
    </row>
    <row r="76" spans="1:4" ht="18" customHeight="1" x14ac:dyDescent="0.15">
      <c r="A76" s="5">
        <v>59</v>
      </c>
      <c r="B76" s="22">
        <v>5</v>
      </c>
      <c r="C76" s="14">
        <v>3</v>
      </c>
      <c r="D76" s="18">
        <v>8</v>
      </c>
    </row>
    <row r="77" spans="1:4" ht="18" customHeight="1" x14ac:dyDescent="0.15">
      <c r="A77" s="5" t="s">
        <v>27</v>
      </c>
      <c r="B77" s="22">
        <v>27</v>
      </c>
      <c r="C77" s="14">
        <v>33</v>
      </c>
      <c r="D77" s="18">
        <v>60</v>
      </c>
    </row>
    <row r="78" spans="1:4" ht="18" customHeight="1" x14ac:dyDescent="0.15">
      <c r="A78" s="5">
        <v>60</v>
      </c>
      <c r="B78" s="22">
        <v>4</v>
      </c>
      <c r="C78" s="14">
        <v>5</v>
      </c>
      <c r="D78" s="18">
        <v>9</v>
      </c>
    </row>
    <row r="79" spans="1:4" ht="18" customHeight="1" x14ac:dyDescent="0.15">
      <c r="A79" s="5">
        <v>61</v>
      </c>
      <c r="B79" s="22">
        <v>3</v>
      </c>
      <c r="C79" s="14">
        <v>6</v>
      </c>
      <c r="D79" s="18">
        <v>9</v>
      </c>
    </row>
    <row r="80" spans="1:4" ht="18" customHeight="1" x14ac:dyDescent="0.15">
      <c r="A80" s="5">
        <v>62</v>
      </c>
      <c r="B80" s="22">
        <v>8</v>
      </c>
      <c r="C80" s="14">
        <v>7</v>
      </c>
      <c r="D80" s="18">
        <v>15</v>
      </c>
    </row>
    <row r="81" spans="1:4" ht="18" customHeight="1" x14ac:dyDescent="0.15">
      <c r="A81" s="5">
        <v>63</v>
      </c>
      <c r="B81" s="22">
        <v>5</v>
      </c>
      <c r="C81" s="14">
        <v>3</v>
      </c>
      <c r="D81" s="18">
        <v>8</v>
      </c>
    </row>
    <row r="82" spans="1:4" ht="18" customHeight="1" x14ac:dyDescent="0.15">
      <c r="A82" s="5">
        <v>64</v>
      </c>
      <c r="B82" s="22">
        <v>3</v>
      </c>
      <c r="C82" s="14">
        <v>5</v>
      </c>
      <c r="D82" s="18">
        <v>8</v>
      </c>
    </row>
    <row r="83" spans="1:4" ht="18" customHeight="1" x14ac:dyDescent="0.15">
      <c r="A83" s="5" t="s">
        <v>28</v>
      </c>
      <c r="B83" s="22">
        <v>23</v>
      </c>
      <c r="C83" s="14">
        <v>26</v>
      </c>
      <c r="D83" s="18">
        <v>49</v>
      </c>
    </row>
    <row r="84" spans="1:4" ht="18" customHeight="1" x14ac:dyDescent="0.15">
      <c r="A84" s="5" t="s">
        <v>31</v>
      </c>
      <c r="B84" s="22">
        <v>226</v>
      </c>
      <c r="C84" s="14">
        <v>190</v>
      </c>
      <c r="D84" s="18">
        <v>416</v>
      </c>
    </row>
    <row r="85" spans="1:4" ht="18" customHeight="1" x14ac:dyDescent="0.15">
      <c r="A85" s="5">
        <v>65</v>
      </c>
      <c r="B85" s="22">
        <v>8</v>
      </c>
      <c r="C85" s="14">
        <v>6</v>
      </c>
      <c r="D85" s="18">
        <v>14</v>
      </c>
    </row>
    <row r="86" spans="1:4" ht="18" customHeight="1" x14ac:dyDescent="0.15">
      <c r="A86" s="5">
        <v>66</v>
      </c>
      <c r="B86" s="22">
        <v>3</v>
      </c>
      <c r="C86" s="14">
        <v>6</v>
      </c>
      <c r="D86" s="18">
        <v>9</v>
      </c>
    </row>
    <row r="87" spans="1:4" ht="18" customHeight="1" x14ac:dyDescent="0.15">
      <c r="A87" s="5">
        <v>67</v>
      </c>
      <c r="B87" s="22">
        <v>8</v>
      </c>
      <c r="C87" s="14">
        <v>9</v>
      </c>
      <c r="D87" s="18">
        <v>17</v>
      </c>
    </row>
    <row r="88" spans="1:4" ht="18" customHeight="1" x14ac:dyDescent="0.15">
      <c r="A88" s="5">
        <v>68</v>
      </c>
      <c r="B88" s="22">
        <v>4</v>
      </c>
      <c r="C88" s="14">
        <v>4</v>
      </c>
      <c r="D88" s="18">
        <v>8</v>
      </c>
    </row>
    <row r="89" spans="1:4" ht="18" customHeight="1" x14ac:dyDescent="0.15">
      <c r="A89" s="5">
        <v>69</v>
      </c>
      <c r="B89" s="22">
        <v>5</v>
      </c>
      <c r="C89" s="14">
        <v>3</v>
      </c>
      <c r="D89" s="18">
        <v>8</v>
      </c>
    </row>
    <row r="90" spans="1:4" ht="18" customHeight="1" x14ac:dyDescent="0.15">
      <c r="A90" s="5" t="s">
        <v>20</v>
      </c>
      <c r="B90" s="22">
        <v>28</v>
      </c>
      <c r="C90" s="14">
        <v>28</v>
      </c>
      <c r="D90" s="18">
        <v>56</v>
      </c>
    </row>
    <row r="91" spans="1:4" ht="18" customHeight="1" x14ac:dyDescent="0.15">
      <c r="A91" s="5">
        <v>70</v>
      </c>
      <c r="B91" s="22">
        <v>4</v>
      </c>
      <c r="C91" s="14">
        <v>8</v>
      </c>
      <c r="D91" s="18">
        <v>12</v>
      </c>
    </row>
    <row r="92" spans="1:4" ht="18" customHeight="1" x14ac:dyDescent="0.15">
      <c r="A92" s="5">
        <v>71</v>
      </c>
      <c r="B92" s="22">
        <v>11</v>
      </c>
      <c r="C92" s="14">
        <v>11</v>
      </c>
      <c r="D92" s="18">
        <v>22</v>
      </c>
    </row>
    <row r="93" spans="1:4" ht="18" customHeight="1" x14ac:dyDescent="0.15">
      <c r="A93" s="5">
        <v>72</v>
      </c>
      <c r="B93" s="22">
        <v>10</v>
      </c>
      <c r="C93" s="14">
        <v>6</v>
      </c>
      <c r="D93" s="18">
        <v>16</v>
      </c>
    </row>
    <row r="94" spans="1:4" ht="18" customHeight="1" x14ac:dyDescent="0.15">
      <c r="A94" s="5">
        <v>73</v>
      </c>
      <c r="B94" s="22">
        <v>8</v>
      </c>
      <c r="C94" s="14">
        <v>4</v>
      </c>
      <c r="D94" s="18">
        <v>12</v>
      </c>
    </row>
    <row r="95" spans="1:4" ht="18" customHeight="1" x14ac:dyDescent="0.15">
      <c r="A95" s="5">
        <v>74</v>
      </c>
      <c r="B95" s="22">
        <v>11</v>
      </c>
      <c r="C95" s="14">
        <v>8</v>
      </c>
      <c r="D95" s="18">
        <v>19</v>
      </c>
    </row>
    <row r="96" spans="1:4" ht="18" customHeight="1" x14ac:dyDescent="0.15">
      <c r="A96" s="5" t="s">
        <v>33</v>
      </c>
      <c r="B96" s="22">
        <v>44</v>
      </c>
      <c r="C96" s="14">
        <v>37</v>
      </c>
      <c r="D96" s="18">
        <v>81</v>
      </c>
    </row>
    <row r="97" spans="1:4" ht="18" customHeight="1" x14ac:dyDescent="0.15">
      <c r="A97" s="5">
        <v>75</v>
      </c>
      <c r="B97" s="22">
        <v>3</v>
      </c>
      <c r="C97" s="14">
        <v>11</v>
      </c>
      <c r="D97" s="18">
        <v>14</v>
      </c>
    </row>
    <row r="98" spans="1:4" ht="18" customHeight="1" x14ac:dyDescent="0.15">
      <c r="A98" s="5">
        <v>76</v>
      </c>
      <c r="B98" s="22">
        <v>9</v>
      </c>
      <c r="C98" s="14">
        <v>12</v>
      </c>
      <c r="D98" s="18">
        <v>21</v>
      </c>
    </row>
    <row r="99" spans="1:4" ht="18" customHeight="1" x14ac:dyDescent="0.15">
      <c r="A99" s="5">
        <v>77</v>
      </c>
      <c r="B99" s="22">
        <v>9</v>
      </c>
      <c r="C99" s="14">
        <v>16</v>
      </c>
      <c r="D99" s="18">
        <v>25</v>
      </c>
    </row>
    <row r="100" spans="1:4" ht="18" customHeight="1" x14ac:dyDescent="0.15">
      <c r="A100" s="5">
        <v>78</v>
      </c>
      <c r="B100" s="22">
        <v>6</v>
      </c>
      <c r="C100" s="14">
        <v>15</v>
      </c>
      <c r="D100" s="18">
        <v>21</v>
      </c>
    </row>
    <row r="101" spans="1:4" ht="18" customHeight="1" x14ac:dyDescent="0.15">
      <c r="A101" s="5">
        <v>79</v>
      </c>
      <c r="B101" s="22">
        <v>9</v>
      </c>
      <c r="C101" s="14">
        <v>11</v>
      </c>
      <c r="D101" s="18">
        <v>20</v>
      </c>
    </row>
    <row r="102" spans="1:4" ht="18" customHeight="1" x14ac:dyDescent="0.15">
      <c r="A102" s="5" t="s">
        <v>0</v>
      </c>
      <c r="B102" s="22">
        <v>36</v>
      </c>
      <c r="C102" s="14">
        <v>65</v>
      </c>
      <c r="D102" s="18">
        <v>101</v>
      </c>
    </row>
    <row r="103" spans="1:4" ht="18" customHeight="1" x14ac:dyDescent="0.15">
      <c r="A103" s="5">
        <v>80</v>
      </c>
      <c r="B103" s="22">
        <v>9</v>
      </c>
      <c r="C103" s="14">
        <v>5</v>
      </c>
      <c r="D103" s="18">
        <v>14</v>
      </c>
    </row>
    <row r="104" spans="1:4" ht="18" customHeight="1" x14ac:dyDescent="0.15">
      <c r="A104" s="5">
        <v>81</v>
      </c>
      <c r="B104" s="22">
        <v>10</v>
      </c>
      <c r="C104" s="14">
        <v>2</v>
      </c>
      <c r="D104" s="18">
        <v>12</v>
      </c>
    </row>
    <row r="105" spans="1:4" ht="18" customHeight="1" x14ac:dyDescent="0.15">
      <c r="A105" s="5">
        <v>82</v>
      </c>
      <c r="B105" s="22">
        <v>3</v>
      </c>
      <c r="C105" s="14">
        <v>13</v>
      </c>
      <c r="D105" s="18">
        <v>16</v>
      </c>
    </row>
    <row r="106" spans="1:4" ht="18" customHeight="1" x14ac:dyDescent="0.15">
      <c r="A106" s="5">
        <v>83</v>
      </c>
      <c r="B106" s="22">
        <v>5</v>
      </c>
      <c r="C106" s="14">
        <v>9</v>
      </c>
      <c r="D106" s="18">
        <v>14</v>
      </c>
    </row>
    <row r="107" spans="1:4" ht="18" customHeight="1" x14ac:dyDescent="0.15">
      <c r="A107" s="5">
        <v>84</v>
      </c>
      <c r="B107" s="22">
        <v>5</v>
      </c>
      <c r="C107" s="14">
        <v>5</v>
      </c>
      <c r="D107" s="18">
        <v>10</v>
      </c>
    </row>
    <row r="108" spans="1:4" ht="18" customHeight="1" x14ac:dyDescent="0.15">
      <c r="A108" s="5" t="s">
        <v>35</v>
      </c>
      <c r="B108" s="22">
        <v>32</v>
      </c>
      <c r="C108" s="14">
        <v>34</v>
      </c>
      <c r="D108" s="18">
        <v>66</v>
      </c>
    </row>
    <row r="109" spans="1:4" ht="18" customHeight="1" x14ac:dyDescent="0.15">
      <c r="A109" s="5">
        <v>85</v>
      </c>
      <c r="B109" s="22">
        <v>0</v>
      </c>
      <c r="C109" s="14">
        <v>1</v>
      </c>
      <c r="D109" s="18">
        <v>1</v>
      </c>
    </row>
    <row r="110" spans="1:4" ht="18" customHeight="1" x14ac:dyDescent="0.15">
      <c r="A110" s="5">
        <v>86</v>
      </c>
      <c r="B110" s="22">
        <v>2</v>
      </c>
      <c r="C110" s="14">
        <v>6</v>
      </c>
      <c r="D110" s="18">
        <v>8</v>
      </c>
    </row>
    <row r="111" spans="1:4" ht="18" customHeight="1" x14ac:dyDescent="0.15">
      <c r="A111" s="5">
        <v>87</v>
      </c>
      <c r="B111" s="22">
        <v>2</v>
      </c>
      <c r="C111" s="14">
        <v>7</v>
      </c>
      <c r="D111" s="18">
        <v>9</v>
      </c>
    </row>
    <row r="112" spans="1:4" ht="18" customHeight="1" x14ac:dyDescent="0.15">
      <c r="A112" s="5">
        <v>88</v>
      </c>
      <c r="B112" s="22">
        <v>2</v>
      </c>
      <c r="C112" s="14">
        <v>5</v>
      </c>
      <c r="D112" s="18">
        <v>7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8</v>
      </c>
      <c r="C114" s="14">
        <v>21</v>
      </c>
      <c r="D114" s="18">
        <v>29</v>
      </c>
    </row>
    <row r="115" spans="1:4" ht="18" customHeight="1" x14ac:dyDescent="0.15">
      <c r="A115" s="5">
        <v>90</v>
      </c>
      <c r="B115" s="22">
        <v>3</v>
      </c>
      <c r="C115" s="14">
        <v>8</v>
      </c>
      <c r="D115" s="18">
        <v>11</v>
      </c>
    </row>
    <row r="116" spans="1:4" ht="18" customHeight="1" x14ac:dyDescent="0.15">
      <c r="A116" s="5">
        <v>91</v>
      </c>
      <c r="B116" s="22">
        <v>3</v>
      </c>
      <c r="C116" s="14">
        <v>3</v>
      </c>
      <c r="D116" s="18">
        <v>6</v>
      </c>
    </row>
    <row r="117" spans="1:4" ht="18" customHeight="1" x14ac:dyDescent="0.15">
      <c r="A117" s="5">
        <v>92</v>
      </c>
      <c r="B117" s="22">
        <v>2</v>
      </c>
      <c r="C117" s="14">
        <v>2</v>
      </c>
      <c r="D117" s="18">
        <v>4</v>
      </c>
    </row>
    <row r="118" spans="1:4" ht="18" customHeight="1" x14ac:dyDescent="0.15">
      <c r="A118" s="5">
        <v>93</v>
      </c>
      <c r="B118" s="22">
        <v>2</v>
      </c>
      <c r="C118" s="14">
        <v>1</v>
      </c>
      <c r="D118" s="18">
        <v>3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10</v>
      </c>
      <c r="C120" s="14">
        <v>19</v>
      </c>
      <c r="D120" s="18">
        <v>29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2</v>
      </c>
      <c r="D122" s="18">
        <v>2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2</v>
      </c>
      <c r="C126" s="14">
        <v>7</v>
      </c>
      <c r="D126" s="18">
        <v>9</v>
      </c>
    </row>
    <row r="127" spans="1:4" ht="18" customHeight="1" x14ac:dyDescent="0.15">
      <c r="A127" s="5">
        <v>100</v>
      </c>
      <c r="B127" s="22">
        <v>0</v>
      </c>
      <c r="C127" s="14">
        <v>0</v>
      </c>
      <c r="D127" s="18">
        <v>0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160</v>
      </c>
      <c r="C130" s="14">
        <v>212</v>
      </c>
      <c r="D130" s="18">
        <v>372</v>
      </c>
    </row>
    <row r="131" spans="1:4" ht="18" customHeight="1" x14ac:dyDescent="0.15">
      <c r="A131" s="7" t="s">
        <v>45</v>
      </c>
      <c r="B131" s="23">
        <v>409</v>
      </c>
      <c r="C131" s="15">
        <v>427</v>
      </c>
      <c r="D131" s="19">
        <v>83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0</v>
      </c>
      <c r="C6" s="14">
        <v>0</v>
      </c>
      <c r="D6" s="18">
        <v>0</v>
      </c>
    </row>
    <row r="7" spans="1:4" ht="18" customHeight="1" x14ac:dyDescent="0.15">
      <c r="A7" s="5">
        <v>2</v>
      </c>
      <c r="B7" s="27">
        <v>0</v>
      </c>
      <c r="C7" s="14">
        <v>0</v>
      </c>
      <c r="D7" s="18">
        <v>0</v>
      </c>
    </row>
    <row r="8" spans="1:4" ht="18" customHeight="1" x14ac:dyDescent="0.15">
      <c r="A8" s="5">
        <v>3</v>
      </c>
      <c r="B8" s="27">
        <v>1</v>
      </c>
      <c r="C8" s="14">
        <v>0</v>
      </c>
      <c r="D8" s="18">
        <v>1</v>
      </c>
    </row>
    <row r="9" spans="1:4" ht="18" customHeight="1" x14ac:dyDescent="0.15">
      <c r="A9" s="5">
        <v>4</v>
      </c>
      <c r="B9" s="28">
        <v>0</v>
      </c>
      <c r="C9" s="30">
        <v>1</v>
      </c>
      <c r="D9" s="32">
        <v>1</v>
      </c>
    </row>
    <row r="10" spans="1:4" ht="18" customHeight="1" x14ac:dyDescent="0.15">
      <c r="A10" s="5" t="s">
        <v>7</v>
      </c>
      <c r="B10" s="22">
        <v>2</v>
      </c>
      <c r="C10" s="14">
        <v>1</v>
      </c>
      <c r="D10" s="18">
        <v>3</v>
      </c>
    </row>
    <row r="11" spans="1:4" ht="18" customHeight="1" x14ac:dyDescent="0.15">
      <c r="A11" s="5">
        <v>5</v>
      </c>
      <c r="B11" s="27">
        <v>0</v>
      </c>
      <c r="C11" s="14">
        <v>0</v>
      </c>
      <c r="D11" s="18">
        <v>0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0</v>
      </c>
      <c r="C13" s="14">
        <v>0</v>
      </c>
      <c r="D13" s="18">
        <v>0</v>
      </c>
    </row>
    <row r="14" spans="1:4" ht="18" customHeight="1" x14ac:dyDescent="0.15">
      <c r="A14" s="5">
        <v>8</v>
      </c>
      <c r="B14" s="27">
        <v>0</v>
      </c>
      <c r="C14" s="14">
        <v>1</v>
      </c>
      <c r="D14" s="18">
        <v>1</v>
      </c>
    </row>
    <row r="15" spans="1:4" ht="18" customHeight="1" x14ac:dyDescent="0.15">
      <c r="A15" s="5">
        <v>9</v>
      </c>
      <c r="B15" s="27">
        <v>1</v>
      </c>
      <c r="C15" s="14">
        <v>0</v>
      </c>
      <c r="D15" s="18">
        <v>1</v>
      </c>
    </row>
    <row r="16" spans="1:4" ht="18" customHeight="1" x14ac:dyDescent="0.15">
      <c r="A16" s="5" t="s">
        <v>11</v>
      </c>
      <c r="B16" s="22">
        <v>1</v>
      </c>
      <c r="C16" s="14">
        <v>1</v>
      </c>
      <c r="D16" s="18">
        <v>2</v>
      </c>
    </row>
    <row r="17" spans="1:4" ht="18" customHeight="1" x14ac:dyDescent="0.15">
      <c r="A17" s="5">
        <v>10</v>
      </c>
      <c r="B17" s="22">
        <v>0</v>
      </c>
      <c r="C17" s="14">
        <v>1</v>
      </c>
      <c r="D17" s="18">
        <v>1</v>
      </c>
    </row>
    <row r="18" spans="1:4" ht="18" customHeight="1" x14ac:dyDescent="0.15">
      <c r="A18" s="5">
        <v>11</v>
      </c>
      <c r="B18" s="22">
        <v>1</v>
      </c>
      <c r="C18" s="14">
        <v>1</v>
      </c>
      <c r="D18" s="18">
        <v>2</v>
      </c>
    </row>
    <row r="19" spans="1:4" ht="18" customHeight="1" x14ac:dyDescent="0.15">
      <c r="A19" s="5">
        <v>12</v>
      </c>
      <c r="B19" s="22">
        <v>0</v>
      </c>
      <c r="C19" s="14">
        <v>0</v>
      </c>
      <c r="D19" s="18">
        <v>0</v>
      </c>
    </row>
    <row r="20" spans="1:4" ht="18" customHeight="1" x14ac:dyDescent="0.15">
      <c r="A20" s="5">
        <v>13</v>
      </c>
      <c r="B20" s="22">
        <v>0</v>
      </c>
      <c r="C20" s="14">
        <v>0</v>
      </c>
      <c r="D20" s="18">
        <v>0</v>
      </c>
    </row>
    <row r="21" spans="1:4" ht="18" customHeight="1" x14ac:dyDescent="0.15">
      <c r="A21" s="5">
        <v>14</v>
      </c>
      <c r="B21" s="22">
        <v>0</v>
      </c>
      <c r="C21" s="14">
        <v>0</v>
      </c>
      <c r="D21" s="18">
        <v>0</v>
      </c>
    </row>
    <row r="22" spans="1:4" ht="18" customHeight="1" x14ac:dyDescent="0.15">
      <c r="A22" s="5" t="s">
        <v>12</v>
      </c>
      <c r="B22" s="22">
        <v>1</v>
      </c>
      <c r="C22" s="14">
        <v>2</v>
      </c>
      <c r="D22" s="18">
        <v>3</v>
      </c>
    </row>
    <row r="23" spans="1:4" ht="18" customHeight="1" x14ac:dyDescent="0.15">
      <c r="A23" s="5" t="s">
        <v>6</v>
      </c>
      <c r="B23" s="22">
        <v>4</v>
      </c>
      <c r="C23" s="14">
        <v>4</v>
      </c>
      <c r="D23" s="18">
        <v>8</v>
      </c>
    </row>
    <row r="24" spans="1:4" ht="18" customHeight="1" x14ac:dyDescent="0.15">
      <c r="A24" s="5">
        <v>15</v>
      </c>
      <c r="B24" s="22">
        <v>1</v>
      </c>
      <c r="C24" s="14">
        <v>0</v>
      </c>
      <c r="D24" s="18">
        <v>1</v>
      </c>
    </row>
    <row r="25" spans="1:4" ht="18" customHeight="1" x14ac:dyDescent="0.15">
      <c r="A25" s="5">
        <v>16</v>
      </c>
      <c r="B25" s="22">
        <v>0</v>
      </c>
      <c r="C25" s="14">
        <v>0</v>
      </c>
      <c r="D25" s="18">
        <v>0</v>
      </c>
    </row>
    <row r="26" spans="1:4" ht="18" customHeight="1" x14ac:dyDescent="0.15">
      <c r="A26" s="5">
        <v>17</v>
      </c>
      <c r="B26" s="22">
        <v>1</v>
      </c>
      <c r="C26" s="14">
        <v>0</v>
      </c>
      <c r="D26" s="18">
        <v>1</v>
      </c>
    </row>
    <row r="27" spans="1:4" ht="18" customHeight="1" x14ac:dyDescent="0.15">
      <c r="A27" s="5">
        <v>18</v>
      </c>
      <c r="B27" s="22">
        <v>0</v>
      </c>
      <c r="C27" s="14">
        <v>2</v>
      </c>
      <c r="D27" s="18">
        <v>2</v>
      </c>
    </row>
    <row r="28" spans="1:4" ht="18" customHeight="1" x14ac:dyDescent="0.15">
      <c r="A28" s="5">
        <v>19</v>
      </c>
      <c r="B28" s="22">
        <v>0</v>
      </c>
      <c r="C28" s="14">
        <v>1</v>
      </c>
      <c r="D28" s="18">
        <v>1</v>
      </c>
    </row>
    <row r="29" spans="1:4" ht="18" customHeight="1" x14ac:dyDescent="0.15">
      <c r="A29" s="5" t="s">
        <v>14</v>
      </c>
      <c r="B29" s="22">
        <v>2</v>
      </c>
      <c r="C29" s="14">
        <v>3</v>
      </c>
      <c r="D29" s="18">
        <v>5</v>
      </c>
    </row>
    <row r="30" spans="1:4" ht="18" customHeight="1" x14ac:dyDescent="0.15">
      <c r="A30" s="5">
        <v>20</v>
      </c>
      <c r="B30" s="22">
        <v>0</v>
      </c>
      <c r="C30" s="14">
        <v>0</v>
      </c>
      <c r="D30" s="18">
        <v>0</v>
      </c>
    </row>
    <row r="31" spans="1:4" ht="18" customHeight="1" x14ac:dyDescent="0.15">
      <c r="A31" s="5">
        <v>21</v>
      </c>
      <c r="B31" s="22">
        <v>1</v>
      </c>
      <c r="C31" s="14">
        <v>0</v>
      </c>
      <c r="D31" s="18">
        <v>1</v>
      </c>
    </row>
    <row r="32" spans="1:4" ht="18" customHeight="1" x14ac:dyDescent="0.15">
      <c r="A32" s="5">
        <v>22</v>
      </c>
      <c r="B32" s="22">
        <v>0</v>
      </c>
      <c r="C32" s="14">
        <v>1</v>
      </c>
      <c r="D32" s="18">
        <v>1</v>
      </c>
    </row>
    <row r="33" spans="1:4" ht="18" customHeight="1" x14ac:dyDescent="0.15">
      <c r="A33" s="5">
        <v>23</v>
      </c>
      <c r="B33" s="22">
        <v>0</v>
      </c>
      <c r="C33" s="14">
        <v>0</v>
      </c>
      <c r="D33" s="18">
        <v>0</v>
      </c>
    </row>
    <row r="34" spans="1:4" ht="18" customHeight="1" x14ac:dyDescent="0.15">
      <c r="A34" s="5">
        <v>24</v>
      </c>
      <c r="B34" s="22">
        <v>0</v>
      </c>
      <c r="C34" s="14">
        <v>0</v>
      </c>
      <c r="D34" s="18">
        <v>0</v>
      </c>
    </row>
    <row r="35" spans="1:4" ht="18" customHeight="1" x14ac:dyDescent="0.15">
      <c r="A35" s="5" t="s">
        <v>9</v>
      </c>
      <c r="B35" s="22">
        <v>1</v>
      </c>
      <c r="C35" s="14">
        <v>1</v>
      </c>
      <c r="D35" s="18">
        <v>2</v>
      </c>
    </row>
    <row r="36" spans="1:4" ht="18" customHeight="1" x14ac:dyDescent="0.15">
      <c r="A36" s="5">
        <v>25</v>
      </c>
      <c r="B36" s="22">
        <v>0</v>
      </c>
      <c r="C36" s="14">
        <v>0</v>
      </c>
      <c r="D36" s="18">
        <v>0</v>
      </c>
    </row>
    <row r="37" spans="1:4" ht="18" customHeight="1" x14ac:dyDescent="0.15">
      <c r="A37" s="5">
        <v>26</v>
      </c>
      <c r="B37" s="22">
        <v>0</v>
      </c>
      <c r="C37" s="14">
        <v>0</v>
      </c>
      <c r="D37" s="18">
        <v>0</v>
      </c>
    </row>
    <row r="38" spans="1:4" ht="18" customHeight="1" x14ac:dyDescent="0.15">
      <c r="A38" s="5">
        <v>27</v>
      </c>
      <c r="B38" s="22">
        <v>0</v>
      </c>
      <c r="C38" s="14">
        <v>0</v>
      </c>
      <c r="D38" s="18">
        <v>0</v>
      </c>
    </row>
    <row r="39" spans="1:4" ht="18" customHeight="1" x14ac:dyDescent="0.15">
      <c r="A39" s="5">
        <v>28</v>
      </c>
      <c r="B39" s="22">
        <v>2</v>
      </c>
      <c r="C39" s="14">
        <v>0</v>
      </c>
      <c r="D39" s="18">
        <v>2</v>
      </c>
    </row>
    <row r="40" spans="1:4" ht="18" customHeight="1" x14ac:dyDescent="0.15">
      <c r="A40" s="5">
        <v>29</v>
      </c>
      <c r="B40" s="22">
        <v>1</v>
      </c>
      <c r="C40" s="14">
        <v>0</v>
      </c>
      <c r="D40" s="18">
        <v>1</v>
      </c>
    </row>
    <row r="41" spans="1:4" ht="18" customHeight="1" x14ac:dyDescent="0.15">
      <c r="A41" s="5" t="s">
        <v>2</v>
      </c>
      <c r="B41" s="22">
        <v>3</v>
      </c>
      <c r="C41" s="14">
        <v>0</v>
      </c>
      <c r="D41" s="18">
        <v>3</v>
      </c>
    </row>
    <row r="42" spans="1:4" ht="18" customHeight="1" x14ac:dyDescent="0.15">
      <c r="A42" s="5">
        <v>30</v>
      </c>
      <c r="B42" s="22">
        <v>1</v>
      </c>
      <c r="C42" s="14">
        <v>0</v>
      </c>
      <c r="D42" s="18">
        <v>1</v>
      </c>
    </row>
    <row r="43" spans="1:4" ht="18" customHeight="1" x14ac:dyDescent="0.15">
      <c r="A43" s="5">
        <v>31</v>
      </c>
      <c r="B43" s="22">
        <v>1</v>
      </c>
      <c r="C43" s="14">
        <v>2</v>
      </c>
      <c r="D43" s="18">
        <v>3</v>
      </c>
    </row>
    <row r="44" spans="1:4" ht="18" customHeight="1" x14ac:dyDescent="0.15">
      <c r="A44" s="5">
        <v>32</v>
      </c>
      <c r="B44" s="22">
        <v>0</v>
      </c>
      <c r="C44" s="14">
        <v>1</v>
      </c>
      <c r="D44" s="18">
        <v>1</v>
      </c>
    </row>
    <row r="45" spans="1:4" ht="18" customHeight="1" x14ac:dyDescent="0.15">
      <c r="A45" s="5">
        <v>33</v>
      </c>
      <c r="B45" s="22">
        <v>0</v>
      </c>
      <c r="C45" s="14">
        <v>2</v>
      </c>
      <c r="D45" s="18">
        <v>2</v>
      </c>
    </row>
    <row r="46" spans="1:4" ht="18" customHeight="1" x14ac:dyDescent="0.15">
      <c r="A46" s="5">
        <v>34</v>
      </c>
      <c r="B46" s="22">
        <v>2</v>
      </c>
      <c r="C46" s="14">
        <v>0</v>
      </c>
      <c r="D46" s="18">
        <v>2</v>
      </c>
    </row>
    <row r="47" spans="1:4" ht="18" customHeight="1" x14ac:dyDescent="0.15">
      <c r="A47" s="5" t="s">
        <v>15</v>
      </c>
      <c r="B47" s="22">
        <v>4</v>
      </c>
      <c r="C47" s="14">
        <v>5</v>
      </c>
      <c r="D47" s="18">
        <v>9</v>
      </c>
    </row>
    <row r="48" spans="1:4" ht="18" customHeight="1" x14ac:dyDescent="0.15">
      <c r="A48" s="5">
        <v>35</v>
      </c>
      <c r="B48" s="22">
        <v>1</v>
      </c>
      <c r="C48" s="14">
        <v>1</v>
      </c>
      <c r="D48" s="18">
        <v>2</v>
      </c>
    </row>
    <row r="49" spans="1:4" ht="18" customHeight="1" x14ac:dyDescent="0.15">
      <c r="A49" s="5">
        <v>36</v>
      </c>
      <c r="B49" s="22">
        <v>0</v>
      </c>
      <c r="C49" s="14">
        <v>0</v>
      </c>
      <c r="D49" s="18">
        <v>0</v>
      </c>
    </row>
    <row r="50" spans="1:4" ht="18" customHeight="1" x14ac:dyDescent="0.15">
      <c r="A50" s="5">
        <v>37</v>
      </c>
      <c r="B50" s="22">
        <v>1</v>
      </c>
      <c r="C50" s="14">
        <v>0</v>
      </c>
      <c r="D50" s="18">
        <v>1</v>
      </c>
    </row>
    <row r="51" spans="1:4" ht="18" customHeight="1" x14ac:dyDescent="0.15">
      <c r="A51" s="5">
        <v>38</v>
      </c>
      <c r="B51" s="22">
        <v>2</v>
      </c>
      <c r="C51" s="14">
        <v>0</v>
      </c>
      <c r="D51" s="18">
        <v>2</v>
      </c>
    </row>
    <row r="52" spans="1:4" ht="18" customHeight="1" x14ac:dyDescent="0.15">
      <c r="A52" s="5">
        <v>39</v>
      </c>
      <c r="B52" s="22">
        <v>1</v>
      </c>
      <c r="C52" s="14">
        <v>1</v>
      </c>
      <c r="D52" s="18">
        <v>2</v>
      </c>
    </row>
    <row r="53" spans="1:4" ht="18" customHeight="1" x14ac:dyDescent="0.15">
      <c r="A53" s="5" t="s">
        <v>18</v>
      </c>
      <c r="B53" s="22">
        <v>5</v>
      </c>
      <c r="C53" s="14">
        <v>2</v>
      </c>
      <c r="D53" s="18">
        <v>7</v>
      </c>
    </row>
    <row r="54" spans="1:4" ht="18" customHeight="1" x14ac:dyDescent="0.15">
      <c r="A54" s="5">
        <v>40</v>
      </c>
      <c r="B54" s="22">
        <v>3</v>
      </c>
      <c r="C54" s="14">
        <v>1</v>
      </c>
      <c r="D54" s="18">
        <v>4</v>
      </c>
    </row>
    <row r="55" spans="1:4" ht="18" customHeight="1" x14ac:dyDescent="0.15">
      <c r="A55" s="5">
        <v>41</v>
      </c>
      <c r="B55" s="22">
        <v>0</v>
      </c>
      <c r="C55" s="14">
        <v>0</v>
      </c>
      <c r="D55" s="18">
        <v>0</v>
      </c>
    </row>
    <row r="56" spans="1:4" ht="18" customHeight="1" x14ac:dyDescent="0.15">
      <c r="A56" s="5">
        <v>42</v>
      </c>
      <c r="B56" s="22">
        <v>1</v>
      </c>
      <c r="C56" s="14">
        <v>0</v>
      </c>
      <c r="D56" s="18">
        <v>1</v>
      </c>
    </row>
    <row r="57" spans="1:4" ht="18" customHeight="1" x14ac:dyDescent="0.15">
      <c r="A57" s="5">
        <v>43</v>
      </c>
      <c r="B57" s="22">
        <v>0</v>
      </c>
      <c r="C57" s="14">
        <v>0</v>
      </c>
      <c r="D57" s="18">
        <v>0</v>
      </c>
    </row>
    <row r="58" spans="1:4" ht="18" customHeight="1" x14ac:dyDescent="0.15">
      <c r="A58" s="5">
        <v>44</v>
      </c>
      <c r="B58" s="22">
        <v>1</v>
      </c>
      <c r="C58" s="14">
        <v>0</v>
      </c>
      <c r="D58" s="18">
        <v>1</v>
      </c>
    </row>
    <row r="59" spans="1:4" ht="18" customHeight="1" x14ac:dyDescent="0.15">
      <c r="A59" s="5" t="s">
        <v>21</v>
      </c>
      <c r="B59" s="22">
        <v>5</v>
      </c>
      <c r="C59" s="14">
        <v>1</v>
      </c>
      <c r="D59" s="18">
        <v>6</v>
      </c>
    </row>
    <row r="60" spans="1:4" ht="18" customHeight="1" x14ac:dyDescent="0.15">
      <c r="A60" s="5">
        <v>45</v>
      </c>
      <c r="B60" s="22">
        <v>0</v>
      </c>
      <c r="C60" s="14">
        <v>1</v>
      </c>
      <c r="D60" s="18">
        <v>1</v>
      </c>
    </row>
    <row r="61" spans="1:4" ht="18" customHeight="1" x14ac:dyDescent="0.15">
      <c r="A61" s="5">
        <v>46</v>
      </c>
      <c r="B61" s="22">
        <v>0</v>
      </c>
      <c r="C61" s="14">
        <v>2</v>
      </c>
      <c r="D61" s="18">
        <v>2</v>
      </c>
    </row>
    <row r="62" spans="1:4" ht="18" customHeight="1" x14ac:dyDescent="0.15">
      <c r="A62" s="5">
        <v>47</v>
      </c>
      <c r="B62" s="22">
        <v>1</v>
      </c>
      <c r="C62" s="14">
        <v>1</v>
      </c>
      <c r="D62" s="18">
        <v>2</v>
      </c>
    </row>
    <row r="63" spans="1:4" ht="18" customHeight="1" x14ac:dyDescent="0.15">
      <c r="A63" s="5">
        <v>48</v>
      </c>
      <c r="B63" s="22">
        <v>0</v>
      </c>
      <c r="C63" s="14">
        <v>0</v>
      </c>
      <c r="D63" s="18">
        <v>0</v>
      </c>
    </row>
    <row r="64" spans="1:4" ht="18" customHeight="1" x14ac:dyDescent="0.15">
      <c r="A64" s="5">
        <v>49</v>
      </c>
      <c r="B64" s="22">
        <v>1</v>
      </c>
      <c r="C64" s="14">
        <v>0</v>
      </c>
      <c r="D64" s="18">
        <v>1</v>
      </c>
    </row>
    <row r="65" spans="1:4" ht="18" customHeight="1" x14ac:dyDescent="0.15">
      <c r="A65" s="5" t="s">
        <v>17</v>
      </c>
      <c r="B65" s="22">
        <v>2</v>
      </c>
      <c r="C65" s="14">
        <v>4</v>
      </c>
      <c r="D65" s="18">
        <v>6</v>
      </c>
    </row>
    <row r="66" spans="1:4" ht="18" customHeight="1" x14ac:dyDescent="0.15">
      <c r="A66" s="5">
        <v>50</v>
      </c>
      <c r="B66" s="22">
        <v>1</v>
      </c>
      <c r="C66" s="14">
        <v>1</v>
      </c>
      <c r="D66" s="18">
        <v>2</v>
      </c>
    </row>
    <row r="67" spans="1:4" ht="18" customHeight="1" x14ac:dyDescent="0.15">
      <c r="A67" s="5">
        <v>51</v>
      </c>
      <c r="B67" s="22">
        <v>0</v>
      </c>
      <c r="C67" s="14">
        <v>0</v>
      </c>
      <c r="D67" s="18">
        <v>0</v>
      </c>
    </row>
    <row r="68" spans="1:4" ht="18" customHeight="1" x14ac:dyDescent="0.15">
      <c r="A68" s="5">
        <v>52</v>
      </c>
      <c r="B68" s="22">
        <v>0</v>
      </c>
      <c r="C68" s="14">
        <v>2</v>
      </c>
      <c r="D68" s="18">
        <v>2</v>
      </c>
    </row>
    <row r="69" spans="1:4" ht="18" customHeight="1" x14ac:dyDescent="0.15">
      <c r="A69" s="5">
        <v>53</v>
      </c>
      <c r="B69" s="22">
        <v>3</v>
      </c>
      <c r="C69" s="14">
        <v>1</v>
      </c>
      <c r="D69" s="18">
        <v>4</v>
      </c>
    </row>
    <row r="70" spans="1:4" ht="18" customHeight="1" x14ac:dyDescent="0.15">
      <c r="A70" s="5">
        <v>54</v>
      </c>
      <c r="B70" s="22">
        <v>1</v>
      </c>
      <c r="C70" s="14">
        <v>5</v>
      </c>
      <c r="D70" s="18">
        <v>6</v>
      </c>
    </row>
    <row r="71" spans="1:4" ht="18" customHeight="1" x14ac:dyDescent="0.15">
      <c r="A71" s="5" t="s">
        <v>22</v>
      </c>
      <c r="B71" s="22">
        <v>5</v>
      </c>
      <c r="C71" s="14">
        <v>9</v>
      </c>
      <c r="D71" s="18">
        <v>14</v>
      </c>
    </row>
    <row r="72" spans="1:4" ht="18" customHeight="1" x14ac:dyDescent="0.15">
      <c r="A72" s="5">
        <v>55</v>
      </c>
      <c r="B72" s="22">
        <v>1</v>
      </c>
      <c r="C72" s="14">
        <v>0</v>
      </c>
      <c r="D72" s="18">
        <v>1</v>
      </c>
    </row>
    <row r="73" spans="1:4" ht="18" customHeight="1" x14ac:dyDescent="0.15">
      <c r="A73" s="5">
        <v>56</v>
      </c>
      <c r="B73" s="22">
        <v>3</v>
      </c>
      <c r="C73" s="14">
        <v>3</v>
      </c>
      <c r="D73" s="18">
        <v>6</v>
      </c>
    </row>
    <row r="74" spans="1:4" ht="18" customHeight="1" x14ac:dyDescent="0.15">
      <c r="A74" s="5">
        <v>57</v>
      </c>
      <c r="B74" s="22">
        <v>2</v>
      </c>
      <c r="C74" s="14">
        <v>0</v>
      </c>
      <c r="D74" s="18">
        <v>2</v>
      </c>
    </row>
    <row r="75" spans="1:4" ht="18" customHeight="1" x14ac:dyDescent="0.15">
      <c r="A75" s="5">
        <v>58</v>
      </c>
      <c r="B75" s="22">
        <v>1</v>
      </c>
      <c r="C75" s="14">
        <v>3</v>
      </c>
      <c r="D75" s="18">
        <v>4</v>
      </c>
    </row>
    <row r="76" spans="1:4" ht="18" customHeight="1" x14ac:dyDescent="0.15">
      <c r="A76" s="5">
        <v>59</v>
      </c>
      <c r="B76" s="22">
        <v>0</v>
      </c>
      <c r="C76" s="14">
        <v>4</v>
      </c>
      <c r="D76" s="18">
        <v>4</v>
      </c>
    </row>
    <row r="77" spans="1:4" ht="18" customHeight="1" x14ac:dyDescent="0.15">
      <c r="A77" s="5" t="s">
        <v>27</v>
      </c>
      <c r="B77" s="22">
        <v>7</v>
      </c>
      <c r="C77" s="14">
        <v>10</v>
      </c>
      <c r="D77" s="18">
        <v>17</v>
      </c>
    </row>
    <row r="78" spans="1:4" ht="18" customHeight="1" x14ac:dyDescent="0.15">
      <c r="A78" s="5">
        <v>60</v>
      </c>
      <c r="B78" s="22">
        <v>0</v>
      </c>
      <c r="C78" s="14">
        <v>1</v>
      </c>
      <c r="D78" s="18">
        <v>1</v>
      </c>
    </row>
    <row r="79" spans="1:4" ht="18" customHeight="1" x14ac:dyDescent="0.15">
      <c r="A79" s="5">
        <v>61</v>
      </c>
      <c r="B79" s="22">
        <v>1</v>
      </c>
      <c r="C79" s="14">
        <v>1</v>
      </c>
      <c r="D79" s="18">
        <v>2</v>
      </c>
    </row>
    <row r="80" spans="1:4" ht="18" customHeight="1" x14ac:dyDescent="0.15">
      <c r="A80" s="5">
        <v>62</v>
      </c>
      <c r="B80" s="22">
        <v>2</v>
      </c>
      <c r="C80" s="14">
        <v>2</v>
      </c>
      <c r="D80" s="18">
        <v>4</v>
      </c>
    </row>
    <row r="81" spans="1:4" ht="18" customHeight="1" x14ac:dyDescent="0.15">
      <c r="A81" s="5">
        <v>63</v>
      </c>
      <c r="B81" s="22">
        <v>0</v>
      </c>
      <c r="C81" s="14">
        <v>1</v>
      </c>
      <c r="D81" s="18">
        <v>1</v>
      </c>
    </row>
    <row r="82" spans="1:4" ht="18" customHeight="1" x14ac:dyDescent="0.15">
      <c r="A82" s="5">
        <v>64</v>
      </c>
      <c r="B82" s="22">
        <v>3</v>
      </c>
      <c r="C82" s="14">
        <v>1</v>
      </c>
      <c r="D82" s="18">
        <v>4</v>
      </c>
    </row>
    <row r="83" spans="1:4" ht="18" customHeight="1" x14ac:dyDescent="0.15">
      <c r="A83" s="5" t="s">
        <v>28</v>
      </c>
      <c r="B83" s="22">
        <v>6</v>
      </c>
      <c r="C83" s="14">
        <v>6</v>
      </c>
      <c r="D83" s="18">
        <v>12</v>
      </c>
    </row>
    <row r="84" spans="1:4" ht="18" customHeight="1" x14ac:dyDescent="0.15">
      <c r="A84" s="5" t="s">
        <v>31</v>
      </c>
      <c r="B84" s="22">
        <v>40</v>
      </c>
      <c r="C84" s="14">
        <v>41</v>
      </c>
      <c r="D84" s="18">
        <v>81</v>
      </c>
    </row>
    <row r="85" spans="1:4" ht="18" customHeight="1" x14ac:dyDescent="0.15">
      <c r="A85" s="5">
        <v>65</v>
      </c>
      <c r="B85" s="22">
        <v>2</v>
      </c>
      <c r="C85" s="14">
        <v>2</v>
      </c>
      <c r="D85" s="18">
        <v>4</v>
      </c>
    </row>
    <row r="86" spans="1:4" ht="18" customHeight="1" x14ac:dyDescent="0.15">
      <c r="A86" s="5">
        <v>66</v>
      </c>
      <c r="B86" s="22">
        <v>1</v>
      </c>
      <c r="C86" s="14">
        <v>1</v>
      </c>
      <c r="D86" s="18">
        <v>2</v>
      </c>
    </row>
    <row r="87" spans="1:4" ht="18" customHeight="1" x14ac:dyDescent="0.15">
      <c r="A87" s="5">
        <v>67</v>
      </c>
      <c r="B87" s="22">
        <v>1</v>
      </c>
      <c r="C87" s="14">
        <v>3</v>
      </c>
      <c r="D87" s="18">
        <v>4</v>
      </c>
    </row>
    <row r="88" spans="1:4" ht="18" customHeight="1" x14ac:dyDescent="0.15">
      <c r="A88" s="5">
        <v>68</v>
      </c>
      <c r="B88" s="22">
        <v>4</v>
      </c>
      <c r="C88" s="14">
        <v>3</v>
      </c>
      <c r="D88" s="18">
        <v>7</v>
      </c>
    </row>
    <row r="89" spans="1:4" ht="18" customHeight="1" x14ac:dyDescent="0.15">
      <c r="A89" s="5">
        <v>69</v>
      </c>
      <c r="B89" s="22">
        <v>1</v>
      </c>
      <c r="C89" s="14">
        <v>3</v>
      </c>
      <c r="D89" s="18">
        <v>4</v>
      </c>
    </row>
    <row r="90" spans="1:4" ht="18" customHeight="1" x14ac:dyDescent="0.15">
      <c r="A90" s="5" t="s">
        <v>20</v>
      </c>
      <c r="B90" s="22">
        <v>9</v>
      </c>
      <c r="C90" s="14">
        <v>12</v>
      </c>
      <c r="D90" s="18">
        <v>21</v>
      </c>
    </row>
    <row r="91" spans="1:4" ht="18" customHeight="1" x14ac:dyDescent="0.15">
      <c r="A91" s="5">
        <v>70</v>
      </c>
      <c r="B91" s="22">
        <v>2</v>
      </c>
      <c r="C91" s="14">
        <v>3</v>
      </c>
      <c r="D91" s="18">
        <v>5</v>
      </c>
    </row>
    <row r="92" spans="1:4" ht="18" customHeight="1" x14ac:dyDescent="0.15">
      <c r="A92" s="5">
        <v>71</v>
      </c>
      <c r="B92" s="22">
        <v>2</v>
      </c>
      <c r="C92" s="14">
        <v>2</v>
      </c>
      <c r="D92" s="18">
        <v>4</v>
      </c>
    </row>
    <row r="93" spans="1:4" ht="18" customHeight="1" x14ac:dyDescent="0.15">
      <c r="A93" s="5">
        <v>72</v>
      </c>
      <c r="B93" s="22">
        <v>5</v>
      </c>
      <c r="C93" s="14">
        <v>4</v>
      </c>
      <c r="D93" s="18">
        <v>9</v>
      </c>
    </row>
    <row r="94" spans="1:4" ht="18" customHeight="1" x14ac:dyDescent="0.15">
      <c r="A94" s="5">
        <v>73</v>
      </c>
      <c r="B94" s="22">
        <v>1</v>
      </c>
      <c r="C94" s="14">
        <v>0</v>
      </c>
      <c r="D94" s="18">
        <v>1</v>
      </c>
    </row>
    <row r="95" spans="1:4" ht="18" customHeight="1" x14ac:dyDescent="0.15">
      <c r="A95" s="5">
        <v>74</v>
      </c>
      <c r="B95" s="22">
        <v>3</v>
      </c>
      <c r="C95" s="14">
        <v>3</v>
      </c>
      <c r="D95" s="18">
        <v>6</v>
      </c>
    </row>
    <row r="96" spans="1:4" ht="18" customHeight="1" x14ac:dyDescent="0.15">
      <c r="A96" s="5" t="s">
        <v>33</v>
      </c>
      <c r="B96" s="22">
        <v>13</v>
      </c>
      <c r="C96" s="14">
        <v>12</v>
      </c>
      <c r="D96" s="18">
        <v>25</v>
      </c>
    </row>
    <row r="97" spans="1:4" ht="18" customHeight="1" x14ac:dyDescent="0.15">
      <c r="A97" s="5">
        <v>75</v>
      </c>
      <c r="B97" s="22">
        <v>3</v>
      </c>
      <c r="C97" s="14">
        <v>2</v>
      </c>
      <c r="D97" s="18">
        <v>5</v>
      </c>
    </row>
    <row r="98" spans="1:4" ht="18" customHeight="1" x14ac:dyDescent="0.15">
      <c r="A98" s="5">
        <v>76</v>
      </c>
      <c r="B98" s="22">
        <v>4</v>
      </c>
      <c r="C98" s="14">
        <v>2</v>
      </c>
      <c r="D98" s="18">
        <v>6</v>
      </c>
    </row>
    <row r="99" spans="1:4" ht="18" customHeight="1" x14ac:dyDescent="0.15">
      <c r="A99" s="5">
        <v>77</v>
      </c>
      <c r="B99" s="22">
        <v>4</v>
      </c>
      <c r="C99" s="14">
        <v>3</v>
      </c>
      <c r="D99" s="18">
        <v>7</v>
      </c>
    </row>
    <row r="100" spans="1:4" ht="18" customHeight="1" x14ac:dyDescent="0.15">
      <c r="A100" s="5">
        <v>78</v>
      </c>
      <c r="B100" s="22">
        <v>5</v>
      </c>
      <c r="C100" s="14">
        <v>3</v>
      </c>
      <c r="D100" s="18">
        <v>8</v>
      </c>
    </row>
    <row r="101" spans="1:4" ht="18" customHeight="1" x14ac:dyDescent="0.15">
      <c r="A101" s="5">
        <v>79</v>
      </c>
      <c r="B101" s="22">
        <v>0</v>
      </c>
      <c r="C101" s="14">
        <v>1</v>
      </c>
      <c r="D101" s="18">
        <v>1</v>
      </c>
    </row>
    <row r="102" spans="1:4" ht="18" customHeight="1" x14ac:dyDescent="0.15">
      <c r="A102" s="5" t="s">
        <v>0</v>
      </c>
      <c r="B102" s="22">
        <v>16</v>
      </c>
      <c r="C102" s="14">
        <v>11</v>
      </c>
      <c r="D102" s="18">
        <v>27</v>
      </c>
    </row>
    <row r="103" spans="1:4" ht="18" customHeight="1" x14ac:dyDescent="0.15">
      <c r="A103" s="5">
        <v>80</v>
      </c>
      <c r="B103" s="22">
        <v>0</v>
      </c>
      <c r="C103" s="14">
        <v>1</v>
      </c>
      <c r="D103" s="18">
        <v>1</v>
      </c>
    </row>
    <row r="104" spans="1:4" ht="18" customHeight="1" x14ac:dyDescent="0.15">
      <c r="A104" s="5">
        <v>81</v>
      </c>
      <c r="B104" s="22">
        <v>4</v>
      </c>
      <c r="C104" s="14">
        <v>3</v>
      </c>
      <c r="D104" s="18">
        <v>7</v>
      </c>
    </row>
    <row r="105" spans="1:4" ht="18" customHeight="1" x14ac:dyDescent="0.15">
      <c r="A105" s="5">
        <v>82</v>
      </c>
      <c r="B105" s="22">
        <v>2</v>
      </c>
      <c r="C105" s="14">
        <v>3</v>
      </c>
      <c r="D105" s="18">
        <v>5</v>
      </c>
    </row>
    <row r="106" spans="1:4" ht="18" customHeight="1" x14ac:dyDescent="0.15">
      <c r="A106" s="5">
        <v>83</v>
      </c>
      <c r="B106" s="22">
        <v>3</v>
      </c>
      <c r="C106" s="14">
        <v>1</v>
      </c>
      <c r="D106" s="18">
        <v>4</v>
      </c>
    </row>
    <row r="107" spans="1:4" ht="18" customHeight="1" x14ac:dyDescent="0.15">
      <c r="A107" s="5">
        <v>84</v>
      </c>
      <c r="B107" s="22">
        <v>2</v>
      </c>
      <c r="C107" s="14">
        <v>3</v>
      </c>
      <c r="D107" s="18">
        <v>5</v>
      </c>
    </row>
    <row r="108" spans="1:4" ht="18" customHeight="1" x14ac:dyDescent="0.15">
      <c r="A108" s="5" t="s">
        <v>35</v>
      </c>
      <c r="B108" s="22">
        <v>11</v>
      </c>
      <c r="C108" s="14">
        <v>11</v>
      </c>
      <c r="D108" s="18">
        <v>22</v>
      </c>
    </row>
    <row r="109" spans="1:4" ht="18" customHeight="1" x14ac:dyDescent="0.15">
      <c r="A109" s="5">
        <v>85</v>
      </c>
      <c r="B109" s="22">
        <v>1</v>
      </c>
      <c r="C109" s="14">
        <v>2</v>
      </c>
      <c r="D109" s="18">
        <v>3</v>
      </c>
    </row>
    <row r="110" spans="1:4" ht="18" customHeight="1" x14ac:dyDescent="0.15">
      <c r="A110" s="5">
        <v>86</v>
      </c>
      <c r="B110" s="22">
        <v>1</v>
      </c>
      <c r="C110" s="14">
        <v>4</v>
      </c>
      <c r="D110" s="18">
        <v>5</v>
      </c>
    </row>
    <row r="111" spans="1:4" ht="18" customHeight="1" x14ac:dyDescent="0.15">
      <c r="A111" s="5">
        <v>87</v>
      </c>
      <c r="B111" s="22">
        <v>0</v>
      </c>
      <c r="C111" s="14">
        <v>1</v>
      </c>
      <c r="D111" s="18">
        <v>1</v>
      </c>
    </row>
    <row r="112" spans="1:4" ht="18" customHeight="1" x14ac:dyDescent="0.15">
      <c r="A112" s="5">
        <v>88</v>
      </c>
      <c r="B112" s="22">
        <v>4</v>
      </c>
      <c r="C112" s="14">
        <v>3</v>
      </c>
      <c r="D112" s="18">
        <v>7</v>
      </c>
    </row>
    <row r="113" spans="1:4" ht="18" customHeight="1" x14ac:dyDescent="0.15">
      <c r="A113" s="5">
        <v>89</v>
      </c>
      <c r="B113" s="22">
        <v>0</v>
      </c>
      <c r="C113" s="14">
        <v>0</v>
      </c>
      <c r="D113" s="18">
        <v>0</v>
      </c>
    </row>
    <row r="114" spans="1:4" ht="18" customHeight="1" x14ac:dyDescent="0.15">
      <c r="A114" s="5" t="s">
        <v>37</v>
      </c>
      <c r="B114" s="22">
        <v>6</v>
      </c>
      <c r="C114" s="14">
        <v>10</v>
      </c>
      <c r="D114" s="18">
        <v>16</v>
      </c>
    </row>
    <row r="115" spans="1:4" ht="18" customHeight="1" x14ac:dyDescent="0.15">
      <c r="A115" s="5">
        <v>90</v>
      </c>
      <c r="B115" s="22">
        <v>0</v>
      </c>
      <c r="C115" s="14">
        <v>0</v>
      </c>
      <c r="D115" s="18">
        <v>0</v>
      </c>
    </row>
    <row r="116" spans="1:4" ht="18" customHeight="1" x14ac:dyDescent="0.15">
      <c r="A116" s="5">
        <v>91</v>
      </c>
      <c r="B116" s="22">
        <v>0</v>
      </c>
      <c r="C116" s="14">
        <v>2</v>
      </c>
      <c r="D116" s="18">
        <v>2</v>
      </c>
    </row>
    <row r="117" spans="1:4" ht="18" customHeight="1" x14ac:dyDescent="0.15">
      <c r="A117" s="5">
        <v>92</v>
      </c>
      <c r="B117" s="22">
        <v>0</v>
      </c>
      <c r="C117" s="14">
        <v>0</v>
      </c>
      <c r="D117" s="18">
        <v>0</v>
      </c>
    </row>
    <row r="118" spans="1:4" ht="18" customHeight="1" x14ac:dyDescent="0.15">
      <c r="A118" s="5">
        <v>93</v>
      </c>
      <c r="B118" s="22">
        <v>1</v>
      </c>
      <c r="C118" s="14">
        <v>4</v>
      </c>
      <c r="D118" s="18">
        <v>5</v>
      </c>
    </row>
    <row r="119" spans="1:4" ht="18" customHeight="1" x14ac:dyDescent="0.15">
      <c r="A119" s="5">
        <v>94</v>
      </c>
      <c r="B119" s="22">
        <v>0</v>
      </c>
      <c r="C119" s="14">
        <v>5</v>
      </c>
      <c r="D119" s="18">
        <v>5</v>
      </c>
    </row>
    <row r="120" spans="1:4" ht="18" customHeight="1" x14ac:dyDescent="0.15">
      <c r="A120" s="5" t="s">
        <v>39</v>
      </c>
      <c r="B120" s="22">
        <v>1</v>
      </c>
      <c r="C120" s="14">
        <v>11</v>
      </c>
      <c r="D120" s="18">
        <v>12</v>
      </c>
    </row>
    <row r="121" spans="1:4" ht="18" customHeight="1" x14ac:dyDescent="0.15">
      <c r="A121" s="5">
        <v>95</v>
      </c>
      <c r="B121" s="22">
        <v>0</v>
      </c>
      <c r="C121" s="14">
        <v>0</v>
      </c>
      <c r="D121" s="18">
        <v>0</v>
      </c>
    </row>
    <row r="122" spans="1:4" ht="18" customHeight="1" x14ac:dyDescent="0.15">
      <c r="A122" s="5">
        <v>96</v>
      </c>
      <c r="B122" s="22">
        <v>0</v>
      </c>
      <c r="C122" s="14">
        <v>1</v>
      </c>
      <c r="D122" s="18">
        <v>1</v>
      </c>
    </row>
    <row r="123" spans="1:4" ht="18" customHeight="1" x14ac:dyDescent="0.15">
      <c r="A123" s="5">
        <v>97</v>
      </c>
      <c r="B123" s="22">
        <v>1</v>
      </c>
      <c r="C123" s="14">
        <v>1</v>
      </c>
      <c r="D123" s="18">
        <v>2</v>
      </c>
    </row>
    <row r="124" spans="1:4" ht="18" customHeight="1" x14ac:dyDescent="0.15">
      <c r="A124" s="5">
        <v>98</v>
      </c>
      <c r="B124" s="22">
        <v>0</v>
      </c>
      <c r="C124" s="14">
        <v>0</v>
      </c>
      <c r="D124" s="18">
        <v>0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1</v>
      </c>
      <c r="C126" s="14">
        <v>2</v>
      </c>
      <c r="D126" s="18">
        <v>3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0</v>
      </c>
      <c r="D128" s="18">
        <v>0</v>
      </c>
    </row>
    <row r="129" spans="1:4" ht="18" customHeight="1" x14ac:dyDescent="0.15">
      <c r="A129" s="5" t="s">
        <v>44</v>
      </c>
      <c r="B129" s="22">
        <v>0</v>
      </c>
      <c r="C129" s="14">
        <v>1</v>
      </c>
      <c r="D129" s="18">
        <v>1</v>
      </c>
    </row>
    <row r="130" spans="1:4" ht="18" customHeight="1" x14ac:dyDescent="0.15">
      <c r="A130" s="5" t="s">
        <v>46</v>
      </c>
      <c r="B130" s="22">
        <v>57</v>
      </c>
      <c r="C130" s="14">
        <v>70</v>
      </c>
      <c r="D130" s="18">
        <v>127</v>
      </c>
    </row>
    <row r="131" spans="1:4" ht="18" customHeight="1" x14ac:dyDescent="0.15">
      <c r="A131" s="7" t="s">
        <v>45</v>
      </c>
      <c r="B131" s="23">
        <v>101</v>
      </c>
      <c r="C131" s="15">
        <v>115</v>
      </c>
      <c r="D131" s="19">
        <v>2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9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0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1">
        <v>10</v>
      </c>
      <c r="C5" s="13">
        <v>7</v>
      </c>
      <c r="D5" s="17">
        <v>17</v>
      </c>
    </row>
    <row r="6" spans="1:4" ht="18" customHeight="1" x14ac:dyDescent="0.15">
      <c r="A6" s="5">
        <v>1</v>
      </c>
      <c r="B6" s="22">
        <v>7</v>
      </c>
      <c r="C6" s="14">
        <v>5</v>
      </c>
      <c r="D6" s="18">
        <v>12</v>
      </c>
    </row>
    <row r="7" spans="1:4" ht="18" customHeight="1" x14ac:dyDescent="0.15">
      <c r="A7" s="5">
        <v>2</v>
      </c>
      <c r="B7" s="22">
        <v>7</v>
      </c>
      <c r="C7" s="14">
        <v>7</v>
      </c>
      <c r="D7" s="18">
        <v>14</v>
      </c>
    </row>
    <row r="8" spans="1:4" ht="18" customHeight="1" x14ac:dyDescent="0.15">
      <c r="A8" s="5">
        <v>3</v>
      </c>
      <c r="B8" s="22">
        <v>7</v>
      </c>
      <c r="C8" s="14">
        <v>9</v>
      </c>
      <c r="D8" s="18">
        <v>16</v>
      </c>
    </row>
    <row r="9" spans="1:4" ht="18" customHeight="1" x14ac:dyDescent="0.15">
      <c r="A9" s="5">
        <v>4</v>
      </c>
      <c r="B9" s="22">
        <v>4</v>
      </c>
      <c r="C9" s="14">
        <v>7</v>
      </c>
      <c r="D9" s="18">
        <v>11</v>
      </c>
    </row>
    <row r="10" spans="1:4" ht="18" customHeight="1" x14ac:dyDescent="0.15">
      <c r="A10" s="5" t="s">
        <v>7</v>
      </c>
      <c r="B10" s="22">
        <v>35</v>
      </c>
      <c r="C10" s="14">
        <v>35</v>
      </c>
      <c r="D10" s="18">
        <v>70</v>
      </c>
    </row>
    <row r="11" spans="1:4" ht="18" customHeight="1" x14ac:dyDescent="0.15">
      <c r="A11" s="5">
        <v>5</v>
      </c>
      <c r="B11" s="22">
        <v>9</v>
      </c>
      <c r="C11" s="14">
        <v>6</v>
      </c>
      <c r="D11" s="18">
        <v>15</v>
      </c>
    </row>
    <row r="12" spans="1:4" ht="18" customHeight="1" x14ac:dyDescent="0.15">
      <c r="A12" s="5">
        <v>6</v>
      </c>
      <c r="B12" s="22">
        <v>9</v>
      </c>
      <c r="C12" s="14">
        <v>6</v>
      </c>
      <c r="D12" s="18">
        <v>15</v>
      </c>
    </row>
    <row r="13" spans="1:4" ht="18" customHeight="1" x14ac:dyDescent="0.15">
      <c r="A13" s="5">
        <v>7</v>
      </c>
      <c r="B13" s="22">
        <v>12</v>
      </c>
      <c r="C13" s="14">
        <v>7</v>
      </c>
      <c r="D13" s="18">
        <v>19</v>
      </c>
    </row>
    <row r="14" spans="1:4" ht="18" customHeight="1" x14ac:dyDescent="0.15">
      <c r="A14" s="5">
        <v>8</v>
      </c>
      <c r="B14" s="22">
        <v>5</v>
      </c>
      <c r="C14" s="14">
        <v>7</v>
      </c>
      <c r="D14" s="18">
        <v>12</v>
      </c>
    </row>
    <row r="15" spans="1:4" ht="18" customHeight="1" x14ac:dyDescent="0.15">
      <c r="A15" s="5">
        <v>9</v>
      </c>
      <c r="B15" s="22">
        <v>14</v>
      </c>
      <c r="C15" s="14">
        <v>11</v>
      </c>
      <c r="D15" s="18">
        <v>25</v>
      </c>
    </row>
    <row r="16" spans="1:4" ht="18" customHeight="1" x14ac:dyDescent="0.15">
      <c r="A16" s="5" t="s">
        <v>11</v>
      </c>
      <c r="B16" s="22">
        <v>49</v>
      </c>
      <c r="C16" s="14">
        <v>37</v>
      </c>
      <c r="D16" s="18">
        <v>86</v>
      </c>
    </row>
    <row r="17" spans="1:4" ht="18" customHeight="1" x14ac:dyDescent="0.15">
      <c r="A17" s="5">
        <v>10</v>
      </c>
      <c r="B17" s="22">
        <v>7</v>
      </c>
      <c r="C17" s="14">
        <v>9</v>
      </c>
      <c r="D17" s="18">
        <v>16</v>
      </c>
    </row>
    <row r="18" spans="1:4" ht="18" customHeight="1" x14ac:dyDescent="0.15">
      <c r="A18" s="5">
        <v>11</v>
      </c>
      <c r="B18" s="22">
        <v>8</v>
      </c>
      <c r="C18" s="14">
        <v>9</v>
      </c>
      <c r="D18" s="18">
        <v>17</v>
      </c>
    </row>
    <row r="19" spans="1:4" ht="18" customHeight="1" x14ac:dyDescent="0.15">
      <c r="A19" s="5">
        <v>12</v>
      </c>
      <c r="B19" s="22">
        <v>6</v>
      </c>
      <c r="C19" s="14">
        <v>15</v>
      </c>
      <c r="D19" s="18">
        <v>21</v>
      </c>
    </row>
    <row r="20" spans="1:4" ht="18" customHeight="1" x14ac:dyDescent="0.15">
      <c r="A20" s="5">
        <v>13</v>
      </c>
      <c r="B20" s="22">
        <v>6</v>
      </c>
      <c r="C20" s="14">
        <v>5</v>
      </c>
      <c r="D20" s="18">
        <v>11</v>
      </c>
    </row>
    <row r="21" spans="1:4" ht="18" customHeight="1" x14ac:dyDescent="0.15">
      <c r="A21" s="5">
        <v>14</v>
      </c>
      <c r="B21" s="22">
        <v>9</v>
      </c>
      <c r="C21" s="14">
        <v>5</v>
      </c>
      <c r="D21" s="18">
        <v>14</v>
      </c>
    </row>
    <row r="22" spans="1:4" ht="18" customHeight="1" x14ac:dyDescent="0.15">
      <c r="A22" s="5" t="s">
        <v>12</v>
      </c>
      <c r="B22" s="22">
        <v>36</v>
      </c>
      <c r="C22" s="14">
        <v>43</v>
      </c>
      <c r="D22" s="18">
        <v>79</v>
      </c>
    </row>
    <row r="23" spans="1:4" ht="18" customHeight="1" x14ac:dyDescent="0.15">
      <c r="A23" s="5" t="s">
        <v>6</v>
      </c>
      <c r="B23" s="22">
        <v>120</v>
      </c>
      <c r="C23" s="14">
        <v>115</v>
      </c>
      <c r="D23" s="18">
        <v>235</v>
      </c>
    </row>
    <row r="24" spans="1:4" ht="18" customHeight="1" x14ac:dyDescent="0.15">
      <c r="A24" s="5">
        <v>15</v>
      </c>
      <c r="B24" s="22">
        <v>10</v>
      </c>
      <c r="C24" s="14">
        <v>8</v>
      </c>
      <c r="D24" s="18">
        <v>18</v>
      </c>
    </row>
    <row r="25" spans="1:4" ht="18" customHeight="1" x14ac:dyDescent="0.15">
      <c r="A25" s="5">
        <v>16</v>
      </c>
      <c r="B25" s="22">
        <v>10</v>
      </c>
      <c r="C25" s="14">
        <v>11</v>
      </c>
      <c r="D25" s="18">
        <v>21</v>
      </c>
    </row>
    <row r="26" spans="1:4" ht="18" customHeight="1" x14ac:dyDescent="0.15">
      <c r="A26" s="5">
        <v>17</v>
      </c>
      <c r="B26" s="22">
        <v>11</v>
      </c>
      <c r="C26" s="14">
        <v>8</v>
      </c>
      <c r="D26" s="18">
        <v>19</v>
      </c>
    </row>
    <row r="27" spans="1:4" ht="18" customHeight="1" x14ac:dyDescent="0.15">
      <c r="A27" s="5">
        <v>18</v>
      </c>
      <c r="B27" s="22">
        <v>11</v>
      </c>
      <c r="C27" s="14">
        <v>8</v>
      </c>
      <c r="D27" s="18">
        <v>19</v>
      </c>
    </row>
    <row r="28" spans="1:4" ht="18" customHeight="1" x14ac:dyDescent="0.15">
      <c r="A28" s="5">
        <v>19</v>
      </c>
      <c r="B28" s="22">
        <v>7</v>
      </c>
      <c r="C28" s="14">
        <v>8</v>
      </c>
      <c r="D28" s="18">
        <v>15</v>
      </c>
    </row>
    <row r="29" spans="1:4" ht="18" customHeight="1" x14ac:dyDescent="0.15">
      <c r="A29" s="5" t="s">
        <v>14</v>
      </c>
      <c r="B29" s="22">
        <v>49</v>
      </c>
      <c r="C29" s="14">
        <v>43</v>
      </c>
      <c r="D29" s="18">
        <v>92</v>
      </c>
    </row>
    <row r="30" spans="1:4" ht="18" customHeight="1" x14ac:dyDescent="0.15">
      <c r="A30" s="5">
        <v>20</v>
      </c>
      <c r="B30" s="22">
        <v>9</v>
      </c>
      <c r="C30" s="14">
        <v>10</v>
      </c>
      <c r="D30" s="18">
        <v>19</v>
      </c>
    </row>
    <row r="31" spans="1:4" ht="18" customHeight="1" x14ac:dyDescent="0.15">
      <c r="A31" s="5">
        <v>21</v>
      </c>
      <c r="B31" s="22">
        <v>6</v>
      </c>
      <c r="C31" s="14">
        <v>10</v>
      </c>
      <c r="D31" s="18">
        <v>16</v>
      </c>
    </row>
    <row r="32" spans="1:4" ht="18" customHeight="1" x14ac:dyDescent="0.15">
      <c r="A32" s="5">
        <v>22</v>
      </c>
      <c r="B32" s="22">
        <v>7</v>
      </c>
      <c r="C32" s="14">
        <v>10</v>
      </c>
      <c r="D32" s="18">
        <v>17</v>
      </c>
    </row>
    <row r="33" spans="1:4" ht="18" customHeight="1" x14ac:dyDescent="0.15">
      <c r="A33" s="5">
        <v>23</v>
      </c>
      <c r="B33" s="22">
        <v>10</v>
      </c>
      <c r="C33" s="14">
        <v>8</v>
      </c>
      <c r="D33" s="18">
        <v>18</v>
      </c>
    </row>
    <row r="34" spans="1:4" ht="18" customHeight="1" x14ac:dyDescent="0.15">
      <c r="A34" s="5">
        <v>24</v>
      </c>
      <c r="B34" s="22">
        <v>11</v>
      </c>
      <c r="C34" s="14">
        <v>6</v>
      </c>
      <c r="D34" s="18">
        <v>17</v>
      </c>
    </row>
    <row r="35" spans="1:4" ht="18" customHeight="1" x14ac:dyDescent="0.15">
      <c r="A35" s="5" t="s">
        <v>9</v>
      </c>
      <c r="B35" s="22">
        <v>43</v>
      </c>
      <c r="C35" s="14">
        <v>44</v>
      </c>
      <c r="D35" s="18">
        <v>87</v>
      </c>
    </row>
    <row r="36" spans="1:4" ht="18" customHeight="1" x14ac:dyDescent="0.15">
      <c r="A36" s="5">
        <v>25</v>
      </c>
      <c r="B36" s="22">
        <v>16</v>
      </c>
      <c r="C36" s="14">
        <v>8</v>
      </c>
      <c r="D36" s="18">
        <v>24</v>
      </c>
    </row>
    <row r="37" spans="1:4" ht="18" customHeight="1" x14ac:dyDescent="0.15">
      <c r="A37" s="5">
        <v>26</v>
      </c>
      <c r="B37" s="22">
        <v>10</v>
      </c>
      <c r="C37" s="14">
        <v>9</v>
      </c>
      <c r="D37" s="18">
        <v>19</v>
      </c>
    </row>
    <row r="38" spans="1:4" ht="18" customHeight="1" x14ac:dyDescent="0.15">
      <c r="A38" s="5">
        <v>27</v>
      </c>
      <c r="B38" s="22">
        <v>4</v>
      </c>
      <c r="C38" s="14">
        <v>5</v>
      </c>
      <c r="D38" s="18">
        <v>9</v>
      </c>
    </row>
    <row r="39" spans="1:4" ht="18" customHeight="1" x14ac:dyDescent="0.15">
      <c r="A39" s="5">
        <v>28</v>
      </c>
      <c r="B39" s="22">
        <v>13</v>
      </c>
      <c r="C39" s="14">
        <v>8</v>
      </c>
      <c r="D39" s="18">
        <v>21</v>
      </c>
    </row>
    <row r="40" spans="1:4" ht="18" customHeight="1" x14ac:dyDescent="0.15">
      <c r="A40" s="5">
        <v>29</v>
      </c>
      <c r="B40" s="22">
        <v>6</v>
      </c>
      <c r="C40" s="14">
        <v>10</v>
      </c>
      <c r="D40" s="18">
        <v>16</v>
      </c>
    </row>
    <row r="41" spans="1:4" ht="18" customHeight="1" x14ac:dyDescent="0.15">
      <c r="A41" s="5" t="s">
        <v>2</v>
      </c>
      <c r="B41" s="22">
        <v>49</v>
      </c>
      <c r="C41" s="14">
        <v>40</v>
      </c>
      <c r="D41" s="18">
        <v>89</v>
      </c>
    </row>
    <row r="42" spans="1:4" ht="18" customHeight="1" x14ac:dyDescent="0.15">
      <c r="A42" s="5">
        <v>30</v>
      </c>
      <c r="B42" s="22">
        <v>11</v>
      </c>
      <c r="C42" s="14">
        <v>7</v>
      </c>
      <c r="D42" s="18">
        <v>18</v>
      </c>
    </row>
    <row r="43" spans="1:4" ht="18" customHeight="1" x14ac:dyDescent="0.15">
      <c r="A43" s="5">
        <v>31</v>
      </c>
      <c r="B43" s="22">
        <v>10</v>
      </c>
      <c r="C43" s="14">
        <v>4</v>
      </c>
      <c r="D43" s="18">
        <v>14</v>
      </c>
    </row>
    <row r="44" spans="1:4" ht="18" customHeight="1" x14ac:dyDescent="0.15">
      <c r="A44" s="5">
        <v>32</v>
      </c>
      <c r="B44" s="22">
        <v>8</v>
      </c>
      <c r="C44" s="14">
        <v>8</v>
      </c>
      <c r="D44" s="18">
        <v>16</v>
      </c>
    </row>
    <row r="45" spans="1:4" ht="18" customHeight="1" x14ac:dyDescent="0.15">
      <c r="A45" s="5">
        <v>33</v>
      </c>
      <c r="B45" s="22">
        <v>16</v>
      </c>
      <c r="C45" s="14">
        <v>14</v>
      </c>
      <c r="D45" s="18">
        <v>30</v>
      </c>
    </row>
    <row r="46" spans="1:4" ht="18" customHeight="1" x14ac:dyDescent="0.15">
      <c r="A46" s="5">
        <v>34</v>
      </c>
      <c r="B46" s="22">
        <v>5</v>
      </c>
      <c r="C46" s="14">
        <v>14</v>
      </c>
      <c r="D46" s="18">
        <v>19</v>
      </c>
    </row>
    <row r="47" spans="1:4" ht="18" customHeight="1" x14ac:dyDescent="0.15">
      <c r="A47" s="5" t="s">
        <v>15</v>
      </c>
      <c r="B47" s="22">
        <v>50</v>
      </c>
      <c r="C47" s="14">
        <v>47</v>
      </c>
      <c r="D47" s="18">
        <v>97</v>
      </c>
    </row>
    <row r="48" spans="1:4" ht="18" customHeight="1" x14ac:dyDescent="0.15">
      <c r="A48" s="5">
        <v>35</v>
      </c>
      <c r="B48" s="22">
        <v>12</v>
      </c>
      <c r="C48" s="14">
        <v>8</v>
      </c>
      <c r="D48" s="18">
        <v>20</v>
      </c>
    </row>
    <row r="49" spans="1:4" ht="18" customHeight="1" x14ac:dyDescent="0.15">
      <c r="A49" s="5">
        <v>36</v>
      </c>
      <c r="B49" s="22">
        <v>14</v>
      </c>
      <c r="C49" s="14">
        <v>9</v>
      </c>
      <c r="D49" s="18">
        <v>23</v>
      </c>
    </row>
    <row r="50" spans="1:4" ht="18" customHeight="1" x14ac:dyDescent="0.15">
      <c r="A50" s="5">
        <v>37</v>
      </c>
      <c r="B50" s="22">
        <v>10</v>
      </c>
      <c r="C50" s="14">
        <v>9</v>
      </c>
      <c r="D50" s="18">
        <v>19</v>
      </c>
    </row>
    <row r="51" spans="1:4" ht="18" customHeight="1" x14ac:dyDescent="0.15">
      <c r="A51" s="5">
        <v>38</v>
      </c>
      <c r="B51" s="22">
        <v>10</v>
      </c>
      <c r="C51" s="14">
        <v>15</v>
      </c>
      <c r="D51" s="18">
        <v>25</v>
      </c>
    </row>
    <row r="52" spans="1:4" ht="18" customHeight="1" x14ac:dyDescent="0.15">
      <c r="A52" s="5">
        <v>39</v>
      </c>
      <c r="B52" s="22">
        <v>26</v>
      </c>
      <c r="C52" s="14">
        <v>17</v>
      </c>
      <c r="D52" s="18">
        <v>43</v>
      </c>
    </row>
    <row r="53" spans="1:4" ht="18" customHeight="1" x14ac:dyDescent="0.15">
      <c r="A53" s="5" t="s">
        <v>18</v>
      </c>
      <c r="B53" s="22">
        <v>72</v>
      </c>
      <c r="C53" s="14">
        <v>58</v>
      </c>
      <c r="D53" s="18">
        <v>130</v>
      </c>
    </row>
    <row r="54" spans="1:4" ht="18" customHeight="1" x14ac:dyDescent="0.15">
      <c r="A54" s="5">
        <v>40</v>
      </c>
      <c r="B54" s="22">
        <v>11</v>
      </c>
      <c r="C54" s="14">
        <v>18</v>
      </c>
      <c r="D54" s="18">
        <v>29</v>
      </c>
    </row>
    <row r="55" spans="1:4" ht="18" customHeight="1" x14ac:dyDescent="0.15">
      <c r="A55" s="5">
        <v>41</v>
      </c>
      <c r="B55" s="22">
        <v>13</v>
      </c>
      <c r="C55" s="14">
        <v>12</v>
      </c>
      <c r="D55" s="18">
        <v>25</v>
      </c>
    </row>
    <row r="56" spans="1:4" ht="18" customHeight="1" x14ac:dyDescent="0.15">
      <c r="A56" s="5">
        <v>42</v>
      </c>
      <c r="B56" s="22">
        <v>11</v>
      </c>
      <c r="C56" s="14">
        <v>17</v>
      </c>
      <c r="D56" s="18">
        <v>28</v>
      </c>
    </row>
    <row r="57" spans="1:4" ht="18" customHeight="1" x14ac:dyDescent="0.15">
      <c r="A57" s="5">
        <v>43</v>
      </c>
      <c r="B57" s="22">
        <v>14</v>
      </c>
      <c r="C57" s="14">
        <v>19</v>
      </c>
      <c r="D57" s="18">
        <v>33</v>
      </c>
    </row>
    <row r="58" spans="1:4" ht="18" customHeight="1" x14ac:dyDescent="0.15">
      <c r="A58" s="5">
        <v>44</v>
      </c>
      <c r="B58" s="22">
        <v>17</v>
      </c>
      <c r="C58" s="14">
        <v>16</v>
      </c>
      <c r="D58" s="18">
        <v>33</v>
      </c>
    </row>
    <row r="59" spans="1:4" ht="18" customHeight="1" x14ac:dyDescent="0.15">
      <c r="A59" s="5" t="s">
        <v>21</v>
      </c>
      <c r="B59" s="22">
        <v>66</v>
      </c>
      <c r="C59" s="14">
        <v>82</v>
      </c>
      <c r="D59" s="18">
        <v>148</v>
      </c>
    </row>
    <row r="60" spans="1:4" ht="18" customHeight="1" x14ac:dyDescent="0.15">
      <c r="A60" s="5">
        <v>45</v>
      </c>
      <c r="B60" s="22">
        <v>12</v>
      </c>
      <c r="C60" s="14">
        <v>15</v>
      </c>
      <c r="D60" s="18">
        <v>27</v>
      </c>
    </row>
    <row r="61" spans="1:4" ht="18" customHeight="1" x14ac:dyDescent="0.15">
      <c r="A61" s="5">
        <v>46</v>
      </c>
      <c r="B61" s="22">
        <v>17</v>
      </c>
      <c r="C61" s="14">
        <v>12</v>
      </c>
      <c r="D61" s="18">
        <v>29</v>
      </c>
    </row>
    <row r="62" spans="1:4" ht="18" customHeight="1" x14ac:dyDescent="0.15">
      <c r="A62" s="5">
        <v>47</v>
      </c>
      <c r="B62" s="22">
        <v>11</v>
      </c>
      <c r="C62" s="14">
        <v>12</v>
      </c>
      <c r="D62" s="18">
        <v>23</v>
      </c>
    </row>
    <row r="63" spans="1:4" ht="18" customHeight="1" x14ac:dyDescent="0.15">
      <c r="A63" s="5">
        <v>48</v>
      </c>
      <c r="B63" s="22">
        <v>17</v>
      </c>
      <c r="C63" s="14">
        <v>12</v>
      </c>
      <c r="D63" s="18">
        <v>29</v>
      </c>
    </row>
    <row r="64" spans="1:4" ht="18" customHeight="1" x14ac:dyDescent="0.15">
      <c r="A64" s="5">
        <v>49</v>
      </c>
      <c r="B64" s="22">
        <v>16</v>
      </c>
      <c r="C64" s="14">
        <v>15</v>
      </c>
      <c r="D64" s="18">
        <v>31</v>
      </c>
    </row>
    <row r="65" spans="1:4" ht="18" customHeight="1" x14ac:dyDescent="0.15">
      <c r="A65" s="5" t="s">
        <v>17</v>
      </c>
      <c r="B65" s="22">
        <v>73</v>
      </c>
      <c r="C65" s="14">
        <v>66</v>
      </c>
      <c r="D65" s="18">
        <v>139</v>
      </c>
    </row>
    <row r="66" spans="1:4" ht="18" customHeight="1" x14ac:dyDescent="0.15">
      <c r="A66" s="5">
        <v>50</v>
      </c>
      <c r="B66" s="22">
        <v>17</v>
      </c>
      <c r="C66" s="14">
        <v>18</v>
      </c>
      <c r="D66" s="18">
        <v>35</v>
      </c>
    </row>
    <row r="67" spans="1:4" ht="18" customHeight="1" x14ac:dyDescent="0.15">
      <c r="A67" s="5">
        <v>51</v>
      </c>
      <c r="B67" s="22">
        <v>15</v>
      </c>
      <c r="C67" s="14">
        <v>23</v>
      </c>
      <c r="D67" s="18">
        <v>38</v>
      </c>
    </row>
    <row r="68" spans="1:4" ht="18" customHeight="1" x14ac:dyDescent="0.15">
      <c r="A68" s="5">
        <v>52</v>
      </c>
      <c r="B68" s="22">
        <v>33</v>
      </c>
      <c r="C68" s="14">
        <v>24</v>
      </c>
      <c r="D68" s="18">
        <v>57</v>
      </c>
    </row>
    <row r="69" spans="1:4" ht="18" customHeight="1" x14ac:dyDescent="0.15">
      <c r="A69" s="5">
        <v>53</v>
      </c>
      <c r="B69" s="22">
        <v>17</v>
      </c>
      <c r="C69" s="14">
        <v>19</v>
      </c>
      <c r="D69" s="18">
        <v>36</v>
      </c>
    </row>
    <row r="70" spans="1:4" ht="18" customHeight="1" x14ac:dyDescent="0.15">
      <c r="A70" s="5">
        <v>54</v>
      </c>
      <c r="B70" s="22">
        <v>30</v>
      </c>
      <c r="C70" s="14">
        <v>22</v>
      </c>
      <c r="D70" s="18">
        <v>52</v>
      </c>
    </row>
    <row r="71" spans="1:4" ht="18" customHeight="1" x14ac:dyDescent="0.15">
      <c r="A71" s="5" t="s">
        <v>22</v>
      </c>
      <c r="B71" s="22">
        <v>112</v>
      </c>
      <c r="C71" s="14">
        <v>106</v>
      </c>
      <c r="D71" s="18">
        <v>218</v>
      </c>
    </row>
    <row r="72" spans="1:4" ht="18" customHeight="1" x14ac:dyDescent="0.15">
      <c r="A72" s="5">
        <v>55</v>
      </c>
      <c r="B72" s="22">
        <v>25</v>
      </c>
      <c r="C72" s="14">
        <v>18</v>
      </c>
      <c r="D72" s="18">
        <v>43</v>
      </c>
    </row>
    <row r="73" spans="1:4" ht="18" customHeight="1" x14ac:dyDescent="0.15">
      <c r="A73" s="5">
        <v>56</v>
      </c>
      <c r="B73" s="22">
        <v>21</v>
      </c>
      <c r="C73" s="14">
        <v>22</v>
      </c>
      <c r="D73" s="18">
        <v>43</v>
      </c>
    </row>
    <row r="74" spans="1:4" ht="18" customHeight="1" x14ac:dyDescent="0.15">
      <c r="A74" s="5">
        <v>57</v>
      </c>
      <c r="B74" s="22">
        <v>20</v>
      </c>
      <c r="C74" s="14">
        <v>17</v>
      </c>
      <c r="D74" s="18">
        <v>37</v>
      </c>
    </row>
    <row r="75" spans="1:4" ht="18" customHeight="1" x14ac:dyDescent="0.15">
      <c r="A75" s="5">
        <v>58</v>
      </c>
      <c r="B75" s="22">
        <v>23</v>
      </c>
      <c r="C75" s="14">
        <v>12</v>
      </c>
      <c r="D75" s="18">
        <v>35</v>
      </c>
    </row>
    <row r="76" spans="1:4" ht="18" customHeight="1" x14ac:dyDescent="0.15">
      <c r="A76" s="5">
        <v>59</v>
      </c>
      <c r="B76" s="22">
        <v>15</v>
      </c>
      <c r="C76" s="14">
        <v>17</v>
      </c>
      <c r="D76" s="18">
        <v>32</v>
      </c>
    </row>
    <row r="77" spans="1:4" ht="18" customHeight="1" x14ac:dyDescent="0.15">
      <c r="A77" s="5" t="s">
        <v>27</v>
      </c>
      <c r="B77" s="22">
        <v>104</v>
      </c>
      <c r="C77" s="14">
        <v>86</v>
      </c>
      <c r="D77" s="18">
        <v>190</v>
      </c>
    </row>
    <row r="78" spans="1:4" ht="18" customHeight="1" x14ac:dyDescent="0.15">
      <c r="A78" s="5">
        <v>60</v>
      </c>
      <c r="B78" s="22">
        <v>22</v>
      </c>
      <c r="C78" s="14">
        <v>24</v>
      </c>
      <c r="D78" s="18">
        <v>46</v>
      </c>
    </row>
    <row r="79" spans="1:4" ht="18" customHeight="1" x14ac:dyDescent="0.15">
      <c r="A79" s="5">
        <v>61</v>
      </c>
      <c r="B79" s="22">
        <v>13</v>
      </c>
      <c r="C79" s="14">
        <v>26</v>
      </c>
      <c r="D79" s="18">
        <v>39</v>
      </c>
    </row>
    <row r="80" spans="1:4" ht="18" customHeight="1" x14ac:dyDescent="0.15">
      <c r="A80" s="5">
        <v>62</v>
      </c>
      <c r="B80" s="22">
        <v>18</v>
      </c>
      <c r="C80" s="14">
        <v>11</v>
      </c>
      <c r="D80" s="18">
        <v>29</v>
      </c>
    </row>
    <row r="81" spans="1:4" ht="18" customHeight="1" x14ac:dyDescent="0.15">
      <c r="A81" s="5">
        <v>63</v>
      </c>
      <c r="B81" s="22">
        <v>20</v>
      </c>
      <c r="C81" s="14">
        <v>11</v>
      </c>
      <c r="D81" s="18">
        <v>31</v>
      </c>
    </row>
    <row r="82" spans="1:4" ht="18" customHeight="1" x14ac:dyDescent="0.15">
      <c r="A82" s="5">
        <v>64</v>
      </c>
      <c r="B82" s="22">
        <v>15</v>
      </c>
      <c r="C82" s="14">
        <v>17</v>
      </c>
      <c r="D82" s="18">
        <v>32</v>
      </c>
    </row>
    <row r="83" spans="1:4" ht="18" customHeight="1" x14ac:dyDescent="0.15">
      <c r="A83" s="5" t="s">
        <v>28</v>
      </c>
      <c r="B83" s="22">
        <v>88</v>
      </c>
      <c r="C83" s="14">
        <v>89</v>
      </c>
      <c r="D83" s="18">
        <v>177</v>
      </c>
    </row>
    <row r="84" spans="1:4" ht="18" customHeight="1" x14ac:dyDescent="0.15">
      <c r="A84" s="5" t="s">
        <v>31</v>
      </c>
      <c r="B84" s="22">
        <v>706</v>
      </c>
      <c r="C84" s="14">
        <v>661</v>
      </c>
      <c r="D84" s="18">
        <v>1367</v>
      </c>
    </row>
    <row r="85" spans="1:4" ht="18" customHeight="1" x14ac:dyDescent="0.15">
      <c r="A85" s="5">
        <v>65</v>
      </c>
      <c r="B85" s="22">
        <v>20</v>
      </c>
      <c r="C85" s="14">
        <v>17</v>
      </c>
      <c r="D85" s="18">
        <v>37</v>
      </c>
    </row>
    <row r="86" spans="1:4" ht="18" customHeight="1" x14ac:dyDescent="0.15">
      <c r="A86" s="5">
        <v>66</v>
      </c>
      <c r="B86" s="22">
        <v>17</v>
      </c>
      <c r="C86" s="14">
        <v>18</v>
      </c>
      <c r="D86" s="18">
        <v>35</v>
      </c>
    </row>
    <row r="87" spans="1:4" ht="18" customHeight="1" x14ac:dyDescent="0.15">
      <c r="A87" s="5">
        <v>67</v>
      </c>
      <c r="B87" s="22">
        <v>12</v>
      </c>
      <c r="C87" s="14">
        <v>24</v>
      </c>
      <c r="D87" s="18">
        <v>36</v>
      </c>
    </row>
    <row r="88" spans="1:4" ht="18" customHeight="1" x14ac:dyDescent="0.15">
      <c r="A88" s="5">
        <v>68</v>
      </c>
      <c r="B88" s="22">
        <v>15</v>
      </c>
      <c r="C88" s="14">
        <v>15</v>
      </c>
      <c r="D88" s="18">
        <v>30</v>
      </c>
    </row>
    <row r="89" spans="1:4" ht="18" customHeight="1" x14ac:dyDescent="0.15">
      <c r="A89" s="5">
        <v>69</v>
      </c>
      <c r="B89" s="22">
        <v>16</v>
      </c>
      <c r="C89" s="14">
        <v>15</v>
      </c>
      <c r="D89" s="18">
        <v>31</v>
      </c>
    </row>
    <row r="90" spans="1:4" ht="18" customHeight="1" x14ac:dyDescent="0.15">
      <c r="A90" s="5" t="s">
        <v>20</v>
      </c>
      <c r="B90" s="22">
        <v>80</v>
      </c>
      <c r="C90" s="14">
        <v>89</v>
      </c>
      <c r="D90" s="18">
        <v>169</v>
      </c>
    </row>
    <row r="91" spans="1:4" ht="18" customHeight="1" x14ac:dyDescent="0.15">
      <c r="A91" s="5">
        <v>70</v>
      </c>
      <c r="B91" s="22">
        <v>19</v>
      </c>
      <c r="C91" s="14">
        <v>21</v>
      </c>
      <c r="D91" s="18">
        <v>40</v>
      </c>
    </row>
    <row r="92" spans="1:4" ht="18" customHeight="1" x14ac:dyDescent="0.15">
      <c r="A92" s="5">
        <v>71</v>
      </c>
      <c r="B92" s="22">
        <v>16</v>
      </c>
      <c r="C92" s="14">
        <v>15</v>
      </c>
      <c r="D92" s="18">
        <v>31</v>
      </c>
    </row>
    <row r="93" spans="1:4" ht="18" customHeight="1" x14ac:dyDescent="0.15">
      <c r="A93" s="5">
        <v>72</v>
      </c>
      <c r="B93" s="22">
        <v>13</v>
      </c>
      <c r="C93" s="14">
        <v>20</v>
      </c>
      <c r="D93" s="18">
        <v>33</v>
      </c>
    </row>
    <row r="94" spans="1:4" ht="18" customHeight="1" x14ac:dyDescent="0.15">
      <c r="A94" s="5">
        <v>73</v>
      </c>
      <c r="B94" s="22">
        <v>18</v>
      </c>
      <c r="C94" s="14">
        <v>17</v>
      </c>
      <c r="D94" s="18">
        <v>35</v>
      </c>
    </row>
    <row r="95" spans="1:4" ht="18" customHeight="1" x14ac:dyDescent="0.15">
      <c r="A95" s="5">
        <v>74</v>
      </c>
      <c r="B95" s="22">
        <v>17</v>
      </c>
      <c r="C95" s="14">
        <v>13</v>
      </c>
      <c r="D95" s="18">
        <v>30</v>
      </c>
    </row>
    <row r="96" spans="1:4" ht="18" customHeight="1" x14ac:dyDescent="0.15">
      <c r="A96" s="5" t="s">
        <v>33</v>
      </c>
      <c r="B96" s="22">
        <v>83</v>
      </c>
      <c r="C96" s="14">
        <v>86</v>
      </c>
      <c r="D96" s="18">
        <v>169</v>
      </c>
    </row>
    <row r="97" spans="1:4" ht="18" customHeight="1" x14ac:dyDescent="0.15">
      <c r="A97" s="5">
        <v>75</v>
      </c>
      <c r="B97" s="22">
        <v>16</v>
      </c>
      <c r="C97" s="14">
        <v>20</v>
      </c>
      <c r="D97" s="18">
        <v>36</v>
      </c>
    </row>
    <row r="98" spans="1:4" ht="18" customHeight="1" x14ac:dyDescent="0.15">
      <c r="A98" s="5">
        <v>76</v>
      </c>
      <c r="B98" s="22">
        <v>20</v>
      </c>
      <c r="C98" s="14">
        <v>26</v>
      </c>
      <c r="D98" s="18">
        <v>46</v>
      </c>
    </row>
    <row r="99" spans="1:4" ht="18" customHeight="1" x14ac:dyDescent="0.15">
      <c r="A99" s="5">
        <v>77</v>
      </c>
      <c r="B99" s="22">
        <v>16</v>
      </c>
      <c r="C99" s="14">
        <v>27</v>
      </c>
      <c r="D99" s="18">
        <v>43</v>
      </c>
    </row>
    <row r="100" spans="1:4" ht="18" customHeight="1" x14ac:dyDescent="0.15">
      <c r="A100" s="5">
        <v>78</v>
      </c>
      <c r="B100" s="22">
        <v>25</v>
      </c>
      <c r="C100" s="14">
        <v>31</v>
      </c>
      <c r="D100" s="18">
        <v>56</v>
      </c>
    </row>
    <row r="101" spans="1:4" ht="18" customHeight="1" x14ac:dyDescent="0.15">
      <c r="A101" s="5">
        <v>79</v>
      </c>
      <c r="B101" s="22">
        <v>18</v>
      </c>
      <c r="C101" s="14">
        <v>26</v>
      </c>
      <c r="D101" s="18">
        <v>44</v>
      </c>
    </row>
    <row r="102" spans="1:4" ht="18" customHeight="1" x14ac:dyDescent="0.15">
      <c r="A102" s="5" t="s">
        <v>0</v>
      </c>
      <c r="B102" s="22">
        <v>95</v>
      </c>
      <c r="C102" s="14">
        <v>130</v>
      </c>
      <c r="D102" s="18">
        <v>225</v>
      </c>
    </row>
    <row r="103" spans="1:4" ht="18" customHeight="1" x14ac:dyDescent="0.15">
      <c r="A103" s="5">
        <v>80</v>
      </c>
      <c r="B103" s="22">
        <v>13</v>
      </c>
      <c r="C103" s="14">
        <v>10</v>
      </c>
      <c r="D103" s="18">
        <v>23</v>
      </c>
    </row>
    <row r="104" spans="1:4" ht="18" customHeight="1" x14ac:dyDescent="0.15">
      <c r="A104" s="5">
        <v>81</v>
      </c>
      <c r="B104" s="22">
        <v>14</v>
      </c>
      <c r="C104" s="14">
        <v>23</v>
      </c>
      <c r="D104" s="18">
        <v>37</v>
      </c>
    </row>
    <row r="105" spans="1:4" ht="18" customHeight="1" x14ac:dyDescent="0.15">
      <c r="A105" s="5">
        <v>82</v>
      </c>
      <c r="B105" s="22">
        <v>12</v>
      </c>
      <c r="C105" s="14">
        <v>21</v>
      </c>
      <c r="D105" s="18">
        <v>33</v>
      </c>
    </row>
    <row r="106" spans="1:4" ht="18" customHeight="1" x14ac:dyDescent="0.15">
      <c r="A106" s="5">
        <v>83</v>
      </c>
      <c r="B106" s="22">
        <v>12</v>
      </c>
      <c r="C106" s="14">
        <v>16</v>
      </c>
      <c r="D106" s="18">
        <v>28</v>
      </c>
    </row>
    <row r="107" spans="1:4" ht="18" customHeight="1" x14ac:dyDescent="0.15">
      <c r="A107" s="5">
        <v>84</v>
      </c>
      <c r="B107" s="22">
        <v>13</v>
      </c>
      <c r="C107" s="14">
        <v>16</v>
      </c>
      <c r="D107" s="18">
        <v>29</v>
      </c>
    </row>
    <row r="108" spans="1:4" ht="18" customHeight="1" x14ac:dyDescent="0.15">
      <c r="A108" s="5" t="s">
        <v>35</v>
      </c>
      <c r="B108" s="22">
        <v>64</v>
      </c>
      <c r="C108" s="14">
        <v>86</v>
      </c>
      <c r="D108" s="18">
        <v>150</v>
      </c>
    </row>
    <row r="109" spans="1:4" ht="18" customHeight="1" x14ac:dyDescent="0.15">
      <c r="A109" s="5">
        <v>85</v>
      </c>
      <c r="B109" s="22">
        <v>13</v>
      </c>
      <c r="C109" s="14">
        <v>16</v>
      </c>
      <c r="D109" s="18">
        <v>29</v>
      </c>
    </row>
    <row r="110" spans="1:4" ht="18" customHeight="1" x14ac:dyDescent="0.15">
      <c r="A110" s="5">
        <v>86</v>
      </c>
      <c r="B110" s="22">
        <v>12</v>
      </c>
      <c r="C110" s="14">
        <v>9</v>
      </c>
      <c r="D110" s="18">
        <v>21</v>
      </c>
    </row>
    <row r="111" spans="1:4" ht="18" customHeight="1" x14ac:dyDescent="0.15">
      <c r="A111" s="5">
        <v>87</v>
      </c>
      <c r="B111" s="22">
        <v>8</v>
      </c>
      <c r="C111" s="14">
        <v>15</v>
      </c>
      <c r="D111" s="18">
        <v>23</v>
      </c>
    </row>
    <row r="112" spans="1:4" ht="18" customHeight="1" x14ac:dyDescent="0.15">
      <c r="A112" s="5">
        <v>88</v>
      </c>
      <c r="B112" s="22">
        <v>6</v>
      </c>
      <c r="C112" s="14">
        <v>13</v>
      </c>
      <c r="D112" s="18">
        <v>19</v>
      </c>
    </row>
    <row r="113" spans="1:4" ht="18" customHeight="1" x14ac:dyDescent="0.15">
      <c r="A113" s="5">
        <v>89</v>
      </c>
      <c r="B113" s="22">
        <v>10</v>
      </c>
      <c r="C113" s="14">
        <v>17</v>
      </c>
      <c r="D113" s="18">
        <v>27</v>
      </c>
    </row>
    <row r="114" spans="1:4" ht="18" customHeight="1" x14ac:dyDescent="0.15">
      <c r="A114" s="5" t="s">
        <v>37</v>
      </c>
      <c r="B114" s="22">
        <v>49</v>
      </c>
      <c r="C114" s="14">
        <v>70</v>
      </c>
      <c r="D114" s="18">
        <v>119</v>
      </c>
    </row>
    <row r="115" spans="1:4" ht="18" customHeight="1" x14ac:dyDescent="0.15">
      <c r="A115" s="5">
        <v>90</v>
      </c>
      <c r="B115" s="22">
        <v>5</v>
      </c>
      <c r="C115" s="14">
        <v>13</v>
      </c>
      <c r="D115" s="18">
        <v>18</v>
      </c>
    </row>
    <row r="116" spans="1:4" ht="18" customHeight="1" x14ac:dyDescent="0.15">
      <c r="A116" s="5">
        <v>91</v>
      </c>
      <c r="B116" s="22">
        <v>5</v>
      </c>
      <c r="C116" s="14">
        <v>7</v>
      </c>
      <c r="D116" s="18">
        <v>12</v>
      </c>
    </row>
    <row r="117" spans="1:4" ht="18" customHeight="1" x14ac:dyDescent="0.15">
      <c r="A117" s="5">
        <v>92</v>
      </c>
      <c r="B117" s="22">
        <v>6</v>
      </c>
      <c r="C117" s="14">
        <v>10</v>
      </c>
      <c r="D117" s="18">
        <v>16</v>
      </c>
    </row>
    <row r="118" spans="1:4" ht="18" customHeight="1" x14ac:dyDescent="0.15">
      <c r="A118" s="5">
        <v>93</v>
      </c>
      <c r="B118" s="22">
        <v>1</v>
      </c>
      <c r="C118" s="14">
        <v>14</v>
      </c>
      <c r="D118" s="18">
        <v>15</v>
      </c>
    </row>
    <row r="119" spans="1:4" ht="18" customHeight="1" x14ac:dyDescent="0.15">
      <c r="A119" s="5">
        <v>94</v>
      </c>
      <c r="B119" s="22">
        <v>1</v>
      </c>
      <c r="C119" s="14">
        <v>6</v>
      </c>
      <c r="D119" s="18">
        <v>7</v>
      </c>
    </row>
    <row r="120" spans="1:4" ht="18" customHeight="1" x14ac:dyDescent="0.15">
      <c r="A120" s="5" t="s">
        <v>39</v>
      </c>
      <c r="B120" s="22">
        <v>18</v>
      </c>
      <c r="C120" s="14">
        <v>50</v>
      </c>
      <c r="D120" s="18">
        <v>68</v>
      </c>
    </row>
    <row r="121" spans="1:4" ht="18" customHeight="1" x14ac:dyDescent="0.15">
      <c r="A121" s="5">
        <v>95</v>
      </c>
      <c r="B121" s="22">
        <v>2</v>
      </c>
      <c r="C121" s="14">
        <v>5</v>
      </c>
      <c r="D121" s="18">
        <v>7</v>
      </c>
    </row>
    <row r="122" spans="1:4" ht="18" customHeight="1" x14ac:dyDescent="0.15">
      <c r="A122" s="5">
        <v>96</v>
      </c>
      <c r="B122" s="22">
        <v>3</v>
      </c>
      <c r="C122" s="14">
        <v>3</v>
      </c>
      <c r="D122" s="18">
        <v>6</v>
      </c>
    </row>
    <row r="123" spans="1:4" ht="18" customHeight="1" x14ac:dyDescent="0.15">
      <c r="A123" s="5">
        <v>97</v>
      </c>
      <c r="B123" s="22">
        <v>0</v>
      </c>
      <c r="C123" s="14">
        <v>2</v>
      </c>
      <c r="D123" s="18">
        <v>2</v>
      </c>
    </row>
    <row r="124" spans="1:4" ht="18" customHeight="1" x14ac:dyDescent="0.15">
      <c r="A124" s="5">
        <v>98</v>
      </c>
      <c r="B124" s="22">
        <v>2</v>
      </c>
      <c r="C124" s="14">
        <v>1</v>
      </c>
      <c r="D124" s="18">
        <v>3</v>
      </c>
    </row>
    <row r="125" spans="1:4" ht="18" customHeight="1" x14ac:dyDescent="0.15">
      <c r="A125" s="5">
        <v>99</v>
      </c>
      <c r="B125" s="22">
        <v>0</v>
      </c>
      <c r="C125" s="14">
        <v>5</v>
      </c>
      <c r="D125" s="18">
        <v>5</v>
      </c>
    </row>
    <row r="126" spans="1:4" ht="18" customHeight="1" x14ac:dyDescent="0.15">
      <c r="A126" s="5" t="s">
        <v>40</v>
      </c>
      <c r="B126" s="22">
        <v>7</v>
      </c>
      <c r="C126" s="14">
        <v>16</v>
      </c>
      <c r="D126" s="18">
        <v>23</v>
      </c>
    </row>
    <row r="127" spans="1:4" ht="18" customHeight="1" x14ac:dyDescent="0.15">
      <c r="A127" s="5">
        <v>100</v>
      </c>
      <c r="B127" s="22">
        <v>0</v>
      </c>
      <c r="C127" s="14">
        <v>2</v>
      </c>
      <c r="D127" s="18">
        <v>2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3</v>
      </c>
      <c r="D129" s="18">
        <v>3</v>
      </c>
    </row>
    <row r="130" spans="1:4" ht="18" customHeight="1" x14ac:dyDescent="0.15">
      <c r="A130" s="5" t="s">
        <v>46</v>
      </c>
      <c r="B130" s="22">
        <v>396</v>
      </c>
      <c r="C130" s="14">
        <v>530</v>
      </c>
      <c r="D130" s="18">
        <v>926</v>
      </c>
    </row>
    <row r="131" spans="1:4" ht="18" customHeight="1" x14ac:dyDescent="0.15">
      <c r="A131" s="7" t="s">
        <v>45</v>
      </c>
      <c r="B131" s="23">
        <v>1222</v>
      </c>
      <c r="C131" s="15">
        <v>1306</v>
      </c>
      <c r="D131" s="19">
        <v>252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100">
    <pageSetUpPr fitToPage="1"/>
  </sheetPr>
  <dimension ref="A1:D131"/>
  <sheetViews>
    <sheetView workbookViewId="0">
      <pane ySplit="4" topLeftCell="A5" activePane="bottomLeft" state="frozen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9</v>
      </c>
      <c r="B1" s="46"/>
      <c r="C1" s="46"/>
      <c r="D1" s="46"/>
    </row>
    <row r="2" spans="1:4" ht="14.25" customHeight="1" x14ac:dyDescent="0.15">
      <c r="A2" s="1"/>
    </row>
    <row r="3" spans="1:4" ht="20.25" customHeight="1" x14ac:dyDescent="0.15">
      <c r="A3" s="2"/>
      <c r="B3" s="45" t="s">
        <v>49</v>
      </c>
      <c r="C3" s="45"/>
      <c r="D3" s="45"/>
    </row>
    <row r="4" spans="1:4" ht="18" customHeight="1" x14ac:dyDescent="0.15">
      <c r="A4" s="3" t="s">
        <v>4</v>
      </c>
      <c r="B4" s="20" t="s">
        <v>50</v>
      </c>
      <c r="C4" s="24" t="s">
        <v>53</v>
      </c>
      <c r="D4" s="25" t="s">
        <v>26</v>
      </c>
    </row>
    <row r="5" spans="1:4" ht="18" customHeight="1" x14ac:dyDescent="0.15">
      <c r="A5" s="4">
        <v>0</v>
      </c>
      <c r="B5" s="26">
        <v>1</v>
      </c>
      <c r="C5" s="29">
        <v>0</v>
      </c>
      <c r="D5" s="31">
        <v>1</v>
      </c>
    </row>
    <row r="6" spans="1:4" ht="18" customHeight="1" x14ac:dyDescent="0.15">
      <c r="A6" s="5">
        <v>1</v>
      </c>
      <c r="B6" s="27">
        <v>2</v>
      </c>
      <c r="C6" s="14">
        <v>2</v>
      </c>
      <c r="D6" s="18">
        <v>4</v>
      </c>
    </row>
    <row r="7" spans="1:4" ht="18" customHeight="1" x14ac:dyDescent="0.15">
      <c r="A7" s="5">
        <v>2</v>
      </c>
      <c r="B7" s="27">
        <v>1</v>
      </c>
      <c r="C7" s="14">
        <v>3</v>
      </c>
      <c r="D7" s="18">
        <v>4</v>
      </c>
    </row>
    <row r="8" spans="1:4" ht="18" customHeight="1" x14ac:dyDescent="0.15">
      <c r="A8" s="5">
        <v>3</v>
      </c>
      <c r="B8" s="27">
        <v>1</v>
      </c>
      <c r="C8" s="14">
        <v>1</v>
      </c>
      <c r="D8" s="18">
        <v>2</v>
      </c>
    </row>
    <row r="9" spans="1:4" ht="18" customHeight="1" x14ac:dyDescent="0.15">
      <c r="A9" s="5">
        <v>4</v>
      </c>
      <c r="B9" s="28">
        <v>1</v>
      </c>
      <c r="C9" s="30">
        <v>2</v>
      </c>
      <c r="D9" s="32">
        <v>3</v>
      </c>
    </row>
    <row r="10" spans="1:4" ht="18" customHeight="1" x14ac:dyDescent="0.15">
      <c r="A10" s="5" t="s">
        <v>7</v>
      </c>
      <c r="B10" s="22">
        <v>6</v>
      </c>
      <c r="C10" s="14">
        <v>8</v>
      </c>
      <c r="D10" s="18">
        <v>14</v>
      </c>
    </row>
    <row r="11" spans="1:4" ht="18" customHeight="1" x14ac:dyDescent="0.15">
      <c r="A11" s="5">
        <v>5</v>
      </c>
      <c r="B11" s="27">
        <v>2</v>
      </c>
      <c r="C11" s="14">
        <v>5</v>
      </c>
      <c r="D11" s="18">
        <v>7</v>
      </c>
    </row>
    <row r="12" spans="1:4" ht="18" customHeight="1" x14ac:dyDescent="0.15">
      <c r="A12" s="5">
        <v>6</v>
      </c>
      <c r="B12" s="27">
        <v>0</v>
      </c>
      <c r="C12" s="14">
        <v>0</v>
      </c>
      <c r="D12" s="18">
        <v>0</v>
      </c>
    </row>
    <row r="13" spans="1:4" ht="18" customHeight="1" x14ac:dyDescent="0.15">
      <c r="A13" s="5">
        <v>7</v>
      </c>
      <c r="B13" s="27">
        <v>1</v>
      </c>
      <c r="C13" s="14">
        <v>3</v>
      </c>
      <c r="D13" s="18">
        <v>4</v>
      </c>
    </row>
    <row r="14" spans="1:4" ht="18" customHeight="1" x14ac:dyDescent="0.15">
      <c r="A14" s="5">
        <v>8</v>
      </c>
      <c r="B14" s="27">
        <v>1</v>
      </c>
      <c r="C14" s="14">
        <v>2</v>
      </c>
      <c r="D14" s="18">
        <v>3</v>
      </c>
    </row>
    <row r="15" spans="1:4" ht="18" customHeight="1" x14ac:dyDescent="0.15">
      <c r="A15" s="5">
        <v>9</v>
      </c>
      <c r="B15" s="27">
        <v>3</v>
      </c>
      <c r="C15" s="14">
        <v>1</v>
      </c>
      <c r="D15" s="18">
        <v>4</v>
      </c>
    </row>
    <row r="16" spans="1:4" ht="18" customHeight="1" x14ac:dyDescent="0.15">
      <c r="A16" s="5" t="s">
        <v>11</v>
      </c>
      <c r="B16" s="22">
        <v>7</v>
      </c>
      <c r="C16" s="14">
        <v>11</v>
      </c>
      <c r="D16" s="18">
        <v>18</v>
      </c>
    </row>
    <row r="17" spans="1:4" ht="18" customHeight="1" x14ac:dyDescent="0.15">
      <c r="A17" s="5">
        <v>10</v>
      </c>
      <c r="B17" s="22">
        <v>1</v>
      </c>
      <c r="C17" s="14">
        <v>1</v>
      </c>
      <c r="D17" s="18">
        <v>2</v>
      </c>
    </row>
    <row r="18" spans="1:4" ht="18" customHeight="1" x14ac:dyDescent="0.15">
      <c r="A18" s="5">
        <v>11</v>
      </c>
      <c r="B18" s="22">
        <v>3</v>
      </c>
      <c r="C18" s="14">
        <v>4</v>
      </c>
      <c r="D18" s="18">
        <v>7</v>
      </c>
    </row>
    <row r="19" spans="1:4" ht="18" customHeight="1" x14ac:dyDescent="0.15">
      <c r="A19" s="5">
        <v>12</v>
      </c>
      <c r="B19" s="22">
        <v>2</v>
      </c>
      <c r="C19" s="14">
        <v>1</v>
      </c>
      <c r="D19" s="18">
        <v>3</v>
      </c>
    </row>
    <row r="20" spans="1:4" ht="18" customHeight="1" x14ac:dyDescent="0.15">
      <c r="A20" s="5">
        <v>13</v>
      </c>
      <c r="B20" s="22">
        <v>3</v>
      </c>
      <c r="C20" s="14">
        <v>2</v>
      </c>
      <c r="D20" s="18">
        <v>5</v>
      </c>
    </row>
    <row r="21" spans="1:4" ht="18" customHeight="1" x14ac:dyDescent="0.15">
      <c r="A21" s="5">
        <v>14</v>
      </c>
      <c r="B21" s="22">
        <v>5</v>
      </c>
      <c r="C21" s="14">
        <v>2</v>
      </c>
      <c r="D21" s="18">
        <v>7</v>
      </c>
    </row>
    <row r="22" spans="1:4" ht="18" customHeight="1" x14ac:dyDescent="0.15">
      <c r="A22" s="5" t="s">
        <v>12</v>
      </c>
      <c r="B22" s="22">
        <v>14</v>
      </c>
      <c r="C22" s="14">
        <v>10</v>
      </c>
      <c r="D22" s="18">
        <v>24</v>
      </c>
    </row>
    <row r="23" spans="1:4" ht="18" customHeight="1" x14ac:dyDescent="0.15">
      <c r="A23" s="5" t="s">
        <v>6</v>
      </c>
      <c r="B23" s="22">
        <v>27</v>
      </c>
      <c r="C23" s="14">
        <v>29</v>
      </c>
      <c r="D23" s="18">
        <v>56</v>
      </c>
    </row>
    <row r="24" spans="1:4" ht="18" customHeight="1" x14ac:dyDescent="0.15">
      <c r="A24" s="5">
        <v>15</v>
      </c>
      <c r="B24" s="22">
        <v>9</v>
      </c>
      <c r="C24" s="14">
        <v>1</v>
      </c>
      <c r="D24" s="18">
        <v>10</v>
      </c>
    </row>
    <row r="25" spans="1:4" ht="18" customHeight="1" x14ac:dyDescent="0.15">
      <c r="A25" s="5">
        <v>16</v>
      </c>
      <c r="B25" s="22">
        <v>7</v>
      </c>
      <c r="C25" s="14">
        <v>0</v>
      </c>
      <c r="D25" s="18">
        <v>7</v>
      </c>
    </row>
    <row r="26" spans="1:4" ht="18" customHeight="1" x14ac:dyDescent="0.15">
      <c r="A26" s="5">
        <v>17</v>
      </c>
      <c r="B26" s="22">
        <v>5</v>
      </c>
      <c r="C26" s="14">
        <v>4</v>
      </c>
      <c r="D26" s="18">
        <v>9</v>
      </c>
    </row>
    <row r="27" spans="1:4" ht="18" customHeight="1" x14ac:dyDescent="0.15">
      <c r="A27" s="5">
        <v>18</v>
      </c>
      <c r="B27" s="22">
        <v>1</v>
      </c>
      <c r="C27" s="14">
        <v>3</v>
      </c>
      <c r="D27" s="18">
        <v>4</v>
      </c>
    </row>
    <row r="28" spans="1:4" ht="18" customHeight="1" x14ac:dyDescent="0.15">
      <c r="A28" s="5">
        <v>19</v>
      </c>
      <c r="B28" s="22">
        <v>11</v>
      </c>
      <c r="C28" s="14">
        <v>6</v>
      </c>
      <c r="D28" s="18">
        <v>17</v>
      </c>
    </row>
    <row r="29" spans="1:4" ht="18" customHeight="1" x14ac:dyDescent="0.15">
      <c r="A29" s="5" t="s">
        <v>14</v>
      </c>
      <c r="B29" s="22">
        <v>33</v>
      </c>
      <c r="C29" s="14">
        <v>14</v>
      </c>
      <c r="D29" s="18">
        <v>47</v>
      </c>
    </row>
    <row r="30" spans="1:4" ht="18" customHeight="1" x14ac:dyDescent="0.15">
      <c r="A30" s="5">
        <v>20</v>
      </c>
      <c r="B30" s="22">
        <v>6</v>
      </c>
      <c r="C30" s="14">
        <v>2</v>
      </c>
      <c r="D30" s="18">
        <v>8</v>
      </c>
    </row>
    <row r="31" spans="1:4" ht="18" customHeight="1" x14ac:dyDescent="0.15">
      <c r="A31" s="5">
        <v>21</v>
      </c>
      <c r="B31" s="22">
        <v>5</v>
      </c>
      <c r="C31" s="14">
        <v>4</v>
      </c>
      <c r="D31" s="18">
        <v>9</v>
      </c>
    </row>
    <row r="32" spans="1:4" ht="18" customHeight="1" x14ac:dyDescent="0.15">
      <c r="A32" s="5">
        <v>22</v>
      </c>
      <c r="B32" s="22">
        <v>6</v>
      </c>
      <c r="C32" s="14">
        <v>8</v>
      </c>
      <c r="D32" s="18">
        <v>14</v>
      </c>
    </row>
    <row r="33" spans="1:4" ht="18" customHeight="1" x14ac:dyDescent="0.15">
      <c r="A33" s="5">
        <v>23</v>
      </c>
      <c r="B33" s="22">
        <v>2</v>
      </c>
      <c r="C33" s="14">
        <v>4</v>
      </c>
      <c r="D33" s="18">
        <v>6</v>
      </c>
    </row>
    <row r="34" spans="1:4" ht="18" customHeight="1" x14ac:dyDescent="0.15">
      <c r="A34" s="5">
        <v>24</v>
      </c>
      <c r="B34" s="22">
        <v>0</v>
      </c>
      <c r="C34" s="14">
        <v>3</v>
      </c>
      <c r="D34" s="18">
        <v>3</v>
      </c>
    </row>
    <row r="35" spans="1:4" ht="18" customHeight="1" x14ac:dyDescent="0.15">
      <c r="A35" s="5" t="s">
        <v>9</v>
      </c>
      <c r="B35" s="22">
        <v>19</v>
      </c>
      <c r="C35" s="14">
        <v>21</v>
      </c>
      <c r="D35" s="18">
        <v>40</v>
      </c>
    </row>
    <row r="36" spans="1:4" ht="18" customHeight="1" x14ac:dyDescent="0.15">
      <c r="A36" s="5">
        <v>25</v>
      </c>
      <c r="B36" s="22">
        <v>4</v>
      </c>
      <c r="C36" s="14">
        <v>3</v>
      </c>
      <c r="D36" s="18">
        <v>7</v>
      </c>
    </row>
    <row r="37" spans="1:4" ht="18" customHeight="1" x14ac:dyDescent="0.15">
      <c r="A37" s="5">
        <v>26</v>
      </c>
      <c r="B37" s="22">
        <v>2</v>
      </c>
      <c r="C37" s="14">
        <v>1</v>
      </c>
      <c r="D37" s="18">
        <v>3</v>
      </c>
    </row>
    <row r="38" spans="1:4" ht="18" customHeight="1" x14ac:dyDescent="0.15">
      <c r="A38" s="5">
        <v>27</v>
      </c>
      <c r="B38" s="22">
        <v>4</v>
      </c>
      <c r="C38" s="14">
        <v>2</v>
      </c>
      <c r="D38" s="18">
        <v>6</v>
      </c>
    </row>
    <row r="39" spans="1:4" ht="18" customHeight="1" x14ac:dyDescent="0.15">
      <c r="A39" s="5">
        <v>28</v>
      </c>
      <c r="B39" s="22">
        <v>5</v>
      </c>
      <c r="C39" s="14">
        <v>2</v>
      </c>
      <c r="D39" s="18">
        <v>7</v>
      </c>
    </row>
    <row r="40" spans="1:4" ht="18" customHeight="1" x14ac:dyDescent="0.15">
      <c r="A40" s="5">
        <v>29</v>
      </c>
      <c r="B40" s="22">
        <v>3</v>
      </c>
      <c r="C40" s="14">
        <v>2</v>
      </c>
      <c r="D40" s="18">
        <v>5</v>
      </c>
    </row>
    <row r="41" spans="1:4" ht="18" customHeight="1" x14ac:dyDescent="0.15">
      <c r="A41" s="5" t="s">
        <v>2</v>
      </c>
      <c r="B41" s="22">
        <v>18</v>
      </c>
      <c r="C41" s="14">
        <v>10</v>
      </c>
      <c r="D41" s="18">
        <v>28</v>
      </c>
    </row>
    <row r="42" spans="1:4" ht="18" customHeight="1" x14ac:dyDescent="0.15">
      <c r="A42" s="5">
        <v>30</v>
      </c>
      <c r="B42" s="22">
        <v>5</v>
      </c>
      <c r="C42" s="14">
        <v>6</v>
      </c>
      <c r="D42" s="18">
        <v>11</v>
      </c>
    </row>
    <row r="43" spans="1:4" ht="18" customHeight="1" x14ac:dyDescent="0.15">
      <c r="A43" s="5">
        <v>31</v>
      </c>
      <c r="B43" s="22">
        <v>2</v>
      </c>
      <c r="C43" s="14">
        <v>3</v>
      </c>
      <c r="D43" s="18">
        <v>5</v>
      </c>
    </row>
    <row r="44" spans="1:4" ht="18" customHeight="1" x14ac:dyDescent="0.15">
      <c r="A44" s="5">
        <v>32</v>
      </c>
      <c r="B44" s="22">
        <v>1</v>
      </c>
      <c r="C44" s="14">
        <v>5</v>
      </c>
      <c r="D44" s="18">
        <v>6</v>
      </c>
    </row>
    <row r="45" spans="1:4" ht="18" customHeight="1" x14ac:dyDescent="0.15">
      <c r="A45" s="5">
        <v>33</v>
      </c>
      <c r="B45" s="22">
        <v>2</v>
      </c>
      <c r="C45" s="14">
        <v>3</v>
      </c>
      <c r="D45" s="18">
        <v>5</v>
      </c>
    </row>
    <row r="46" spans="1:4" ht="18" customHeight="1" x14ac:dyDescent="0.15">
      <c r="A46" s="5">
        <v>34</v>
      </c>
      <c r="B46" s="22">
        <v>5</v>
      </c>
      <c r="C46" s="14">
        <v>3</v>
      </c>
      <c r="D46" s="18">
        <v>8</v>
      </c>
    </row>
    <row r="47" spans="1:4" ht="18" customHeight="1" x14ac:dyDescent="0.15">
      <c r="A47" s="5" t="s">
        <v>15</v>
      </c>
      <c r="B47" s="22">
        <v>15</v>
      </c>
      <c r="C47" s="14">
        <v>20</v>
      </c>
      <c r="D47" s="18">
        <v>35</v>
      </c>
    </row>
    <row r="48" spans="1:4" ht="18" customHeight="1" x14ac:dyDescent="0.15">
      <c r="A48" s="5">
        <v>35</v>
      </c>
      <c r="B48" s="22">
        <v>6</v>
      </c>
      <c r="C48" s="14">
        <v>2</v>
      </c>
      <c r="D48" s="18">
        <v>8</v>
      </c>
    </row>
    <row r="49" spans="1:4" ht="18" customHeight="1" x14ac:dyDescent="0.15">
      <c r="A49" s="5">
        <v>36</v>
      </c>
      <c r="B49" s="22">
        <v>2</v>
      </c>
      <c r="C49" s="14">
        <v>1</v>
      </c>
      <c r="D49" s="18">
        <v>3</v>
      </c>
    </row>
    <row r="50" spans="1:4" ht="18" customHeight="1" x14ac:dyDescent="0.15">
      <c r="A50" s="5">
        <v>37</v>
      </c>
      <c r="B50" s="22">
        <v>3</v>
      </c>
      <c r="C50" s="14">
        <v>4</v>
      </c>
      <c r="D50" s="18">
        <v>7</v>
      </c>
    </row>
    <row r="51" spans="1:4" ht="18" customHeight="1" x14ac:dyDescent="0.15">
      <c r="A51" s="5">
        <v>38</v>
      </c>
      <c r="B51" s="22">
        <v>4</v>
      </c>
      <c r="C51" s="14">
        <v>0</v>
      </c>
      <c r="D51" s="18">
        <v>4</v>
      </c>
    </row>
    <row r="52" spans="1:4" ht="18" customHeight="1" x14ac:dyDescent="0.15">
      <c r="A52" s="5">
        <v>39</v>
      </c>
      <c r="B52" s="22">
        <v>5</v>
      </c>
      <c r="C52" s="14">
        <v>4</v>
      </c>
      <c r="D52" s="18">
        <v>9</v>
      </c>
    </row>
    <row r="53" spans="1:4" ht="18" customHeight="1" x14ac:dyDescent="0.15">
      <c r="A53" s="5" t="s">
        <v>18</v>
      </c>
      <c r="B53" s="22">
        <v>20</v>
      </c>
      <c r="C53" s="14">
        <v>11</v>
      </c>
      <c r="D53" s="18">
        <v>31</v>
      </c>
    </row>
    <row r="54" spans="1:4" ht="18" customHeight="1" x14ac:dyDescent="0.15">
      <c r="A54" s="5">
        <v>40</v>
      </c>
      <c r="B54" s="22">
        <v>6</v>
      </c>
      <c r="C54" s="14">
        <v>6</v>
      </c>
      <c r="D54" s="18">
        <v>12</v>
      </c>
    </row>
    <row r="55" spans="1:4" ht="18" customHeight="1" x14ac:dyDescent="0.15">
      <c r="A55" s="5">
        <v>41</v>
      </c>
      <c r="B55" s="22">
        <v>2</v>
      </c>
      <c r="C55" s="14">
        <v>5</v>
      </c>
      <c r="D55" s="18">
        <v>7</v>
      </c>
    </row>
    <row r="56" spans="1:4" ht="18" customHeight="1" x14ac:dyDescent="0.15">
      <c r="A56" s="5">
        <v>42</v>
      </c>
      <c r="B56" s="22">
        <v>9</v>
      </c>
      <c r="C56" s="14">
        <v>1</v>
      </c>
      <c r="D56" s="18">
        <v>10</v>
      </c>
    </row>
    <row r="57" spans="1:4" ht="18" customHeight="1" x14ac:dyDescent="0.15">
      <c r="A57" s="5">
        <v>43</v>
      </c>
      <c r="B57" s="22">
        <v>5</v>
      </c>
      <c r="C57" s="14">
        <v>0</v>
      </c>
      <c r="D57" s="18">
        <v>5</v>
      </c>
    </row>
    <row r="58" spans="1:4" ht="18" customHeight="1" x14ac:dyDescent="0.15">
      <c r="A58" s="5">
        <v>44</v>
      </c>
      <c r="B58" s="22">
        <v>6</v>
      </c>
      <c r="C58" s="14">
        <v>3</v>
      </c>
      <c r="D58" s="18">
        <v>9</v>
      </c>
    </row>
    <row r="59" spans="1:4" ht="18" customHeight="1" x14ac:dyDescent="0.15">
      <c r="A59" s="5" t="s">
        <v>21</v>
      </c>
      <c r="B59" s="22">
        <v>28</v>
      </c>
      <c r="C59" s="14">
        <v>15</v>
      </c>
      <c r="D59" s="18">
        <v>43</v>
      </c>
    </row>
    <row r="60" spans="1:4" ht="18" customHeight="1" x14ac:dyDescent="0.15">
      <c r="A60" s="5">
        <v>45</v>
      </c>
      <c r="B60" s="22">
        <v>2</v>
      </c>
      <c r="C60" s="14">
        <v>7</v>
      </c>
      <c r="D60" s="18">
        <v>9</v>
      </c>
    </row>
    <row r="61" spans="1:4" ht="18" customHeight="1" x14ac:dyDescent="0.15">
      <c r="A61" s="5">
        <v>46</v>
      </c>
      <c r="B61" s="22">
        <v>7</v>
      </c>
      <c r="C61" s="14">
        <v>7</v>
      </c>
      <c r="D61" s="18">
        <v>14</v>
      </c>
    </row>
    <row r="62" spans="1:4" ht="18" customHeight="1" x14ac:dyDescent="0.15">
      <c r="A62" s="5">
        <v>47</v>
      </c>
      <c r="B62" s="22">
        <v>6</v>
      </c>
      <c r="C62" s="14">
        <v>4</v>
      </c>
      <c r="D62" s="18">
        <v>10</v>
      </c>
    </row>
    <row r="63" spans="1:4" ht="18" customHeight="1" x14ac:dyDescent="0.15">
      <c r="A63" s="5">
        <v>48</v>
      </c>
      <c r="B63" s="22">
        <v>5</v>
      </c>
      <c r="C63" s="14">
        <v>2</v>
      </c>
      <c r="D63" s="18">
        <v>7</v>
      </c>
    </row>
    <row r="64" spans="1:4" ht="18" customHeight="1" x14ac:dyDescent="0.15">
      <c r="A64" s="5">
        <v>49</v>
      </c>
      <c r="B64" s="22">
        <v>12</v>
      </c>
      <c r="C64" s="14">
        <v>4</v>
      </c>
      <c r="D64" s="18">
        <v>16</v>
      </c>
    </row>
    <row r="65" spans="1:4" ht="18" customHeight="1" x14ac:dyDescent="0.15">
      <c r="A65" s="5" t="s">
        <v>17</v>
      </c>
      <c r="B65" s="22">
        <v>32</v>
      </c>
      <c r="C65" s="14">
        <v>24</v>
      </c>
      <c r="D65" s="18">
        <v>56</v>
      </c>
    </row>
    <row r="66" spans="1:4" ht="18" customHeight="1" x14ac:dyDescent="0.15">
      <c r="A66" s="5">
        <v>50</v>
      </c>
      <c r="B66" s="22">
        <v>7</v>
      </c>
      <c r="C66" s="14">
        <v>9</v>
      </c>
      <c r="D66" s="18">
        <v>16</v>
      </c>
    </row>
    <row r="67" spans="1:4" ht="18" customHeight="1" x14ac:dyDescent="0.15">
      <c r="A67" s="5">
        <v>51</v>
      </c>
      <c r="B67" s="22">
        <v>10</v>
      </c>
      <c r="C67" s="14">
        <v>7</v>
      </c>
      <c r="D67" s="18">
        <v>17</v>
      </c>
    </row>
    <row r="68" spans="1:4" ht="18" customHeight="1" x14ac:dyDescent="0.15">
      <c r="A68" s="5">
        <v>52</v>
      </c>
      <c r="B68" s="22">
        <v>4</v>
      </c>
      <c r="C68" s="14">
        <v>9</v>
      </c>
      <c r="D68" s="18">
        <v>13</v>
      </c>
    </row>
    <row r="69" spans="1:4" ht="18" customHeight="1" x14ac:dyDescent="0.15">
      <c r="A69" s="5">
        <v>53</v>
      </c>
      <c r="B69" s="22">
        <v>12</v>
      </c>
      <c r="C69" s="14">
        <v>6</v>
      </c>
      <c r="D69" s="18">
        <v>18</v>
      </c>
    </row>
    <row r="70" spans="1:4" ht="18" customHeight="1" x14ac:dyDescent="0.15">
      <c r="A70" s="5">
        <v>54</v>
      </c>
      <c r="B70" s="22">
        <v>5</v>
      </c>
      <c r="C70" s="14">
        <v>10</v>
      </c>
      <c r="D70" s="18">
        <v>15</v>
      </c>
    </row>
    <row r="71" spans="1:4" ht="18" customHeight="1" x14ac:dyDescent="0.15">
      <c r="A71" s="5" t="s">
        <v>22</v>
      </c>
      <c r="B71" s="22">
        <v>38</v>
      </c>
      <c r="C71" s="14">
        <v>41</v>
      </c>
      <c r="D71" s="18">
        <v>79</v>
      </c>
    </row>
    <row r="72" spans="1:4" ht="18" customHeight="1" x14ac:dyDescent="0.15">
      <c r="A72" s="5">
        <v>55</v>
      </c>
      <c r="B72" s="22">
        <v>7</v>
      </c>
      <c r="C72" s="14">
        <v>12</v>
      </c>
      <c r="D72" s="18">
        <v>19</v>
      </c>
    </row>
    <row r="73" spans="1:4" ht="18" customHeight="1" x14ac:dyDescent="0.15">
      <c r="A73" s="5">
        <v>56</v>
      </c>
      <c r="B73" s="22">
        <v>9</v>
      </c>
      <c r="C73" s="14">
        <v>7</v>
      </c>
      <c r="D73" s="18">
        <v>16</v>
      </c>
    </row>
    <row r="74" spans="1:4" ht="18" customHeight="1" x14ac:dyDescent="0.15">
      <c r="A74" s="5">
        <v>57</v>
      </c>
      <c r="B74" s="22">
        <v>6</v>
      </c>
      <c r="C74" s="14">
        <v>8</v>
      </c>
      <c r="D74" s="18">
        <v>14</v>
      </c>
    </row>
    <row r="75" spans="1:4" ht="18" customHeight="1" x14ac:dyDescent="0.15">
      <c r="A75" s="5">
        <v>58</v>
      </c>
      <c r="B75" s="22">
        <v>7</v>
      </c>
      <c r="C75" s="14">
        <v>9</v>
      </c>
      <c r="D75" s="18">
        <v>16</v>
      </c>
    </row>
    <row r="76" spans="1:4" ht="18" customHeight="1" x14ac:dyDescent="0.15">
      <c r="A76" s="5">
        <v>59</v>
      </c>
      <c r="B76" s="22">
        <v>5</v>
      </c>
      <c r="C76" s="14">
        <v>7</v>
      </c>
      <c r="D76" s="18">
        <v>12</v>
      </c>
    </row>
    <row r="77" spans="1:4" ht="18" customHeight="1" x14ac:dyDescent="0.15">
      <c r="A77" s="5" t="s">
        <v>27</v>
      </c>
      <c r="B77" s="22">
        <v>34</v>
      </c>
      <c r="C77" s="14">
        <v>43</v>
      </c>
      <c r="D77" s="18">
        <v>77</v>
      </c>
    </row>
    <row r="78" spans="1:4" ht="18" customHeight="1" x14ac:dyDescent="0.15">
      <c r="A78" s="5">
        <v>60</v>
      </c>
      <c r="B78" s="22">
        <v>4</v>
      </c>
      <c r="C78" s="14">
        <v>6</v>
      </c>
      <c r="D78" s="18">
        <v>10</v>
      </c>
    </row>
    <row r="79" spans="1:4" ht="18" customHeight="1" x14ac:dyDescent="0.15">
      <c r="A79" s="5">
        <v>61</v>
      </c>
      <c r="B79" s="22">
        <v>4</v>
      </c>
      <c r="C79" s="14">
        <v>7</v>
      </c>
      <c r="D79" s="18">
        <v>11</v>
      </c>
    </row>
    <row r="80" spans="1:4" ht="18" customHeight="1" x14ac:dyDescent="0.15">
      <c r="A80" s="5">
        <v>62</v>
      </c>
      <c r="B80" s="22">
        <v>10</v>
      </c>
      <c r="C80" s="14">
        <v>9</v>
      </c>
      <c r="D80" s="18">
        <v>19</v>
      </c>
    </row>
    <row r="81" spans="1:4" ht="18" customHeight="1" x14ac:dyDescent="0.15">
      <c r="A81" s="5">
        <v>63</v>
      </c>
      <c r="B81" s="22">
        <v>5</v>
      </c>
      <c r="C81" s="14">
        <v>4</v>
      </c>
      <c r="D81" s="18">
        <v>9</v>
      </c>
    </row>
    <row r="82" spans="1:4" ht="18" customHeight="1" x14ac:dyDescent="0.15">
      <c r="A82" s="5">
        <v>64</v>
      </c>
      <c r="B82" s="22">
        <v>6</v>
      </c>
      <c r="C82" s="14">
        <v>6</v>
      </c>
      <c r="D82" s="18">
        <v>12</v>
      </c>
    </row>
    <row r="83" spans="1:4" ht="18" customHeight="1" x14ac:dyDescent="0.15">
      <c r="A83" s="5" t="s">
        <v>28</v>
      </c>
      <c r="B83" s="22">
        <v>29</v>
      </c>
      <c r="C83" s="14">
        <v>32</v>
      </c>
      <c r="D83" s="18">
        <v>61</v>
      </c>
    </row>
    <row r="84" spans="1:4" ht="18" customHeight="1" x14ac:dyDescent="0.15">
      <c r="A84" s="5" t="s">
        <v>31</v>
      </c>
      <c r="B84" s="22">
        <v>266</v>
      </c>
      <c r="C84" s="14">
        <v>231</v>
      </c>
      <c r="D84" s="18">
        <v>497</v>
      </c>
    </row>
    <row r="85" spans="1:4" ht="18" customHeight="1" x14ac:dyDescent="0.15">
      <c r="A85" s="5">
        <v>65</v>
      </c>
      <c r="B85" s="22">
        <v>10</v>
      </c>
      <c r="C85" s="14">
        <v>8</v>
      </c>
      <c r="D85" s="18">
        <v>18</v>
      </c>
    </row>
    <row r="86" spans="1:4" ht="18" customHeight="1" x14ac:dyDescent="0.15">
      <c r="A86" s="5">
        <v>66</v>
      </c>
      <c r="B86" s="22">
        <v>4</v>
      </c>
      <c r="C86" s="14">
        <v>7</v>
      </c>
      <c r="D86" s="18">
        <v>11</v>
      </c>
    </row>
    <row r="87" spans="1:4" ht="18" customHeight="1" x14ac:dyDescent="0.15">
      <c r="A87" s="5">
        <v>67</v>
      </c>
      <c r="B87" s="22">
        <v>9</v>
      </c>
      <c r="C87" s="14">
        <v>12</v>
      </c>
      <c r="D87" s="18">
        <v>21</v>
      </c>
    </row>
    <row r="88" spans="1:4" ht="18" customHeight="1" x14ac:dyDescent="0.15">
      <c r="A88" s="5">
        <v>68</v>
      </c>
      <c r="B88" s="22">
        <v>8</v>
      </c>
      <c r="C88" s="14">
        <v>7</v>
      </c>
      <c r="D88" s="18">
        <v>15</v>
      </c>
    </row>
    <row r="89" spans="1:4" ht="18" customHeight="1" x14ac:dyDescent="0.15">
      <c r="A89" s="5">
        <v>69</v>
      </c>
      <c r="B89" s="22">
        <v>6</v>
      </c>
      <c r="C89" s="14">
        <v>6</v>
      </c>
      <c r="D89" s="18">
        <v>12</v>
      </c>
    </row>
    <row r="90" spans="1:4" ht="18" customHeight="1" x14ac:dyDescent="0.15">
      <c r="A90" s="5" t="s">
        <v>20</v>
      </c>
      <c r="B90" s="22">
        <v>37</v>
      </c>
      <c r="C90" s="14">
        <v>40</v>
      </c>
      <c r="D90" s="18">
        <v>77</v>
      </c>
    </row>
    <row r="91" spans="1:4" ht="18" customHeight="1" x14ac:dyDescent="0.15">
      <c r="A91" s="5">
        <v>70</v>
      </c>
      <c r="B91" s="22">
        <v>6</v>
      </c>
      <c r="C91" s="14">
        <v>11</v>
      </c>
      <c r="D91" s="18">
        <v>17</v>
      </c>
    </row>
    <row r="92" spans="1:4" ht="18" customHeight="1" x14ac:dyDescent="0.15">
      <c r="A92" s="5">
        <v>71</v>
      </c>
      <c r="B92" s="22">
        <v>13</v>
      </c>
      <c r="C92" s="14">
        <v>13</v>
      </c>
      <c r="D92" s="18">
        <v>26</v>
      </c>
    </row>
    <row r="93" spans="1:4" ht="18" customHeight="1" x14ac:dyDescent="0.15">
      <c r="A93" s="5">
        <v>72</v>
      </c>
      <c r="B93" s="22">
        <v>15</v>
      </c>
      <c r="C93" s="14">
        <v>10</v>
      </c>
      <c r="D93" s="18">
        <v>25</v>
      </c>
    </row>
    <row r="94" spans="1:4" ht="18" customHeight="1" x14ac:dyDescent="0.15">
      <c r="A94" s="5">
        <v>73</v>
      </c>
      <c r="B94" s="22">
        <v>9</v>
      </c>
      <c r="C94" s="14">
        <v>4</v>
      </c>
      <c r="D94" s="18">
        <v>13</v>
      </c>
    </row>
    <row r="95" spans="1:4" ht="18" customHeight="1" x14ac:dyDescent="0.15">
      <c r="A95" s="5">
        <v>74</v>
      </c>
      <c r="B95" s="22">
        <v>14</v>
      </c>
      <c r="C95" s="14">
        <v>11</v>
      </c>
      <c r="D95" s="18">
        <v>25</v>
      </c>
    </row>
    <row r="96" spans="1:4" ht="18" customHeight="1" x14ac:dyDescent="0.15">
      <c r="A96" s="5" t="s">
        <v>33</v>
      </c>
      <c r="B96" s="22">
        <v>57</v>
      </c>
      <c r="C96" s="14">
        <v>49</v>
      </c>
      <c r="D96" s="18">
        <v>106</v>
      </c>
    </row>
    <row r="97" spans="1:4" ht="18" customHeight="1" x14ac:dyDescent="0.15">
      <c r="A97" s="5">
        <v>75</v>
      </c>
      <c r="B97" s="22">
        <v>6</v>
      </c>
      <c r="C97" s="14">
        <v>13</v>
      </c>
      <c r="D97" s="18">
        <v>19</v>
      </c>
    </row>
    <row r="98" spans="1:4" ht="18" customHeight="1" x14ac:dyDescent="0.15">
      <c r="A98" s="5">
        <v>76</v>
      </c>
      <c r="B98" s="22">
        <v>13</v>
      </c>
      <c r="C98" s="14">
        <v>14</v>
      </c>
      <c r="D98" s="18">
        <v>27</v>
      </c>
    </row>
    <row r="99" spans="1:4" ht="18" customHeight="1" x14ac:dyDescent="0.15">
      <c r="A99" s="5">
        <v>77</v>
      </c>
      <c r="B99" s="22">
        <v>13</v>
      </c>
      <c r="C99" s="14">
        <v>19</v>
      </c>
      <c r="D99" s="18">
        <v>32</v>
      </c>
    </row>
    <row r="100" spans="1:4" ht="18" customHeight="1" x14ac:dyDescent="0.15">
      <c r="A100" s="5">
        <v>78</v>
      </c>
      <c r="B100" s="22">
        <v>11</v>
      </c>
      <c r="C100" s="14">
        <v>18</v>
      </c>
      <c r="D100" s="18">
        <v>29</v>
      </c>
    </row>
    <row r="101" spans="1:4" ht="18" customHeight="1" x14ac:dyDescent="0.15">
      <c r="A101" s="5">
        <v>79</v>
      </c>
      <c r="B101" s="22">
        <v>9</v>
      </c>
      <c r="C101" s="14">
        <v>12</v>
      </c>
      <c r="D101" s="18">
        <v>21</v>
      </c>
    </row>
    <row r="102" spans="1:4" ht="18" customHeight="1" x14ac:dyDescent="0.15">
      <c r="A102" s="5" t="s">
        <v>0</v>
      </c>
      <c r="B102" s="22">
        <v>52</v>
      </c>
      <c r="C102" s="14">
        <v>76</v>
      </c>
      <c r="D102" s="18">
        <v>128</v>
      </c>
    </row>
    <row r="103" spans="1:4" ht="18" customHeight="1" x14ac:dyDescent="0.15">
      <c r="A103" s="5">
        <v>80</v>
      </c>
      <c r="B103" s="22">
        <v>9</v>
      </c>
      <c r="C103" s="14">
        <v>6</v>
      </c>
      <c r="D103" s="18">
        <v>15</v>
      </c>
    </row>
    <row r="104" spans="1:4" ht="18" customHeight="1" x14ac:dyDescent="0.15">
      <c r="A104" s="5">
        <v>81</v>
      </c>
      <c r="B104" s="22">
        <v>14</v>
      </c>
      <c r="C104" s="14">
        <v>5</v>
      </c>
      <c r="D104" s="18">
        <v>19</v>
      </c>
    </row>
    <row r="105" spans="1:4" ht="18" customHeight="1" x14ac:dyDescent="0.15">
      <c r="A105" s="5">
        <v>82</v>
      </c>
      <c r="B105" s="22">
        <v>5</v>
      </c>
      <c r="C105" s="14">
        <v>16</v>
      </c>
      <c r="D105" s="18">
        <v>21</v>
      </c>
    </row>
    <row r="106" spans="1:4" ht="18" customHeight="1" x14ac:dyDescent="0.15">
      <c r="A106" s="5">
        <v>83</v>
      </c>
      <c r="B106" s="22">
        <v>8</v>
      </c>
      <c r="C106" s="14">
        <v>10</v>
      </c>
      <c r="D106" s="18">
        <v>18</v>
      </c>
    </row>
    <row r="107" spans="1:4" ht="18" customHeight="1" x14ac:dyDescent="0.15">
      <c r="A107" s="5">
        <v>84</v>
      </c>
      <c r="B107" s="22">
        <v>7</v>
      </c>
      <c r="C107" s="14">
        <v>8</v>
      </c>
      <c r="D107" s="18">
        <v>15</v>
      </c>
    </row>
    <row r="108" spans="1:4" ht="18" customHeight="1" x14ac:dyDescent="0.15">
      <c r="A108" s="5" t="s">
        <v>35</v>
      </c>
      <c r="B108" s="22">
        <v>43</v>
      </c>
      <c r="C108" s="14">
        <v>45</v>
      </c>
      <c r="D108" s="18">
        <v>88</v>
      </c>
    </row>
    <row r="109" spans="1:4" ht="18" customHeight="1" x14ac:dyDescent="0.15">
      <c r="A109" s="5">
        <v>85</v>
      </c>
      <c r="B109" s="22">
        <v>1</v>
      </c>
      <c r="C109" s="14">
        <v>3</v>
      </c>
      <c r="D109" s="18">
        <v>4</v>
      </c>
    </row>
    <row r="110" spans="1:4" ht="18" customHeight="1" x14ac:dyDescent="0.15">
      <c r="A110" s="5">
        <v>86</v>
      </c>
      <c r="B110" s="22">
        <v>3</v>
      </c>
      <c r="C110" s="14">
        <v>10</v>
      </c>
      <c r="D110" s="18">
        <v>13</v>
      </c>
    </row>
    <row r="111" spans="1:4" ht="18" customHeight="1" x14ac:dyDescent="0.15">
      <c r="A111" s="5">
        <v>87</v>
      </c>
      <c r="B111" s="22">
        <v>2</v>
      </c>
      <c r="C111" s="14">
        <v>8</v>
      </c>
      <c r="D111" s="18">
        <v>10</v>
      </c>
    </row>
    <row r="112" spans="1:4" ht="18" customHeight="1" x14ac:dyDescent="0.15">
      <c r="A112" s="5">
        <v>88</v>
      </c>
      <c r="B112" s="22">
        <v>6</v>
      </c>
      <c r="C112" s="14">
        <v>8</v>
      </c>
      <c r="D112" s="18">
        <v>14</v>
      </c>
    </row>
    <row r="113" spans="1:4" ht="18" customHeight="1" x14ac:dyDescent="0.15">
      <c r="A113" s="5">
        <v>89</v>
      </c>
      <c r="B113" s="22">
        <v>2</v>
      </c>
      <c r="C113" s="14">
        <v>2</v>
      </c>
      <c r="D113" s="18">
        <v>4</v>
      </c>
    </row>
    <row r="114" spans="1:4" ht="18" customHeight="1" x14ac:dyDescent="0.15">
      <c r="A114" s="5" t="s">
        <v>37</v>
      </c>
      <c r="B114" s="22">
        <v>14</v>
      </c>
      <c r="C114" s="14">
        <v>31</v>
      </c>
      <c r="D114" s="18">
        <v>45</v>
      </c>
    </row>
    <row r="115" spans="1:4" ht="18" customHeight="1" x14ac:dyDescent="0.15">
      <c r="A115" s="5">
        <v>90</v>
      </c>
      <c r="B115" s="22">
        <v>3</v>
      </c>
      <c r="C115" s="14">
        <v>8</v>
      </c>
      <c r="D115" s="18">
        <v>11</v>
      </c>
    </row>
    <row r="116" spans="1:4" ht="18" customHeight="1" x14ac:dyDescent="0.15">
      <c r="A116" s="5">
        <v>91</v>
      </c>
      <c r="B116" s="22">
        <v>3</v>
      </c>
      <c r="C116" s="14">
        <v>5</v>
      </c>
      <c r="D116" s="18">
        <v>8</v>
      </c>
    </row>
    <row r="117" spans="1:4" ht="18" customHeight="1" x14ac:dyDescent="0.15">
      <c r="A117" s="5">
        <v>92</v>
      </c>
      <c r="B117" s="22">
        <v>2</v>
      </c>
      <c r="C117" s="14">
        <v>2</v>
      </c>
      <c r="D117" s="18">
        <v>4</v>
      </c>
    </row>
    <row r="118" spans="1:4" ht="18" customHeight="1" x14ac:dyDescent="0.15">
      <c r="A118" s="5">
        <v>93</v>
      </c>
      <c r="B118" s="22">
        <v>3</v>
      </c>
      <c r="C118" s="14">
        <v>5</v>
      </c>
      <c r="D118" s="18">
        <v>8</v>
      </c>
    </row>
    <row r="119" spans="1:4" ht="18" customHeight="1" x14ac:dyDescent="0.15">
      <c r="A119" s="5">
        <v>94</v>
      </c>
      <c r="B119" s="22">
        <v>0</v>
      </c>
      <c r="C119" s="14">
        <v>10</v>
      </c>
      <c r="D119" s="18">
        <v>10</v>
      </c>
    </row>
    <row r="120" spans="1:4" ht="18" customHeight="1" x14ac:dyDescent="0.15">
      <c r="A120" s="5" t="s">
        <v>39</v>
      </c>
      <c r="B120" s="22">
        <v>11</v>
      </c>
      <c r="C120" s="14">
        <v>30</v>
      </c>
      <c r="D120" s="18">
        <v>41</v>
      </c>
    </row>
    <row r="121" spans="1:4" ht="18" customHeight="1" x14ac:dyDescent="0.15">
      <c r="A121" s="5">
        <v>95</v>
      </c>
      <c r="B121" s="22">
        <v>1</v>
      </c>
      <c r="C121" s="14">
        <v>3</v>
      </c>
      <c r="D121" s="18">
        <v>4</v>
      </c>
    </row>
    <row r="122" spans="1:4" ht="18" customHeight="1" x14ac:dyDescent="0.15">
      <c r="A122" s="5">
        <v>96</v>
      </c>
      <c r="B122" s="22">
        <v>0</v>
      </c>
      <c r="C122" s="14">
        <v>3</v>
      </c>
      <c r="D122" s="18">
        <v>3</v>
      </c>
    </row>
    <row r="123" spans="1:4" ht="18" customHeight="1" x14ac:dyDescent="0.15">
      <c r="A123" s="5">
        <v>97</v>
      </c>
      <c r="B123" s="22">
        <v>1</v>
      </c>
      <c r="C123" s="14">
        <v>3</v>
      </c>
      <c r="D123" s="18">
        <v>4</v>
      </c>
    </row>
    <row r="124" spans="1:4" ht="18" customHeight="1" x14ac:dyDescent="0.15">
      <c r="A124" s="5">
        <v>98</v>
      </c>
      <c r="B124" s="22">
        <v>1</v>
      </c>
      <c r="C124" s="14">
        <v>0</v>
      </c>
      <c r="D124" s="18">
        <v>1</v>
      </c>
    </row>
    <row r="125" spans="1:4" ht="18" customHeight="1" x14ac:dyDescent="0.15">
      <c r="A125" s="5">
        <v>99</v>
      </c>
      <c r="B125" s="22">
        <v>0</v>
      </c>
      <c r="C125" s="14">
        <v>0</v>
      </c>
      <c r="D125" s="18">
        <v>0</v>
      </c>
    </row>
    <row r="126" spans="1:4" ht="18" customHeight="1" x14ac:dyDescent="0.15">
      <c r="A126" s="5" t="s">
        <v>40</v>
      </c>
      <c r="B126" s="22">
        <v>3</v>
      </c>
      <c r="C126" s="14">
        <v>9</v>
      </c>
      <c r="D126" s="18">
        <v>12</v>
      </c>
    </row>
    <row r="127" spans="1:4" ht="18" customHeight="1" x14ac:dyDescent="0.15">
      <c r="A127" s="5">
        <v>100</v>
      </c>
      <c r="B127" s="22">
        <v>0</v>
      </c>
      <c r="C127" s="14">
        <v>1</v>
      </c>
      <c r="D127" s="18">
        <v>1</v>
      </c>
    </row>
    <row r="128" spans="1:4" ht="18" customHeight="1" x14ac:dyDescent="0.15">
      <c r="A128" s="6" t="s">
        <v>43</v>
      </c>
      <c r="B128" s="22">
        <v>0</v>
      </c>
      <c r="C128" s="14">
        <v>1</v>
      </c>
      <c r="D128" s="18">
        <v>1</v>
      </c>
    </row>
    <row r="129" spans="1:4" ht="18" customHeight="1" x14ac:dyDescent="0.15">
      <c r="A129" s="5" t="s">
        <v>44</v>
      </c>
      <c r="B129" s="22">
        <v>0</v>
      </c>
      <c r="C129" s="14">
        <v>2</v>
      </c>
      <c r="D129" s="18">
        <v>2</v>
      </c>
    </row>
    <row r="130" spans="1:4" ht="18" customHeight="1" x14ac:dyDescent="0.15">
      <c r="A130" s="5" t="s">
        <v>46</v>
      </c>
      <c r="B130" s="22">
        <v>217</v>
      </c>
      <c r="C130" s="14">
        <v>282</v>
      </c>
      <c r="D130" s="18">
        <v>499</v>
      </c>
    </row>
    <row r="131" spans="1:4" ht="18" customHeight="1" x14ac:dyDescent="0.15">
      <c r="A131" s="7" t="s">
        <v>45</v>
      </c>
      <c r="B131" s="23">
        <v>510</v>
      </c>
      <c r="C131" s="15">
        <v>542</v>
      </c>
      <c r="D131" s="19">
        <v>105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3-04T02:48:55Z</dcterms:created>
  <dcterms:modified xsi:type="dcterms:W3CDTF">2026-03-05T05:27:2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3-04T02:48:55Z</vt:filetime>
  </property>
</Properties>
</file>